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drawings/drawing9.xml" ContentType="application/vnd.openxmlformats-officedocument.drawing+xml"/>
  <Override PartName="/xl/drawings/drawing10.xml" ContentType="application/vnd.openxmlformats-officedocument.drawing+xml"/>
  <Override PartName="/xl/drawings/drawing11.xml" ContentType="application/vnd.openxmlformats-officedocument.drawing+xml"/>
  <Override PartName="/xl/drawings/drawing12.xml" ContentType="application/vnd.openxmlformats-officedocument.drawing+xml"/>
  <Override PartName="/xl/drawings/drawing13.xml" ContentType="application/vnd.openxmlformats-officedocument.drawing+xml"/>
  <Override PartName="/xl/drawings/drawing14.xml" ContentType="application/vnd.openxmlformats-officedocument.drawing+xml"/>
  <Override PartName="/xl/drawings/drawing15.xml" ContentType="application/vnd.openxmlformats-officedocument.drawing+xml"/>
  <Override PartName="/xl/drawings/drawing16.xml" ContentType="application/vnd.openxmlformats-officedocument.drawing+xml"/>
  <Override PartName="/xl/drawings/drawing17.xml" ContentType="application/vnd.openxmlformats-officedocument.drawing+xml"/>
  <Override PartName="/xl/drawings/drawing18.xml" ContentType="application/vnd.openxmlformats-officedocument.drawing+xml"/>
  <Override PartName="/xl/drawings/drawing19.xml" ContentType="application/vnd.openxmlformats-officedocument.drawing+xml"/>
  <Override PartName="/xl/drawings/drawing20.xml" ContentType="application/vnd.openxmlformats-officedocument.drawing+xml"/>
  <Override PartName="/xl/drawings/drawing2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531"/>
  <workbookPr defaultThemeVersion="124226"/>
  <mc:AlternateContent xmlns:mc="http://schemas.openxmlformats.org/markup-compatibility/2006">
    <mc:Choice Requires="x15">
      <x15ac:absPath xmlns:x15ac="http://schemas.microsoft.com/office/spreadsheetml/2010/11/ac" url="Y:\ssectorial\Q 2014\PRECIOS ORIGEN-MAYORISTA\1 HOJAS SEMANALES\2024\s25\"/>
    </mc:Choice>
  </mc:AlternateContent>
  <xr:revisionPtr revIDLastSave="0" documentId="13_ncr:1_{609888E2-76BE-460B-B3F7-1F97F1598173}" xr6:coauthVersionLast="47" xr6:coauthVersionMax="47" xr10:uidLastSave="{00000000-0000-0000-0000-000000000000}"/>
  <bookViews>
    <workbookView xWindow="-120" yWindow="-120" windowWidth="29040" windowHeight="15840" firstSheet="8" activeTab="20" xr2:uid="{00000000-000D-0000-FFFF-FFFF00000000}"/>
  </bookViews>
  <sheets>
    <sheet name="2004" sheetId="3" r:id="rId1"/>
    <sheet name="2005" sheetId="2" r:id="rId2"/>
    <sheet name="2006" sheetId="1" r:id="rId3"/>
    <sheet name="2007" sheetId="4" r:id="rId4"/>
    <sheet name="2008" sheetId="5" r:id="rId5"/>
    <sheet name="2009" sheetId="6" r:id="rId6"/>
    <sheet name="2010" sheetId="7" r:id="rId7"/>
    <sheet name="2011" sheetId="8" r:id="rId8"/>
    <sheet name="2012" sheetId="11" r:id="rId9"/>
    <sheet name="2013" sheetId="12" r:id="rId10"/>
    <sheet name="2014" sheetId="13" r:id="rId11"/>
    <sheet name="2015" sheetId="14" r:id="rId12"/>
    <sheet name="2016" sheetId="15" r:id="rId13"/>
    <sheet name="2017" sheetId="18" r:id="rId14"/>
    <sheet name="2018" sheetId="20" r:id="rId15"/>
    <sheet name="2019" sheetId="23" r:id="rId16"/>
    <sheet name="2020" sheetId="22" r:id="rId17"/>
    <sheet name="2021" sheetId="24" r:id="rId18"/>
    <sheet name="2022" sheetId="25" r:id="rId19"/>
    <sheet name="2023" sheetId="26" r:id="rId20"/>
    <sheet name="2024" sheetId="27" r:id="rId21"/>
    <sheet name="Hoja1" sheetId="19" state="hidden" r:id="rId22"/>
  </sheets>
  <definedNames>
    <definedName name="_xlnm.Print_Area" localSheetId="3">'2007'!$BE$2</definedName>
    <definedName name="_xlnm.Print_Area" localSheetId="4">'2008'!$BE$2</definedName>
    <definedName name="_xlnm.Print_Area" localSheetId="5">'2009'!$D$137</definedName>
    <definedName name="_xlnm.Print_Area" localSheetId="6">'2010'!$D$145</definedName>
    <definedName name="_xlnm.Print_Area" localSheetId="7">'2011'!$D$145</definedName>
    <definedName name="_xlnm.Print_Area" localSheetId="8">'2012'!$D$14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BB48" i="11" l="1"/>
</calcChain>
</file>

<file path=xl/sharedStrings.xml><?xml version="1.0" encoding="utf-8"?>
<sst xmlns="http://schemas.openxmlformats.org/spreadsheetml/2006/main" count="9574" uniqueCount="203">
  <si>
    <t>PRECIOS ORIGEN</t>
  </si>
  <si>
    <t>PRECIOS MERCASA</t>
  </si>
  <si>
    <t>productos</t>
  </si>
  <si>
    <t>Unidades</t>
  </si>
  <si>
    <t>S 42</t>
  </si>
  <si>
    <t>S 43</t>
  </si>
  <si>
    <t>S 44</t>
  </si>
  <si>
    <t>S 45</t>
  </si>
  <si>
    <t>S 46</t>
  </si>
  <si>
    <t>S 47</t>
  </si>
  <si>
    <t>S 48</t>
  </si>
  <si>
    <t>S 49</t>
  </si>
  <si>
    <t>S 50</t>
  </si>
  <si>
    <t>S 51</t>
  </si>
  <si>
    <t>S 52</t>
  </si>
  <si>
    <t>S 1</t>
  </si>
  <si>
    <t>S 2</t>
  </si>
  <si>
    <t>S 3</t>
  </si>
  <si>
    <t>S 4</t>
  </si>
  <si>
    <t>S 5</t>
  </si>
  <si>
    <t>S 6</t>
  </si>
  <si>
    <t>S 7</t>
  </si>
  <si>
    <t>S 8</t>
  </si>
  <si>
    <t>S 9</t>
  </si>
  <si>
    <t>S 10</t>
  </si>
  <si>
    <t>S 11</t>
  </si>
  <si>
    <t>S 12</t>
  </si>
  <si>
    <t>S 13</t>
  </si>
  <si>
    <t>S 14</t>
  </si>
  <si>
    <t>S 15</t>
  </si>
  <si>
    <t>S 16</t>
  </si>
  <si>
    <t>S 17</t>
  </si>
  <si>
    <t>S 18</t>
  </si>
  <si>
    <t>S 19</t>
  </si>
  <si>
    <t>S 20</t>
  </si>
  <si>
    <t>S 21</t>
  </si>
  <si>
    <t>S 22</t>
  </si>
  <si>
    <t>S 23</t>
  </si>
  <si>
    <t>S 24</t>
  </si>
  <si>
    <t>S 25</t>
  </si>
  <si>
    <t>S 26</t>
  </si>
  <si>
    <t>S 27</t>
  </si>
  <si>
    <t>S 28</t>
  </si>
  <si>
    <t>S 29</t>
  </si>
  <si>
    <t>S 30</t>
  </si>
  <si>
    <t>S 31</t>
  </si>
  <si>
    <t>S 32</t>
  </si>
  <si>
    <t>S 33</t>
  </si>
  <si>
    <t>S 34</t>
  </si>
  <si>
    <t>S 35</t>
  </si>
  <si>
    <t>S 36</t>
  </si>
  <si>
    <t>S 37</t>
  </si>
  <si>
    <t>S 38</t>
  </si>
  <si>
    <t>S 39</t>
  </si>
  <si>
    <t>S 40</t>
  </si>
  <si>
    <t>S 41</t>
  </si>
  <si>
    <t>S 53</t>
  </si>
  <si>
    <t>Ternera de 1ª A</t>
  </si>
  <si>
    <t>kg</t>
  </si>
  <si>
    <t>Cordero Pascual 1ª</t>
  </si>
  <si>
    <t>Cerdo 1ª</t>
  </si>
  <si>
    <t>Pollo fresco</t>
  </si>
  <si>
    <t>Conejo de granja</t>
  </si>
  <si>
    <t>Merluza 2,5 a 5 kg. G.S.</t>
  </si>
  <si>
    <t>Pescadilla 1,5 kg</t>
  </si>
  <si>
    <t>Sardinas</t>
  </si>
  <si>
    <t>Anchoa o boquerón</t>
  </si>
  <si>
    <t>Gallos</t>
  </si>
  <si>
    <t>Jurel</t>
  </si>
  <si>
    <t>Bacaladilla</t>
  </si>
  <si>
    <t>Caballa</t>
  </si>
  <si>
    <t>Trucha</t>
  </si>
  <si>
    <t>Salmón</t>
  </si>
  <si>
    <t>Chirla</t>
  </si>
  <si>
    <t xml:space="preserve">Mejillón </t>
  </si>
  <si>
    <t>Huevos clase M</t>
  </si>
  <si>
    <t>docena</t>
  </si>
  <si>
    <t xml:space="preserve">                                    </t>
  </si>
  <si>
    <t>Patata</t>
  </si>
  <si>
    <t>Acelga</t>
  </si>
  <si>
    <t>Calabacín</t>
  </si>
  <si>
    <t xml:space="preserve">Cebolla grano de oro </t>
  </si>
  <si>
    <t>Judía verde plana</t>
  </si>
  <si>
    <t>1 ,38</t>
  </si>
  <si>
    <t>Lechuga Romana</t>
  </si>
  <si>
    <t>unidad</t>
  </si>
  <si>
    <t>Pimiento verde tipo italiano</t>
  </si>
  <si>
    <t>Zanahoria</t>
  </si>
  <si>
    <t>Limón</t>
  </si>
  <si>
    <t xml:space="preserve">Manzana golden </t>
  </si>
  <si>
    <t>-</t>
  </si>
  <si>
    <t>Clementina</t>
  </si>
  <si>
    <t xml:space="preserve">        </t>
  </si>
  <si>
    <t>Naranja Navel</t>
  </si>
  <si>
    <t>--</t>
  </si>
  <si>
    <t>Pera de agua o blanquilla</t>
  </si>
  <si>
    <t>Plátano</t>
  </si>
  <si>
    <t>PRECIOS DESTINO</t>
  </si>
  <si>
    <t>Precios semanales origen - destino</t>
  </si>
  <si>
    <t>Productos frescos</t>
  </si>
  <si>
    <t>Naranja tipo Navel</t>
  </si>
  <si>
    <t xml:space="preserve">Bonito </t>
  </si>
  <si>
    <t>Dorada</t>
  </si>
  <si>
    <t>Bonito</t>
  </si>
  <si>
    <t xml:space="preserve">Tomate redondo liso </t>
  </si>
  <si>
    <t>Pez Espada Congelado*</t>
  </si>
  <si>
    <t>Pez Espada Congelado</t>
  </si>
  <si>
    <t>**</t>
  </si>
  <si>
    <r>
      <t>**</t>
    </r>
    <r>
      <rPr>
        <sz val="8"/>
        <rFont val="Arial"/>
        <family val="2"/>
      </rPr>
      <t>Los productores de pez espada congelado informan que no hubo ventas de esta especie</t>
    </r>
  </si>
  <si>
    <t>**Los productores de pez espada congelado han comunicado que no han realizado ventas de este producto, de ahí, que aparezca en blanco.</t>
  </si>
  <si>
    <t>*</t>
  </si>
  <si>
    <t>VEDA</t>
  </si>
  <si>
    <t>SIN DATOS</t>
  </si>
  <si>
    <t>9,45,</t>
  </si>
  <si>
    <t>0.78</t>
  </si>
  <si>
    <t>10.70</t>
  </si>
  <si>
    <t>Gallo</t>
  </si>
  <si>
    <t>Cebolla</t>
  </si>
  <si>
    <t>Pimiento verde</t>
  </si>
  <si>
    <t>Tomate liso para ensalada</t>
  </si>
  <si>
    <t xml:space="preserve">4.61 </t>
  </si>
  <si>
    <t>0,25</t>
  </si>
  <si>
    <t xml:space="preserve">Cebolla </t>
  </si>
  <si>
    <t xml:space="preserve">Clementina </t>
  </si>
  <si>
    <t>Tomate redondo liso *</t>
  </si>
  <si>
    <t xml:space="preserve">* ha habido un error en el precio del tomate redondo liso de la SEMANA 43; el precio correcto es de 26,20€/100kg. </t>
  </si>
  <si>
    <t>* El precio del calabacín está sensiblemente más caro en el eslabón mayorista que en destino. Esto puede ser debido a que la subida ha sido muy brusca en origen y todavía no se ha trasladado a destino</t>
  </si>
  <si>
    <t>* Se ha detectado un error en el precio de la pera blanquilla de la semana 46.</t>
  </si>
  <si>
    <t>Calabacín*</t>
  </si>
  <si>
    <t>Pera de agua o blanquilla*</t>
  </si>
  <si>
    <t>0,21</t>
  </si>
  <si>
    <t>0,30</t>
  </si>
  <si>
    <t>(**)</t>
  </si>
  <si>
    <t xml:space="preserve">Bonito  </t>
  </si>
  <si>
    <t xml:space="preserve">Patata </t>
  </si>
  <si>
    <t>0,28</t>
  </si>
  <si>
    <t xml:space="preserve">Chirla </t>
  </si>
  <si>
    <r>
      <t>NOTA ACLARATORIA</t>
    </r>
    <r>
      <rPr>
        <sz val="11"/>
        <rFont val="Calibri"/>
        <family val="2"/>
      </rPr>
      <t xml:space="preserve">: </t>
    </r>
  </si>
  <si>
    <t xml:space="preserve">Se considera que el año 2014 ha tenido 53 semanas, porque el día 31 de diciembre fue miércoles y por lo tanto, la mayoría de las ventas en los mercados en origen se realizaron al principio de esa semana, en los últimos días de diciembre. </t>
  </si>
  <si>
    <t>28-XII a 4-I</t>
  </si>
  <si>
    <t>_</t>
  </si>
  <si>
    <t>2,,6</t>
  </si>
  <si>
    <t>7.5</t>
  </si>
  <si>
    <t>3.54</t>
  </si>
  <si>
    <t>2.54</t>
  </si>
  <si>
    <t>1.41</t>
  </si>
  <si>
    <t>6.25</t>
  </si>
  <si>
    <t>0.51</t>
  </si>
  <si>
    <t>1.44</t>
  </si>
  <si>
    <t>1.06</t>
  </si>
  <si>
    <t>2.07</t>
  </si>
  <si>
    <t>2.6</t>
  </si>
  <si>
    <t>5.01</t>
  </si>
  <si>
    <t>5.22</t>
  </si>
  <si>
    <t>3.58</t>
  </si>
  <si>
    <t>0.9</t>
  </si>
  <si>
    <t>5.49</t>
  </si>
  <si>
    <t>0,32</t>
  </si>
  <si>
    <t>3.74</t>
  </si>
  <si>
    <t>SIN SUBASTA</t>
  </si>
  <si>
    <t>SIN VENTA</t>
  </si>
  <si>
    <t xml:space="preserve"> - </t>
  </si>
  <si>
    <t xml:space="preserve"> </t>
  </si>
  <si>
    <t>El precio del salmón en origen se obtiene de la dirección general de aduanas por ser producto de importación y tiene un desfase de aproximadamente mes y medio, por ello los precios son más altos.</t>
  </si>
  <si>
    <t>Salmón *</t>
  </si>
  <si>
    <t>3,45</t>
  </si>
  <si>
    <t>5.36</t>
  </si>
  <si>
    <t>Precios semanales Origen - Mercas</t>
  </si>
  <si>
    <t>3.45</t>
  </si>
  <si>
    <t>0,20</t>
  </si>
  <si>
    <t>1,12</t>
  </si>
  <si>
    <t>PRECIOS EN ORIGEN</t>
  </si>
  <si>
    <t>Patata *</t>
  </si>
  <si>
    <t>Bonito **</t>
  </si>
  <si>
    <t xml:space="preserve">Precio elevado en origen por la entrada de la Costera del Bonito </t>
  </si>
  <si>
    <t>Acelga***</t>
  </si>
  <si>
    <t xml:space="preserve">El mayor valor de la patata en origen se justifica debido al inicio de la comercialización da la patata temprana, de mayor valor.              
</t>
  </si>
  <si>
    <t>Calabacín ****</t>
  </si>
  <si>
    <t>0.96</t>
  </si>
  <si>
    <t>*Patata  sem. 13 a 19</t>
  </si>
  <si>
    <t>**Bonito sem. 23</t>
  </si>
  <si>
    <t>***Acelga sem. 33,34 y 35          Entrada en Origen de Acelga Gallega, de mayor cotización, que no pasa a los Mercas a nivel Nacional</t>
  </si>
  <si>
    <t xml:space="preserve">****Calabacín sem. 41 y 42        La climatología favorable aporta producto de gran calidad y mayor cotización en Origen </t>
  </si>
  <si>
    <t>0,23</t>
  </si>
  <si>
    <t xml:space="preserve">Calabacín </t>
  </si>
  <si>
    <t>**Bonito s 23</t>
  </si>
  <si>
    <t>Aumento de Precio en Origen por la entrada de la "Costera del Bonito"</t>
  </si>
  <si>
    <t>Acelga ***</t>
  </si>
  <si>
    <t>*Patata  s11, 12, 13, 14, 15, 16, 17, 18, 19, 20, 38, 39,40 y 41</t>
  </si>
  <si>
    <t>***Acelga s28 a s36, 39 a 48          Entrada en Origen de Acelga Gallega, de mayor cotización, que no pasa a los Mercas a nivel Nacional</t>
  </si>
  <si>
    <t xml:space="preserve">Acelga </t>
  </si>
  <si>
    <t xml:space="preserve">*Patata  s14 a 21 </t>
  </si>
  <si>
    <t>** Bonito</t>
  </si>
  <si>
    <t>Inicio de la Costera del Bonito</t>
  </si>
  <si>
    <t>−</t>
  </si>
  <si>
    <t/>
  </si>
  <si>
    <t>Ternera de 1ª A (1)</t>
  </si>
  <si>
    <t>Cordero Pascual 1ª (1)</t>
  </si>
  <si>
    <t>Cerdo 1ª (1)</t>
  </si>
  <si>
    <t>Pollo fresco (1)</t>
  </si>
  <si>
    <t>Conejo de granja (1)</t>
  </si>
  <si>
    <t>Huevos clase M (1)</t>
  </si>
  <si>
    <t>(1): Producto no comercializado por MERCAS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0"/>
  </numFmts>
  <fonts count="42" x14ac:knownFonts="1">
    <font>
      <sz val="10"/>
      <name val="Arial"/>
    </font>
    <font>
      <sz val="10"/>
      <name val="Arial"/>
      <family val="2"/>
    </font>
    <font>
      <b/>
      <sz val="10"/>
      <name val="Arial"/>
      <family val="2"/>
    </font>
    <font>
      <b/>
      <sz val="9"/>
      <name val="Arial"/>
      <family val="2"/>
    </font>
    <font>
      <sz val="9"/>
      <name val="Arial"/>
      <family val="2"/>
    </font>
    <font>
      <sz val="9"/>
      <name val="Arial"/>
      <family val="2"/>
    </font>
    <font>
      <sz val="7"/>
      <name val="Arial"/>
      <family val="2"/>
    </font>
    <font>
      <b/>
      <u/>
      <sz val="14"/>
      <name val="Arial"/>
      <family val="2"/>
    </font>
    <font>
      <b/>
      <u/>
      <sz val="12"/>
      <name val="Arial"/>
      <family val="2"/>
    </font>
    <font>
      <sz val="8"/>
      <name val="Arial"/>
      <family val="2"/>
    </font>
    <font>
      <sz val="10"/>
      <color indexed="8"/>
      <name val="MS Sans Serif"/>
      <family val="2"/>
    </font>
    <font>
      <sz val="9"/>
      <color indexed="8"/>
      <name val="Arial"/>
      <family val="2"/>
    </font>
    <font>
      <sz val="10"/>
      <name val="Arial"/>
      <family val="2"/>
    </font>
    <font>
      <sz val="5"/>
      <name val="Arial"/>
      <family val="2"/>
    </font>
    <font>
      <sz val="11"/>
      <name val="Calibri"/>
      <family val="2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11"/>
      <color indexed="17"/>
      <name val="Calibri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sz val="11"/>
      <color indexed="52"/>
      <name val="Calibri"/>
      <family val="2"/>
    </font>
    <font>
      <b/>
      <sz val="11"/>
      <color indexed="56"/>
      <name val="Calibri"/>
      <family val="2"/>
    </font>
    <font>
      <sz val="11"/>
      <color indexed="62"/>
      <name val="Calibri"/>
      <family val="2"/>
    </font>
    <font>
      <sz val="11"/>
      <color indexed="20"/>
      <name val="Calibri"/>
      <family val="2"/>
    </font>
    <font>
      <sz val="11"/>
      <color indexed="60"/>
      <name val="Calibri"/>
      <family val="2"/>
    </font>
    <font>
      <b/>
      <sz val="11"/>
      <color indexed="63"/>
      <name val="Calibri"/>
      <family val="2"/>
    </font>
    <font>
      <sz val="11"/>
      <color indexed="10"/>
      <name val="Calibri"/>
      <family val="2"/>
    </font>
    <font>
      <i/>
      <sz val="11"/>
      <color indexed="23"/>
      <name val="Calibri"/>
      <family val="2"/>
    </font>
    <font>
      <b/>
      <sz val="18"/>
      <color indexed="56"/>
      <name val="Cambria"/>
      <family val="2"/>
    </font>
    <font>
      <b/>
      <sz val="13"/>
      <color indexed="56"/>
      <name val="Calibri"/>
      <family val="2"/>
    </font>
    <font>
      <b/>
      <sz val="11"/>
      <color indexed="8"/>
      <name val="Calibri"/>
      <family val="2"/>
    </font>
    <font>
      <sz val="8"/>
      <name val="Arial"/>
      <family val="2"/>
    </font>
    <font>
      <b/>
      <sz val="11"/>
      <name val="Calibri"/>
      <family val="2"/>
    </font>
    <font>
      <i/>
      <sz val="8"/>
      <name val="Arial"/>
      <family val="2"/>
    </font>
    <font>
      <b/>
      <i/>
      <sz val="10"/>
      <name val="Arial"/>
      <family val="2"/>
    </font>
    <font>
      <sz val="9"/>
      <color theme="1"/>
      <name val="Arial"/>
      <family val="2"/>
    </font>
    <font>
      <sz val="9"/>
      <color rgb="FF000000"/>
      <name val="Arial"/>
      <family val="2"/>
    </font>
    <font>
      <sz val="10"/>
      <color theme="1"/>
      <name val="Arial"/>
      <family val="2"/>
    </font>
    <font>
      <b/>
      <u/>
      <sz val="10"/>
      <name val="Arial"/>
      <family val="2"/>
    </font>
    <font>
      <sz val="10"/>
      <name val="Calibri"/>
      <family val="2"/>
    </font>
    <font>
      <sz val="10"/>
      <color rgb="FF000000"/>
      <name val="Arial"/>
      <family val="2"/>
    </font>
    <font>
      <i/>
      <sz val="10"/>
      <name val="Arial"/>
      <family val="2"/>
    </font>
  </fonts>
  <fills count="27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9"/>
        <bgColor indexed="9"/>
      </patternFill>
    </fill>
    <fill>
      <patternFill patternType="solid">
        <fgColor theme="0"/>
        <bgColor indexed="64"/>
      </patternFill>
    </fill>
    <fill>
      <patternFill patternType="solid">
        <fgColor rgb="FFFFFFFF"/>
        <bgColor rgb="FF000000"/>
      </patternFill>
    </fill>
  </fills>
  <borders count="29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double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 style="thin">
        <color indexed="64"/>
      </bottom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uble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/>
      <diagonal/>
    </border>
  </borders>
  <cellStyleXfs count="46">
    <xf numFmtId="0" fontId="0" fillId="0" borderId="0"/>
    <xf numFmtId="0" fontId="15" fillId="2" borderId="0" applyNumberFormat="0" applyBorder="0" applyAlignment="0" applyProtection="0"/>
    <xf numFmtId="0" fontId="15" fillId="3" borderId="0" applyNumberFormat="0" applyBorder="0" applyAlignment="0" applyProtection="0"/>
    <xf numFmtId="0" fontId="15" fillId="4" borderId="0" applyNumberFormat="0" applyBorder="0" applyAlignment="0" applyProtection="0"/>
    <xf numFmtId="0" fontId="15" fillId="5" borderId="0" applyNumberFormat="0" applyBorder="0" applyAlignment="0" applyProtection="0"/>
    <xf numFmtId="0" fontId="15" fillId="6" borderId="0" applyNumberFormat="0" applyBorder="0" applyAlignment="0" applyProtection="0"/>
    <xf numFmtId="0" fontId="15" fillId="7" borderId="0" applyNumberFormat="0" applyBorder="0" applyAlignment="0" applyProtection="0"/>
    <xf numFmtId="0" fontId="15" fillId="8" borderId="0" applyNumberFormat="0" applyBorder="0" applyAlignment="0" applyProtection="0"/>
    <xf numFmtId="0" fontId="15" fillId="9" borderId="0" applyNumberFormat="0" applyBorder="0" applyAlignment="0" applyProtection="0"/>
    <xf numFmtId="0" fontId="15" fillId="10" borderId="0" applyNumberFormat="0" applyBorder="0" applyAlignment="0" applyProtection="0"/>
    <xf numFmtId="0" fontId="15" fillId="5" borderId="0" applyNumberFormat="0" applyBorder="0" applyAlignment="0" applyProtection="0"/>
    <xf numFmtId="0" fontId="15" fillId="8" borderId="0" applyNumberFormat="0" applyBorder="0" applyAlignment="0" applyProtection="0"/>
    <xf numFmtId="0" fontId="15" fillId="11" borderId="0" applyNumberFormat="0" applyBorder="0" applyAlignment="0" applyProtection="0"/>
    <xf numFmtId="0" fontId="16" fillId="12" borderId="0" applyNumberFormat="0" applyBorder="0" applyAlignment="0" applyProtection="0"/>
    <xf numFmtId="0" fontId="16" fillId="9" borderId="0" applyNumberFormat="0" applyBorder="0" applyAlignment="0" applyProtection="0"/>
    <xf numFmtId="0" fontId="16" fillId="10" borderId="0" applyNumberFormat="0" applyBorder="0" applyAlignment="0" applyProtection="0"/>
    <xf numFmtId="0" fontId="16" fillId="13" borderId="0" applyNumberFormat="0" applyBorder="0" applyAlignment="0" applyProtection="0"/>
    <xf numFmtId="0" fontId="16" fillId="14" borderId="0" applyNumberFormat="0" applyBorder="0" applyAlignment="0" applyProtection="0"/>
    <xf numFmtId="0" fontId="16" fillId="15" borderId="0" applyNumberFormat="0" applyBorder="0" applyAlignment="0" applyProtection="0"/>
    <xf numFmtId="0" fontId="17" fillId="4" borderId="0" applyNumberFormat="0" applyBorder="0" applyAlignment="0" applyProtection="0"/>
    <xf numFmtId="0" fontId="18" fillId="16" borderId="1" applyNumberFormat="0" applyAlignment="0" applyProtection="0"/>
    <xf numFmtId="0" fontId="19" fillId="17" borderId="2" applyNumberFormat="0" applyAlignment="0" applyProtection="0"/>
    <xf numFmtId="0" fontId="20" fillId="0" borderId="3" applyNumberFormat="0" applyFill="0" applyAlignment="0" applyProtection="0"/>
    <xf numFmtId="0" fontId="21" fillId="0" borderId="0" applyNumberFormat="0" applyFill="0" applyBorder="0" applyAlignment="0" applyProtection="0"/>
    <xf numFmtId="0" fontId="16" fillId="18" borderId="0" applyNumberFormat="0" applyBorder="0" applyAlignment="0" applyProtection="0"/>
    <xf numFmtId="0" fontId="16" fillId="19" borderId="0" applyNumberFormat="0" applyBorder="0" applyAlignment="0" applyProtection="0"/>
    <xf numFmtId="0" fontId="16" fillId="20" borderId="0" applyNumberFormat="0" applyBorder="0" applyAlignment="0" applyProtection="0"/>
    <xf numFmtId="0" fontId="16" fillId="13" borderId="0" applyNumberFormat="0" applyBorder="0" applyAlignment="0" applyProtection="0"/>
    <xf numFmtId="0" fontId="16" fillId="14" borderId="0" applyNumberFormat="0" applyBorder="0" applyAlignment="0" applyProtection="0"/>
    <xf numFmtId="0" fontId="16" fillId="21" borderId="0" applyNumberFormat="0" applyBorder="0" applyAlignment="0" applyProtection="0"/>
    <xf numFmtId="0" fontId="22" fillId="7" borderId="1" applyNumberFormat="0" applyAlignment="0" applyProtection="0"/>
    <xf numFmtId="0" fontId="23" fillId="3" borderId="0" applyNumberFormat="0" applyBorder="0" applyAlignment="0" applyProtection="0"/>
    <xf numFmtId="0" fontId="24" fillId="22" borderId="0" applyNumberFormat="0" applyBorder="0" applyAlignment="0" applyProtection="0"/>
    <xf numFmtId="0" fontId="12" fillId="0" borderId="0"/>
    <xf numFmtId="0" fontId="10" fillId="0" borderId="0"/>
    <xf numFmtId="0" fontId="10" fillId="0" borderId="0"/>
    <xf numFmtId="0" fontId="1" fillId="23" borderId="4" applyNumberFormat="0" applyFont="0" applyAlignment="0" applyProtection="0"/>
    <xf numFmtId="9" fontId="1" fillId="0" borderId="0" applyFont="0" applyFill="0" applyBorder="0" applyAlignment="0" applyProtection="0"/>
    <xf numFmtId="0" fontId="25" fillId="16" borderId="5" applyNumberFormat="0" applyAlignment="0" applyProtection="0"/>
    <xf numFmtId="0" fontId="26" fillId="0" borderId="0" applyNumberFormat="0" applyFill="0" applyBorder="0" applyAlignment="0" applyProtection="0"/>
    <xf numFmtId="0" fontId="27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9" fillId="0" borderId="6" applyNumberFormat="0" applyFill="0" applyAlignment="0" applyProtection="0"/>
    <xf numFmtId="0" fontId="21" fillId="0" borderId="7" applyNumberFormat="0" applyFill="0" applyAlignment="0" applyProtection="0"/>
    <xf numFmtId="0" fontId="30" fillId="0" borderId="8" applyNumberFormat="0" applyFill="0" applyAlignment="0" applyProtection="0"/>
    <xf numFmtId="0" fontId="1" fillId="0" borderId="0"/>
  </cellStyleXfs>
  <cellXfs count="236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0" fontId="3" fillId="0" borderId="9" xfId="0" applyFont="1" applyBorder="1" applyAlignment="1">
      <alignment horizontal="center" vertical="center"/>
    </xf>
    <xf numFmtId="0" fontId="2" fillId="0" borderId="9" xfId="0" applyFont="1" applyBorder="1" applyAlignment="1">
      <alignment horizontal="center"/>
    </xf>
    <xf numFmtId="0" fontId="4" fillId="0" borderId="10" xfId="0" applyFont="1" applyBorder="1" applyAlignment="1">
      <alignment horizontal="left" vertical="center"/>
    </xf>
    <xf numFmtId="0" fontId="0" fillId="0" borderId="9" xfId="0" applyBorder="1" applyAlignment="1">
      <alignment horizontal="center" vertical="center"/>
    </xf>
    <xf numFmtId="2" fontId="5" fillId="0" borderId="9" xfId="0" applyNumberFormat="1" applyFont="1" applyBorder="1" applyAlignment="1">
      <alignment horizontal="center"/>
    </xf>
    <xf numFmtId="2" fontId="4" fillId="0" borderId="10" xfId="0" applyNumberFormat="1" applyFont="1" applyBorder="1" applyAlignment="1">
      <alignment horizontal="center" vertical="center"/>
    </xf>
    <xf numFmtId="2" fontId="4" fillId="0" borderId="10" xfId="0" applyNumberFormat="1" applyFont="1" applyBorder="1" applyAlignment="1">
      <alignment horizontal="center" vertical="top" wrapText="1"/>
    </xf>
    <xf numFmtId="2" fontId="4" fillId="0" borderId="9" xfId="0" applyNumberFormat="1" applyFont="1" applyBorder="1" applyAlignment="1">
      <alignment horizontal="center" vertical="top" wrapText="1"/>
    </xf>
    <xf numFmtId="2" fontId="4" fillId="0" borderId="10" xfId="37" applyNumberFormat="1" applyFont="1" applyBorder="1" applyAlignment="1">
      <alignment horizontal="center" vertical="center"/>
    </xf>
    <xf numFmtId="2" fontId="5" fillId="0" borderId="9" xfId="0" applyNumberFormat="1" applyFont="1" applyBorder="1" applyAlignment="1">
      <alignment horizontal="center" vertical="center"/>
    </xf>
    <xf numFmtId="0" fontId="5" fillId="0" borderId="9" xfId="0" applyFont="1" applyBorder="1" applyAlignment="1">
      <alignment horizontal="center"/>
    </xf>
    <xf numFmtId="0" fontId="5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0" fillId="0" borderId="9" xfId="0" applyBorder="1" applyAlignment="1">
      <alignment vertical="center"/>
    </xf>
    <xf numFmtId="2" fontId="4" fillId="0" borderId="9" xfId="0" applyNumberFormat="1" applyFont="1" applyBorder="1" applyAlignment="1">
      <alignment horizontal="center" vertical="center"/>
    </xf>
    <xf numFmtId="0" fontId="0" fillId="0" borderId="10" xfId="0" applyBorder="1" applyAlignment="1">
      <alignment vertical="center"/>
    </xf>
    <xf numFmtId="2" fontId="4" fillId="0" borderId="10" xfId="0" quotePrefix="1" applyNumberFormat="1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2" fontId="0" fillId="0" borderId="9" xfId="0" applyNumberFormat="1" applyBorder="1"/>
    <xf numFmtId="2" fontId="0" fillId="0" borderId="0" xfId="0" applyNumberFormat="1"/>
    <xf numFmtId="0" fontId="0" fillId="0" borderId="9" xfId="0" applyBorder="1"/>
    <xf numFmtId="2" fontId="5" fillId="0" borderId="11" xfId="0" applyNumberFormat="1" applyFont="1" applyBorder="1" applyAlignment="1">
      <alignment horizontal="center"/>
    </xf>
    <xf numFmtId="2" fontId="3" fillId="0" borderId="10" xfId="0" applyNumberFormat="1" applyFont="1" applyBorder="1" applyAlignment="1">
      <alignment horizontal="center" vertical="center"/>
    </xf>
    <xf numFmtId="2" fontId="3" fillId="0" borderId="9" xfId="0" applyNumberFormat="1" applyFont="1" applyBorder="1" applyAlignment="1">
      <alignment horizontal="center" vertical="center"/>
    </xf>
    <xf numFmtId="0" fontId="6" fillId="0" borderId="0" xfId="0" applyFont="1" applyAlignment="1">
      <alignment vertical="top" wrapText="1"/>
    </xf>
    <xf numFmtId="0" fontId="7" fillId="0" borderId="0" xfId="0" applyFont="1" applyAlignment="1">
      <alignment vertical="center"/>
    </xf>
    <xf numFmtId="0" fontId="8" fillId="0" borderId="0" xfId="0" applyFont="1" applyAlignment="1">
      <alignment vertical="center"/>
    </xf>
    <xf numFmtId="0" fontId="0" fillId="0" borderId="0" xfId="0" applyAlignment="1">
      <alignment vertical="center"/>
    </xf>
    <xf numFmtId="2" fontId="0" fillId="0" borderId="12" xfId="0" applyNumberFormat="1" applyBorder="1" applyAlignment="1">
      <alignment horizontal="center"/>
    </xf>
    <xf numFmtId="2" fontId="4" fillId="0" borderId="13" xfId="0" applyNumberFormat="1" applyFont="1" applyBorder="1" applyAlignment="1">
      <alignment horizontal="center" vertical="center"/>
    </xf>
    <xf numFmtId="2" fontId="4" fillId="0" borderId="14" xfId="0" applyNumberFormat="1" applyFont="1" applyBorder="1" applyAlignment="1">
      <alignment horizontal="center" vertical="center" wrapText="1"/>
    </xf>
    <xf numFmtId="2" fontId="4" fillId="0" borderId="9" xfId="0" applyNumberFormat="1" applyFont="1" applyBorder="1" applyAlignment="1">
      <alignment horizontal="center"/>
    </xf>
    <xf numFmtId="2" fontId="4" fillId="0" borderId="11" xfId="0" applyNumberFormat="1" applyFont="1" applyBorder="1" applyAlignment="1">
      <alignment horizontal="center"/>
    </xf>
    <xf numFmtId="0" fontId="4" fillId="0" borderId="9" xfId="0" applyFont="1" applyBorder="1" applyAlignment="1">
      <alignment horizontal="center"/>
    </xf>
    <xf numFmtId="2" fontId="4" fillId="0" borderId="11" xfId="0" applyNumberFormat="1" applyFont="1" applyBorder="1" applyAlignment="1">
      <alignment horizontal="center" vertical="center"/>
    </xf>
    <xf numFmtId="4" fontId="4" fillId="0" borderId="9" xfId="0" applyNumberFormat="1" applyFont="1" applyBorder="1" applyAlignment="1">
      <alignment horizontal="center"/>
    </xf>
    <xf numFmtId="2" fontId="4" fillId="0" borderId="15" xfId="0" applyNumberFormat="1" applyFont="1" applyBorder="1" applyAlignment="1">
      <alignment horizontal="center" vertical="center"/>
    </xf>
    <xf numFmtId="2" fontId="4" fillId="0" borderId="9" xfId="0" applyNumberFormat="1" applyFont="1" applyBorder="1" applyAlignment="1">
      <alignment horizontal="center" vertical="center" wrapText="1"/>
    </xf>
    <xf numFmtId="2" fontId="4" fillId="0" borderId="10" xfId="0" applyNumberFormat="1" applyFont="1" applyBorder="1" applyAlignment="1">
      <alignment horizontal="center" vertical="center" wrapText="1"/>
    </xf>
    <xf numFmtId="2" fontId="4" fillId="0" borderId="16" xfId="0" applyNumberFormat="1" applyFont="1" applyBorder="1" applyAlignment="1">
      <alignment horizontal="center" vertical="center" wrapText="1"/>
    </xf>
    <xf numFmtId="2" fontId="4" fillId="0" borderId="17" xfId="0" applyNumberFormat="1" applyFont="1" applyBorder="1" applyAlignment="1">
      <alignment horizontal="center" vertical="center"/>
    </xf>
    <xf numFmtId="2" fontId="3" fillId="0" borderId="9" xfId="0" applyNumberFormat="1" applyFont="1" applyBorder="1" applyAlignment="1">
      <alignment horizontal="center" vertical="center" wrapText="1"/>
    </xf>
    <xf numFmtId="2" fontId="4" fillId="0" borderId="18" xfId="0" applyNumberFormat="1" applyFont="1" applyBorder="1" applyAlignment="1">
      <alignment horizontal="center" vertical="center" wrapText="1"/>
    </xf>
    <xf numFmtId="49" fontId="9" fillId="0" borderId="9" xfId="0" applyNumberFormat="1" applyFont="1" applyBorder="1" applyAlignment="1">
      <alignment horizontal="center" vertical="center" wrapText="1"/>
    </xf>
    <xf numFmtId="4" fontId="4" fillId="0" borderId="9" xfId="35" applyNumberFormat="1" applyFont="1" applyBorder="1" applyAlignment="1">
      <alignment horizontal="center" vertical="center" wrapText="1"/>
    </xf>
    <xf numFmtId="2" fontId="4" fillId="0" borderId="9" xfId="34" applyNumberFormat="1" applyFont="1" applyBorder="1" applyAlignment="1">
      <alignment horizontal="center" vertical="center" wrapText="1"/>
    </xf>
    <xf numFmtId="4" fontId="4" fillId="0" borderId="9" xfId="34" applyNumberFormat="1" applyFont="1" applyBorder="1" applyAlignment="1">
      <alignment horizontal="center" vertical="center" wrapText="1"/>
    </xf>
    <xf numFmtId="4" fontId="4" fillId="0" borderId="17" xfId="34" applyNumberFormat="1" applyFont="1" applyBorder="1" applyAlignment="1">
      <alignment horizontal="center" vertical="center" wrapText="1"/>
    </xf>
    <xf numFmtId="4" fontId="4" fillId="0" borderId="17" xfId="0" applyNumberFormat="1" applyFont="1" applyBorder="1" applyAlignment="1">
      <alignment horizontal="center"/>
    </xf>
    <xf numFmtId="0" fontId="9" fillId="0" borderId="9" xfId="0" applyFont="1" applyBorder="1" applyAlignment="1">
      <alignment horizontal="center" vertical="center" wrapText="1"/>
    </xf>
    <xf numFmtId="2" fontId="4" fillId="24" borderId="9" xfId="0" applyNumberFormat="1" applyFont="1" applyFill="1" applyBorder="1" applyAlignment="1">
      <alignment horizontal="center" vertical="center"/>
    </xf>
    <xf numFmtId="0" fontId="4" fillId="0" borderId="9" xfId="0" applyFont="1" applyBorder="1"/>
    <xf numFmtId="2" fontId="11" fillId="0" borderId="9" xfId="0" applyNumberFormat="1" applyFont="1" applyBorder="1" applyAlignment="1">
      <alignment horizontal="center" vertical="center" wrapText="1"/>
    </xf>
    <xf numFmtId="2" fontId="5" fillId="0" borderId="9" xfId="0" applyNumberFormat="1" applyFont="1" applyBorder="1" applyAlignment="1">
      <alignment horizontal="center" vertical="center" wrapText="1"/>
    </xf>
    <xf numFmtId="4" fontId="5" fillId="0" borderId="9" xfId="35" applyNumberFormat="1" applyFont="1" applyBorder="1" applyAlignment="1">
      <alignment horizontal="center" vertical="center" wrapText="1"/>
    </xf>
    <xf numFmtId="2" fontId="5" fillId="0" borderId="9" xfId="34" applyNumberFormat="1" applyFont="1" applyBorder="1" applyAlignment="1">
      <alignment horizontal="center" vertical="center" wrapText="1"/>
    </xf>
    <xf numFmtId="4" fontId="5" fillId="0" borderId="9" xfId="34" applyNumberFormat="1" applyFont="1" applyBorder="1" applyAlignment="1">
      <alignment horizontal="center" vertical="center" wrapText="1"/>
    </xf>
    <xf numFmtId="4" fontId="5" fillId="0" borderId="9" xfId="0" applyNumberFormat="1" applyFont="1" applyBorder="1" applyAlignment="1">
      <alignment horizontal="center"/>
    </xf>
    <xf numFmtId="49" fontId="5" fillId="0" borderId="9" xfId="0" applyNumberFormat="1" applyFont="1" applyBorder="1" applyAlignment="1">
      <alignment horizontal="center" vertical="center" wrapText="1"/>
    </xf>
    <xf numFmtId="4" fontId="4" fillId="0" borderId="9" xfId="0" applyNumberFormat="1" applyFont="1" applyBorder="1" applyAlignment="1">
      <alignment horizontal="center" vertical="center"/>
    </xf>
    <xf numFmtId="2" fontId="5" fillId="0" borderId="10" xfId="0" applyNumberFormat="1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2" fontId="4" fillId="0" borderId="0" xfId="0" applyNumberFormat="1" applyFont="1" applyAlignment="1">
      <alignment horizontal="center" vertical="center"/>
    </xf>
    <xf numFmtId="2" fontId="4" fillId="0" borderId="0" xfId="0" applyNumberFormat="1" applyFont="1" applyAlignment="1">
      <alignment horizontal="center" vertical="center" wrapText="1"/>
    </xf>
    <xf numFmtId="0" fontId="0" fillId="0" borderId="19" xfId="0" applyBorder="1"/>
    <xf numFmtId="2" fontId="4" fillId="0" borderId="20" xfId="0" applyNumberFormat="1" applyFont="1" applyBorder="1" applyAlignment="1">
      <alignment horizontal="center" wrapText="1"/>
    </xf>
    <xf numFmtId="2" fontId="4" fillId="0" borderId="21" xfId="0" applyNumberFormat="1" applyFont="1" applyBorder="1"/>
    <xf numFmtId="2" fontId="4" fillId="0" borderId="9" xfId="0" applyNumberFormat="1" applyFont="1" applyBorder="1"/>
    <xf numFmtId="2" fontId="4" fillId="0" borderId="22" xfId="0" applyNumberFormat="1" applyFont="1" applyBorder="1" applyAlignment="1">
      <alignment horizontal="center" wrapText="1"/>
    </xf>
    <xf numFmtId="2" fontId="4" fillId="0" borderId="23" xfId="0" applyNumberFormat="1" applyFont="1" applyBorder="1" applyAlignment="1">
      <alignment horizontal="center" wrapText="1"/>
    </xf>
    <xf numFmtId="2" fontId="4" fillId="0" borderId="9" xfId="0" applyNumberFormat="1" applyFont="1" applyBorder="1" applyAlignment="1">
      <alignment horizontal="center" wrapText="1"/>
    </xf>
    <xf numFmtId="2" fontId="4" fillId="0" borderId="24" xfId="0" applyNumberFormat="1" applyFont="1" applyBorder="1" applyAlignment="1">
      <alignment horizontal="center" wrapText="1"/>
    </xf>
    <xf numFmtId="2" fontId="4" fillId="0" borderId="25" xfId="0" applyNumberFormat="1" applyFont="1" applyBorder="1" applyAlignment="1">
      <alignment horizontal="center" wrapText="1"/>
    </xf>
    <xf numFmtId="4" fontId="4" fillId="0" borderId="10" xfId="0" applyNumberFormat="1" applyFont="1" applyBorder="1" applyAlignment="1">
      <alignment horizontal="center" vertical="center"/>
    </xf>
    <xf numFmtId="164" fontId="4" fillId="0" borderId="9" xfId="0" applyNumberFormat="1" applyFont="1" applyBorder="1" applyAlignment="1">
      <alignment horizontal="center" vertical="center"/>
    </xf>
    <xf numFmtId="0" fontId="2" fillId="0" borderId="10" xfId="0" applyFont="1" applyBorder="1" applyAlignment="1">
      <alignment vertical="center"/>
    </xf>
    <xf numFmtId="0" fontId="12" fillId="0" borderId="0" xfId="0" applyFont="1"/>
    <xf numFmtId="4" fontId="13" fillId="0" borderId="10" xfId="0" applyNumberFormat="1" applyFont="1" applyBorder="1" applyAlignment="1">
      <alignment horizontal="center" vertical="center"/>
    </xf>
    <xf numFmtId="4" fontId="4" fillId="0" borderId="9" xfId="33" applyNumberFormat="1" applyFont="1" applyBorder="1" applyAlignment="1">
      <alignment horizontal="center" vertical="center"/>
    </xf>
    <xf numFmtId="2" fontId="4" fillId="0" borderId="10" xfId="33" applyNumberFormat="1" applyFont="1" applyBorder="1" applyAlignment="1">
      <alignment horizontal="center" vertical="center"/>
    </xf>
    <xf numFmtId="2" fontId="4" fillId="0" borderId="9" xfId="33" applyNumberFormat="1" applyFont="1" applyBorder="1" applyAlignment="1">
      <alignment horizontal="center" vertical="center"/>
    </xf>
    <xf numFmtId="2" fontId="4" fillId="0" borderId="9" xfId="33" applyNumberFormat="1" applyFont="1" applyBorder="1" applyAlignment="1">
      <alignment horizontal="center"/>
    </xf>
    <xf numFmtId="0" fontId="14" fillId="0" borderId="0" xfId="0" applyFont="1"/>
    <xf numFmtId="2" fontId="4" fillId="0" borderId="20" xfId="0" applyNumberFormat="1" applyFont="1" applyBorder="1" applyAlignment="1">
      <alignment horizontal="center" vertical="center" wrapText="1"/>
    </xf>
    <xf numFmtId="2" fontId="4" fillId="0" borderId="25" xfId="0" applyNumberFormat="1" applyFont="1" applyBorder="1" applyAlignment="1">
      <alignment horizontal="center" vertical="center" wrapText="1"/>
    </xf>
    <xf numFmtId="0" fontId="12" fillId="0" borderId="10" xfId="0" applyFont="1" applyBorder="1" applyAlignment="1">
      <alignment horizontal="left" vertical="center"/>
    </xf>
    <xf numFmtId="0" fontId="12" fillId="0" borderId="9" xfId="0" applyFont="1" applyBorder="1" applyAlignment="1">
      <alignment vertical="center"/>
    </xf>
    <xf numFmtId="49" fontId="4" fillId="0" borderId="20" xfId="0" applyNumberFormat="1" applyFont="1" applyBorder="1" applyAlignment="1">
      <alignment horizontal="center" vertical="center" wrapText="1"/>
    </xf>
    <xf numFmtId="49" fontId="4" fillId="0" borderId="20" xfId="0" applyNumberFormat="1" applyFont="1" applyBorder="1" applyAlignment="1">
      <alignment horizontal="center" wrapText="1"/>
    </xf>
    <xf numFmtId="0" fontId="0" fillId="0" borderId="0" xfId="0" applyAlignment="1">
      <alignment wrapText="1"/>
    </xf>
    <xf numFmtId="2" fontId="4" fillId="0" borderId="16" xfId="0" applyNumberFormat="1" applyFont="1" applyBorder="1" applyAlignment="1">
      <alignment horizontal="center" wrapText="1"/>
    </xf>
    <xf numFmtId="49" fontId="4" fillId="0" borderId="9" xfId="0" applyNumberFormat="1" applyFont="1" applyBorder="1" applyAlignment="1">
      <alignment horizontal="center" vertical="center" wrapText="1"/>
    </xf>
    <xf numFmtId="0" fontId="4" fillId="0" borderId="9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49" fontId="0" fillId="0" borderId="0" xfId="0" applyNumberFormat="1" applyAlignment="1">
      <alignment wrapText="1"/>
    </xf>
    <xf numFmtId="0" fontId="32" fillId="0" borderId="0" xfId="0" applyFont="1"/>
    <xf numFmtId="0" fontId="12" fillId="0" borderId="0" xfId="0" applyFont="1" applyAlignment="1">
      <alignment vertical="center"/>
    </xf>
    <xf numFmtId="0" fontId="1" fillId="0" borderId="9" xfId="0" applyFont="1" applyBorder="1"/>
    <xf numFmtId="4" fontId="4" fillId="0" borderId="0" xfId="0" applyNumberFormat="1" applyFont="1" applyAlignment="1">
      <alignment horizontal="center" vertical="center"/>
    </xf>
    <xf numFmtId="0" fontId="1" fillId="0" borderId="19" xfId="0" applyFont="1" applyBorder="1"/>
    <xf numFmtId="0" fontId="0" fillId="0" borderId="19" xfId="0" applyBorder="1" applyAlignment="1">
      <alignment horizontal="center" vertical="center"/>
    </xf>
    <xf numFmtId="4" fontId="4" fillId="0" borderId="19" xfId="0" applyNumberFormat="1" applyFont="1" applyBorder="1" applyAlignment="1">
      <alignment horizontal="center" vertical="center"/>
    </xf>
    <xf numFmtId="2" fontId="4" fillId="25" borderId="9" xfId="0" applyNumberFormat="1" applyFont="1" applyFill="1" applyBorder="1" applyAlignment="1">
      <alignment horizontal="center" vertical="center"/>
    </xf>
    <xf numFmtId="4" fontId="4" fillId="25" borderId="9" xfId="0" applyNumberFormat="1" applyFont="1" applyFill="1" applyBorder="1" applyAlignment="1">
      <alignment horizontal="center" vertical="center"/>
    </xf>
    <xf numFmtId="4" fontId="1" fillId="0" borderId="10" xfId="0" applyNumberFormat="1" applyFont="1" applyBorder="1" applyAlignment="1">
      <alignment horizontal="center" vertical="center" wrapText="1"/>
    </xf>
    <xf numFmtId="4" fontId="4" fillId="0" borderId="9" xfId="0" applyNumberFormat="1" applyFont="1" applyBorder="1" applyAlignment="1">
      <alignment horizontal="center" vertical="center" wrapText="1"/>
    </xf>
    <xf numFmtId="2" fontId="1" fillId="0" borderId="24" xfId="0" applyNumberFormat="1" applyFont="1" applyBorder="1" applyAlignment="1">
      <alignment horizontal="center" wrapText="1"/>
    </xf>
    <xf numFmtId="2" fontId="1" fillId="0" borderId="20" xfId="0" applyNumberFormat="1" applyFont="1" applyBorder="1" applyAlignment="1">
      <alignment horizontal="center" wrapText="1"/>
    </xf>
    <xf numFmtId="2" fontId="1" fillId="0" borderId="9" xfId="0" applyNumberFormat="1" applyFont="1" applyBorder="1" applyAlignment="1">
      <alignment horizontal="center" wrapText="1"/>
    </xf>
    <xf numFmtId="2" fontId="1" fillId="0" borderId="25" xfId="0" applyNumberFormat="1" applyFont="1" applyBorder="1" applyAlignment="1">
      <alignment horizontal="center" wrapText="1"/>
    </xf>
    <xf numFmtId="0" fontId="33" fillId="0" borderId="0" xfId="0" applyFont="1" applyAlignment="1">
      <alignment horizontal="left"/>
    </xf>
    <xf numFmtId="4" fontId="4" fillId="0" borderId="0" xfId="0" applyNumberFormat="1" applyFont="1" applyAlignment="1">
      <alignment horizontal="left" vertical="center"/>
    </xf>
    <xf numFmtId="2" fontId="35" fillId="0" borderId="10" xfId="0" applyNumberFormat="1" applyFont="1" applyBorder="1" applyAlignment="1">
      <alignment horizontal="center" vertical="center"/>
    </xf>
    <xf numFmtId="2" fontId="35" fillId="0" borderId="9" xfId="0" applyNumberFormat="1" applyFont="1" applyBorder="1" applyAlignment="1">
      <alignment horizontal="center" vertical="center" wrapText="1"/>
    </xf>
    <xf numFmtId="2" fontId="1" fillId="0" borderId="0" xfId="0" applyNumberFormat="1" applyFont="1" applyAlignment="1">
      <alignment horizontal="center" wrapText="1"/>
    </xf>
    <xf numFmtId="2" fontId="4" fillId="25" borderId="10" xfId="0" applyNumberFormat="1" applyFont="1" applyFill="1" applyBorder="1" applyAlignment="1">
      <alignment horizontal="center" vertical="center"/>
    </xf>
    <xf numFmtId="49" fontId="4" fillId="0" borderId="10" xfId="0" applyNumberFormat="1" applyFont="1" applyBorder="1" applyAlignment="1">
      <alignment horizontal="center" vertical="center"/>
    </xf>
    <xf numFmtId="0" fontId="0" fillId="0" borderId="0" xfId="0" applyAlignment="1">
      <alignment horizontal="justify" vertical="center" wrapText="1"/>
    </xf>
    <xf numFmtId="0" fontId="1" fillId="0" borderId="0" xfId="0" applyFont="1" applyAlignment="1">
      <alignment horizontal="justify" wrapText="1"/>
    </xf>
    <xf numFmtId="2" fontId="4" fillId="0" borderId="24" xfId="33" applyNumberFormat="1" applyFont="1" applyBorder="1" applyAlignment="1">
      <alignment horizontal="center" wrapText="1"/>
    </xf>
    <xf numFmtId="2" fontId="4" fillId="0" borderId="20" xfId="33" applyNumberFormat="1" applyFont="1" applyBorder="1" applyAlignment="1">
      <alignment horizontal="center" wrapText="1"/>
    </xf>
    <xf numFmtId="4" fontId="35" fillId="0" borderId="10" xfId="0" applyNumberFormat="1" applyFont="1" applyBorder="1" applyAlignment="1">
      <alignment horizontal="center" vertical="center"/>
    </xf>
    <xf numFmtId="2" fontId="4" fillId="0" borderId="25" xfId="33" applyNumberFormat="1" applyFont="1" applyBorder="1" applyAlignment="1">
      <alignment horizontal="center" wrapText="1"/>
    </xf>
    <xf numFmtId="0" fontId="1" fillId="0" borderId="9" xfId="0" applyFont="1" applyBorder="1" applyAlignment="1">
      <alignment vertical="center"/>
    </xf>
    <xf numFmtId="2" fontId="36" fillId="0" borderId="9" xfId="0" applyNumberFormat="1" applyFont="1" applyBorder="1" applyAlignment="1">
      <alignment horizontal="center" vertical="center" wrapText="1"/>
    </xf>
    <xf numFmtId="4" fontId="4" fillId="26" borderId="9" xfId="0" applyNumberFormat="1" applyFont="1" applyFill="1" applyBorder="1" applyAlignment="1">
      <alignment horizontal="center" vertical="center"/>
    </xf>
    <xf numFmtId="0" fontId="1" fillId="0" borderId="0" xfId="0" applyFont="1" applyAlignment="1">
      <alignment vertical="center"/>
    </xf>
    <xf numFmtId="2" fontId="36" fillId="0" borderId="10" xfId="0" applyNumberFormat="1" applyFont="1" applyBorder="1" applyAlignment="1">
      <alignment horizontal="center" vertical="center"/>
    </xf>
    <xf numFmtId="2" fontId="4" fillId="26" borderId="9" xfId="0" applyNumberFormat="1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2" fontId="3" fillId="0" borderId="0" xfId="0" applyNumberFormat="1" applyFont="1" applyAlignment="1">
      <alignment horizontal="center" vertical="center"/>
    </xf>
    <xf numFmtId="0" fontId="4" fillId="0" borderId="0" xfId="0" applyFont="1" applyAlignment="1">
      <alignment horizontal="left" vertical="center"/>
    </xf>
    <xf numFmtId="0" fontId="4" fillId="0" borderId="0" xfId="0" applyFont="1" applyAlignment="1">
      <alignment horizontal="center" vertical="center"/>
    </xf>
    <xf numFmtId="2" fontId="4" fillId="26" borderId="0" xfId="0" applyNumberFormat="1" applyFont="1" applyFill="1" applyAlignment="1">
      <alignment horizontal="center" vertical="center"/>
    </xf>
    <xf numFmtId="2" fontId="36" fillId="0" borderId="0" xfId="0" applyNumberFormat="1" applyFont="1" applyAlignment="1">
      <alignment horizontal="center" vertical="center"/>
    </xf>
    <xf numFmtId="0" fontId="1" fillId="0" borderId="0" xfId="0" applyFont="1"/>
    <xf numFmtId="2" fontId="2" fillId="0" borderId="0" xfId="0" applyNumberFormat="1" applyFont="1"/>
    <xf numFmtId="2" fontId="1" fillId="0" borderId="9" xfId="0" applyNumberFormat="1" applyFont="1" applyBorder="1" applyAlignment="1">
      <alignment horizontal="center" vertical="center"/>
    </xf>
    <xf numFmtId="2" fontId="1" fillId="0" borderId="24" xfId="33" applyNumberFormat="1" applyFont="1" applyBorder="1" applyAlignment="1">
      <alignment horizontal="center" vertical="center" wrapText="1"/>
    </xf>
    <xf numFmtId="2" fontId="1" fillId="0" borderId="20" xfId="33" applyNumberFormat="1" applyFont="1" applyBorder="1" applyAlignment="1">
      <alignment horizontal="center" vertical="center" wrapText="1"/>
    </xf>
    <xf numFmtId="2" fontId="1" fillId="0" borderId="25" xfId="33" applyNumberFormat="1" applyFont="1" applyBorder="1" applyAlignment="1">
      <alignment horizontal="center" vertical="center" wrapText="1"/>
    </xf>
    <xf numFmtId="2" fontId="1" fillId="0" borderId="16" xfId="0" applyNumberFormat="1" applyFont="1" applyBorder="1" applyAlignment="1">
      <alignment horizontal="center" wrapText="1"/>
    </xf>
    <xf numFmtId="2" fontId="1" fillId="0" borderId="15" xfId="0" applyNumberFormat="1" applyFont="1" applyBorder="1" applyAlignment="1">
      <alignment horizontal="center" vertical="center"/>
    </xf>
    <xf numFmtId="2" fontId="1" fillId="0" borderId="10" xfId="0" applyNumberFormat="1" applyFont="1" applyBorder="1" applyAlignment="1">
      <alignment horizontal="center" vertical="center"/>
    </xf>
    <xf numFmtId="2" fontId="1" fillId="0" borderId="22" xfId="33" applyNumberFormat="1" applyFont="1" applyBorder="1" applyAlignment="1">
      <alignment horizontal="center" wrapText="1"/>
    </xf>
    <xf numFmtId="2" fontId="1" fillId="0" borderId="23" xfId="33" applyNumberFormat="1" applyFont="1" applyBorder="1" applyAlignment="1">
      <alignment horizontal="center" wrapText="1"/>
    </xf>
    <xf numFmtId="2" fontId="1" fillId="0" borderId="27" xfId="33" applyNumberFormat="1" applyFont="1" applyBorder="1" applyAlignment="1">
      <alignment horizontal="center" wrapText="1"/>
    </xf>
    <xf numFmtId="2" fontId="1" fillId="0" borderId="9" xfId="33" applyNumberFormat="1" applyFont="1" applyBorder="1" applyAlignment="1">
      <alignment horizontal="center" wrapText="1"/>
    </xf>
    <xf numFmtId="2" fontId="1" fillId="0" borderId="18" xfId="0" applyNumberFormat="1" applyFont="1" applyBorder="1" applyAlignment="1">
      <alignment horizontal="center" wrapText="1"/>
    </xf>
    <xf numFmtId="2" fontId="1" fillId="0" borderId="26" xfId="0" applyNumberFormat="1" applyFont="1" applyBorder="1" applyAlignment="1">
      <alignment horizontal="center" wrapText="1"/>
    </xf>
    <xf numFmtId="2" fontId="1" fillId="0" borderId="9" xfId="0" applyNumberFormat="1" applyFont="1" applyBorder="1" applyAlignment="1">
      <alignment horizontal="center" vertical="center" wrapText="1"/>
    </xf>
    <xf numFmtId="0" fontId="38" fillId="0" borderId="0" xfId="0" applyFont="1" applyAlignment="1">
      <alignment vertical="center"/>
    </xf>
    <xf numFmtId="0" fontId="39" fillId="0" borderId="0" xfId="0" applyFont="1"/>
    <xf numFmtId="0" fontId="2" fillId="0" borderId="9" xfId="0" applyFont="1" applyBorder="1" applyAlignment="1">
      <alignment horizontal="center" vertical="center"/>
    </xf>
    <xf numFmtId="0" fontId="1" fillId="0" borderId="10" xfId="0" applyFont="1" applyBorder="1" applyAlignment="1">
      <alignment horizontal="left" vertical="center"/>
    </xf>
    <xf numFmtId="0" fontId="1" fillId="0" borderId="9" xfId="0" applyFont="1" applyBorder="1" applyAlignment="1">
      <alignment horizontal="center" vertical="center"/>
    </xf>
    <xf numFmtId="2" fontId="1" fillId="0" borderId="24" xfId="33" applyNumberFormat="1" applyFont="1" applyBorder="1" applyAlignment="1">
      <alignment horizontal="center" wrapText="1"/>
    </xf>
    <xf numFmtId="2" fontId="1" fillId="0" borderId="20" xfId="33" applyNumberFormat="1" applyFont="1" applyBorder="1" applyAlignment="1">
      <alignment horizontal="center" wrapText="1"/>
    </xf>
    <xf numFmtId="4" fontId="1" fillId="0" borderId="10" xfId="0" applyNumberFormat="1" applyFont="1" applyBorder="1" applyAlignment="1">
      <alignment horizontal="center" vertical="center"/>
    </xf>
    <xf numFmtId="49" fontId="1" fillId="0" borderId="9" xfId="0" applyNumberFormat="1" applyFont="1" applyBorder="1" applyAlignment="1">
      <alignment horizontal="center" vertical="center" wrapText="1"/>
    </xf>
    <xf numFmtId="2" fontId="1" fillId="0" borderId="11" xfId="0" applyNumberFormat="1" applyFont="1" applyBorder="1" applyAlignment="1">
      <alignment horizontal="center" wrapText="1"/>
    </xf>
    <xf numFmtId="49" fontId="1" fillId="0" borderId="10" xfId="0" applyNumberFormat="1" applyFont="1" applyBorder="1" applyAlignment="1">
      <alignment horizontal="center" vertical="center"/>
    </xf>
    <xf numFmtId="2" fontId="40" fillId="0" borderId="9" xfId="0" applyNumberFormat="1" applyFont="1" applyBorder="1" applyAlignment="1">
      <alignment horizontal="center" vertical="center" wrapText="1"/>
    </xf>
    <xf numFmtId="0" fontId="1" fillId="0" borderId="10" xfId="0" applyFont="1" applyBorder="1" applyAlignment="1">
      <alignment vertical="center"/>
    </xf>
    <xf numFmtId="2" fontId="1" fillId="0" borderId="25" xfId="33" applyNumberFormat="1" applyFont="1" applyBorder="1" applyAlignment="1">
      <alignment horizontal="center" wrapText="1"/>
    </xf>
    <xf numFmtId="0" fontId="1" fillId="0" borderId="0" xfId="0" applyFont="1" applyAlignment="1">
      <alignment horizontal="center" vertical="center"/>
    </xf>
    <xf numFmtId="2" fontId="1" fillId="0" borderId="0" xfId="0" applyNumberFormat="1" applyFont="1" applyAlignment="1">
      <alignment horizontal="center" vertical="center"/>
    </xf>
    <xf numFmtId="2" fontId="1" fillId="0" borderId="0" xfId="0" applyNumberFormat="1" applyFont="1" applyAlignment="1">
      <alignment horizontal="center" vertical="center" wrapText="1"/>
    </xf>
    <xf numFmtId="4" fontId="1" fillId="0" borderId="0" xfId="0" applyNumberFormat="1" applyFont="1" applyAlignment="1">
      <alignment horizontal="center" vertical="center"/>
    </xf>
    <xf numFmtId="0" fontId="1" fillId="0" borderId="0" xfId="0" applyFont="1" applyAlignment="1">
      <alignment horizontal="center" vertical="top"/>
    </xf>
    <xf numFmtId="0" fontId="1" fillId="0" borderId="0" xfId="0" applyFont="1" applyAlignment="1">
      <alignment horizontal="left" vertical="top"/>
    </xf>
    <xf numFmtId="2" fontId="1" fillId="0" borderId="0" xfId="0" applyNumberFormat="1" applyFont="1" applyAlignment="1">
      <alignment horizontal="center" vertical="top"/>
    </xf>
    <xf numFmtId="2" fontId="1" fillId="0" borderId="0" xfId="0" applyNumberFormat="1" applyFont="1" applyAlignment="1">
      <alignment horizontal="center" vertical="top" wrapText="1"/>
    </xf>
    <xf numFmtId="4" fontId="1" fillId="0" borderId="9" xfId="0" applyNumberFormat="1" applyFont="1" applyBorder="1" applyAlignment="1">
      <alignment horizontal="center" vertical="center"/>
    </xf>
    <xf numFmtId="4" fontId="1" fillId="0" borderId="9" xfId="0" applyNumberFormat="1" applyFont="1" applyBorder="1" applyAlignment="1">
      <alignment horizontal="center" vertical="center" wrapText="1"/>
    </xf>
    <xf numFmtId="4" fontId="1" fillId="26" borderId="9" xfId="0" applyNumberFormat="1" applyFont="1" applyFill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4" fontId="1" fillId="0" borderId="19" xfId="0" applyNumberFormat="1" applyFont="1" applyBorder="1" applyAlignment="1">
      <alignment horizontal="center" vertical="center"/>
    </xf>
    <xf numFmtId="4" fontId="1" fillId="0" borderId="0" xfId="0" applyNumberFormat="1" applyFont="1" applyAlignment="1">
      <alignment horizontal="left" vertical="center"/>
    </xf>
    <xf numFmtId="0" fontId="41" fillId="0" borderId="0" xfId="0" applyFont="1" applyAlignment="1">
      <alignment horizontal="left"/>
    </xf>
    <xf numFmtId="0" fontId="1" fillId="0" borderId="0" xfId="0" applyFont="1" applyAlignment="1">
      <alignment vertical="top"/>
    </xf>
    <xf numFmtId="2" fontId="37" fillId="0" borderId="9" xfId="0" applyNumberFormat="1" applyFont="1" applyBorder="1" applyAlignment="1">
      <alignment horizontal="center" vertical="center"/>
    </xf>
    <xf numFmtId="2" fontId="40" fillId="0" borderId="10" xfId="0" applyNumberFormat="1" applyFont="1" applyBorder="1" applyAlignment="1">
      <alignment horizontal="center" vertical="center"/>
    </xf>
    <xf numFmtId="0" fontId="1" fillId="0" borderId="0" xfId="0" applyFont="1" applyAlignment="1">
      <alignment wrapText="1"/>
    </xf>
    <xf numFmtId="2" fontId="1" fillId="26" borderId="9" xfId="0" applyNumberFormat="1" applyFont="1" applyFill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2" fontId="2" fillId="0" borderId="0" xfId="0" applyNumberFormat="1" applyFont="1" applyAlignment="1">
      <alignment horizontal="center" vertical="center"/>
    </xf>
    <xf numFmtId="0" fontId="1" fillId="0" borderId="0" xfId="0" applyFont="1" applyAlignment="1">
      <alignment horizontal="left" vertical="center"/>
    </xf>
    <xf numFmtId="2" fontId="1" fillId="26" borderId="0" xfId="0" applyNumberFormat="1" applyFont="1" applyFill="1" applyAlignment="1">
      <alignment horizontal="center" vertical="center"/>
    </xf>
    <xf numFmtId="2" fontId="40" fillId="0" borderId="0" xfId="0" applyNumberFormat="1" applyFont="1" applyAlignment="1">
      <alignment horizontal="center" vertical="center"/>
    </xf>
    <xf numFmtId="2" fontId="12" fillId="0" borderId="20" xfId="33" applyNumberFormat="1" applyBorder="1" applyAlignment="1">
      <alignment horizontal="center" wrapText="1"/>
    </xf>
    <xf numFmtId="2" fontId="1" fillId="0" borderId="17" xfId="0" applyNumberFormat="1" applyFont="1" applyBorder="1" applyAlignment="1">
      <alignment horizontal="center" vertical="center"/>
    </xf>
    <xf numFmtId="0" fontId="0" fillId="0" borderId="0" xfId="0" applyAlignment="1">
      <alignment vertical="top"/>
    </xf>
    <xf numFmtId="2" fontId="37" fillId="0" borderId="9" xfId="0" applyNumberFormat="1" applyFont="1" applyBorder="1" applyAlignment="1">
      <alignment horizontal="center" vertical="center" wrapText="1"/>
    </xf>
    <xf numFmtId="0" fontId="1" fillId="0" borderId="16" xfId="0" applyFont="1" applyBorder="1" applyAlignment="1">
      <alignment horizontal="center" wrapText="1"/>
    </xf>
    <xf numFmtId="2" fontId="37" fillId="0" borderId="10" xfId="0" applyNumberFormat="1" applyFont="1" applyBorder="1" applyAlignment="1">
      <alignment horizontal="center" vertical="center"/>
    </xf>
    <xf numFmtId="2" fontId="37" fillId="0" borderId="9" xfId="33" applyNumberFormat="1" applyFont="1" applyBorder="1" applyAlignment="1">
      <alignment horizontal="center" vertical="center" wrapText="1"/>
    </xf>
    <xf numFmtId="2" fontId="1" fillId="0" borderId="9" xfId="33" applyNumberFormat="1" applyFont="1" applyBorder="1" applyAlignment="1">
      <alignment horizontal="center" vertical="center" wrapText="1"/>
    </xf>
    <xf numFmtId="2" fontId="37" fillId="0" borderId="9" xfId="33" applyNumberFormat="1" applyFont="1" applyBorder="1" applyAlignment="1">
      <alignment horizontal="center" wrapText="1"/>
    </xf>
    <xf numFmtId="0" fontId="1" fillId="0" borderId="0" xfId="0" applyFont="1" applyAlignment="1">
      <alignment vertical="top" wrapText="1"/>
    </xf>
    <xf numFmtId="2" fontId="39" fillId="0" borderId="9" xfId="0" applyNumberFormat="1" applyFont="1" applyBorder="1" applyAlignment="1">
      <alignment horizontal="center" vertical="center"/>
    </xf>
    <xf numFmtId="2" fontId="12" fillId="0" borderId="24" xfId="33" applyNumberFormat="1" applyBorder="1" applyAlignment="1">
      <alignment horizontal="center" wrapText="1"/>
    </xf>
    <xf numFmtId="2" fontId="12" fillId="0" borderId="25" xfId="33" applyNumberFormat="1" applyBorder="1" applyAlignment="1">
      <alignment horizontal="center" wrapText="1"/>
    </xf>
    <xf numFmtId="0" fontId="2" fillId="0" borderId="16" xfId="0" applyFont="1" applyBorder="1" applyAlignment="1">
      <alignment horizontal="center"/>
    </xf>
    <xf numFmtId="2" fontId="1" fillId="0" borderId="18" xfId="0" applyNumberFormat="1" applyFont="1" applyBorder="1" applyAlignment="1">
      <alignment horizontal="center" vertical="center"/>
    </xf>
    <xf numFmtId="2" fontId="12" fillId="0" borderId="9" xfId="33" applyNumberFormat="1" applyBorder="1" applyAlignment="1">
      <alignment horizontal="center" wrapText="1"/>
    </xf>
    <xf numFmtId="0" fontId="2" fillId="0" borderId="28" xfId="0" applyFont="1" applyBorder="1" applyAlignment="1">
      <alignment horizontal="center"/>
    </xf>
    <xf numFmtId="2" fontId="1" fillId="0" borderId="28" xfId="0" applyNumberFormat="1" applyFont="1" applyBorder="1" applyAlignment="1">
      <alignment horizontal="center" wrapText="1"/>
    </xf>
    <xf numFmtId="0" fontId="1" fillId="0" borderId="28" xfId="0" applyFont="1" applyBorder="1"/>
    <xf numFmtId="2" fontId="1" fillId="0" borderId="28" xfId="0" applyNumberFormat="1" applyFont="1" applyBorder="1" applyAlignment="1">
      <alignment horizontal="center" vertical="center"/>
    </xf>
    <xf numFmtId="2" fontId="37" fillId="0" borderId="28" xfId="0" applyNumberFormat="1" applyFont="1" applyBorder="1" applyAlignment="1">
      <alignment horizontal="center" vertical="center"/>
    </xf>
    <xf numFmtId="0" fontId="6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vertical="center" wrapText="1"/>
    </xf>
    <xf numFmtId="0" fontId="0" fillId="0" borderId="0" xfId="0" applyAlignment="1">
      <alignment horizontal="left" vertical="center" wrapText="1"/>
    </xf>
    <xf numFmtId="0" fontId="0" fillId="0" borderId="0" xfId="0"/>
    <xf numFmtId="0" fontId="9" fillId="0" borderId="0" xfId="0" applyFont="1" applyAlignment="1">
      <alignment horizontal="left" vertical="center" wrapText="1"/>
    </xf>
    <xf numFmtId="0" fontId="0" fillId="0" borderId="0" xfId="0" applyAlignment="1">
      <alignment wrapText="1" shrinkToFit="1"/>
    </xf>
    <xf numFmtId="0" fontId="0" fillId="0" borderId="0" xfId="0" applyAlignment="1">
      <alignment wrapText="1"/>
    </xf>
    <xf numFmtId="0" fontId="5" fillId="0" borderId="0" xfId="0" applyFont="1" applyAlignment="1">
      <alignment horizontal="left" vertical="center" wrapText="1"/>
    </xf>
    <xf numFmtId="0" fontId="5" fillId="0" borderId="14" xfId="0" applyFont="1" applyBorder="1" applyAlignment="1">
      <alignment horizontal="left" vertical="center" wrapText="1"/>
    </xf>
    <xf numFmtId="0" fontId="9" fillId="0" borderId="0" xfId="0" applyFont="1" applyAlignment="1">
      <alignment vertical="center" wrapText="1"/>
    </xf>
    <xf numFmtId="0" fontId="4" fillId="0" borderId="0" xfId="0" applyFont="1" applyAlignment="1">
      <alignment horizontal="justify" vertical="top"/>
    </xf>
    <xf numFmtId="0" fontId="0" fillId="0" borderId="0" xfId="0" applyAlignment="1">
      <alignment vertical="top"/>
    </xf>
    <xf numFmtId="0" fontId="34" fillId="0" borderId="0" xfId="0" applyFont="1" applyAlignment="1">
      <alignment horizontal="left" wrapText="1"/>
    </xf>
    <xf numFmtId="0" fontId="0" fillId="0" borderId="0" xfId="0" applyAlignment="1">
      <alignment horizontal="left" wrapText="1"/>
    </xf>
    <xf numFmtId="0" fontId="1" fillId="0" borderId="0" xfId="0" applyFont="1"/>
    <xf numFmtId="0" fontId="1" fillId="0" borderId="0" xfId="0" applyFont="1" applyAlignment="1">
      <alignment wrapText="1" shrinkToFit="1"/>
    </xf>
    <xf numFmtId="0" fontId="1" fillId="0" borderId="0" xfId="0" applyFont="1" applyAlignment="1">
      <alignment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vertical="top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horizontal="left" vertical="center"/>
    </xf>
  </cellXfs>
  <cellStyles count="46">
    <cellStyle name="20% - Énfasis1" xfId="1" builtinId="30" customBuiltin="1"/>
    <cellStyle name="20% - Énfasis2" xfId="2" builtinId="34" customBuiltin="1"/>
    <cellStyle name="20% - Énfasis3" xfId="3" builtinId="38" customBuiltin="1"/>
    <cellStyle name="20% - Énfasis4" xfId="4" builtinId="42" customBuiltin="1"/>
    <cellStyle name="20% - Énfasis5" xfId="5" builtinId="46" customBuiltin="1"/>
    <cellStyle name="20% - Énfasis6" xfId="6" builtinId="50" customBuiltin="1"/>
    <cellStyle name="40% - Énfasis1" xfId="7" builtinId="31" customBuiltin="1"/>
    <cellStyle name="40% - Énfasis2" xfId="8" builtinId="35" customBuiltin="1"/>
    <cellStyle name="40% - Énfasis3" xfId="9" builtinId="39" customBuiltin="1"/>
    <cellStyle name="40% - Énfasis4" xfId="10" builtinId="43" customBuiltin="1"/>
    <cellStyle name="40% - Énfasis5" xfId="11" builtinId="47" customBuiltin="1"/>
    <cellStyle name="40% - Énfasis6" xfId="12" builtinId="51" customBuiltin="1"/>
    <cellStyle name="60% - Énfasis1" xfId="13" builtinId="32" customBuiltin="1"/>
    <cellStyle name="60% - Énfasis2" xfId="14" builtinId="36" customBuiltin="1"/>
    <cellStyle name="60% - Énfasis3" xfId="15" builtinId="40" customBuiltin="1"/>
    <cellStyle name="60% - Énfasis4" xfId="16" builtinId="44" customBuiltin="1"/>
    <cellStyle name="60% - Énfasis5" xfId="17" builtinId="48" customBuiltin="1"/>
    <cellStyle name="60% - Énfasis6" xfId="18" builtinId="52" customBuiltin="1"/>
    <cellStyle name="Bueno" xfId="19" builtinId="26" customBuiltin="1"/>
    <cellStyle name="Cálculo" xfId="20" builtinId="22" customBuiltin="1"/>
    <cellStyle name="Celda de comprobación" xfId="21" builtinId="23" customBuiltin="1"/>
    <cellStyle name="Celda vinculada" xfId="22" builtinId="24" customBuiltin="1"/>
    <cellStyle name="Encabezado 4" xfId="23" builtinId="19" customBuiltin="1"/>
    <cellStyle name="Énfasis1" xfId="24" builtinId="29" customBuiltin="1"/>
    <cellStyle name="Énfasis2" xfId="25" builtinId="33" customBuiltin="1"/>
    <cellStyle name="Énfasis3" xfId="26" builtinId="37" customBuiltin="1"/>
    <cellStyle name="Énfasis4" xfId="27" builtinId="41" customBuiltin="1"/>
    <cellStyle name="Énfasis5" xfId="28" builtinId="45" customBuiltin="1"/>
    <cellStyle name="Énfasis6" xfId="29" builtinId="49" customBuiltin="1"/>
    <cellStyle name="Entrada" xfId="30" builtinId="20" customBuiltin="1"/>
    <cellStyle name="Incorrecto" xfId="31" builtinId="27" customBuiltin="1"/>
    <cellStyle name="Neutral" xfId="32" builtinId="28" customBuiltin="1"/>
    <cellStyle name="Normal" xfId="0" builtinId="0"/>
    <cellStyle name="Normal 2" xfId="33" xr:uid="{00000000-0005-0000-0000-000021000000}"/>
    <cellStyle name="Normal 2 2" xfId="45" xr:uid="{76D8D04E-0B61-494A-87AA-A5140D52C614}"/>
    <cellStyle name="Normal_GIJÓN' 06" xfId="34" xr:uid="{00000000-0005-0000-0000-000022000000}"/>
    <cellStyle name="Normal_ROSAS'06" xfId="35" xr:uid="{00000000-0005-0000-0000-000023000000}"/>
    <cellStyle name="Notas" xfId="36" builtinId="10" customBuiltin="1"/>
    <cellStyle name="Porcentaje" xfId="37" builtinId="5"/>
    <cellStyle name="Salida" xfId="38" builtinId="21" customBuiltin="1"/>
    <cellStyle name="Texto de advertencia" xfId="39" builtinId="11" customBuiltin="1"/>
    <cellStyle name="Texto explicativo" xfId="40" builtinId="53" customBuiltin="1"/>
    <cellStyle name="Título" xfId="41" builtinId="15" customBuiltin="1"/>
    <cellStyle name="Título 2" xfId="42" builtinId="17" customBuiltin="1"/>
    <cellStyle name="Título 3" xfId="43" builtinId="18" customBuiltin="1"/>
    <cellStyle name="Total" xfId="44" builtinId="25" customBuiltin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calcChain" Target="calcChain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theme" Target="theme/theme1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7.png"/></Relationships>
</file>

<file path=xl/drawings/_rels/drawing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jpeg"/><Relationship Id="rId1" Type="http://schemas.openxmlformats.org/officeDocument/2006/relationships/image" Target="../media/image4.png"/><Relationship Id="rId4" Type="http://schemas.openxmlformats.org/officeDocument/2006/relationships/image" Target="../media/image5.png"/></Relationships>
</file>

<file path=xl/drawings/_rels/drawing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8.png"/></Relationships>
</file>

<file path=xl/drawings/_rels/drawing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8.png"/></Relationships>
</file>

<file path=xl/drawings/_rels/drawing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8.png"/></Relationships>
</file>

<file path=xl/drawings/_rels/drawing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8.png"/></Relationships>
</file>

<file path=xl/drawings/_rels/drawing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image" Target="../media/image4.png"/></Relationships>
</file>

<file path=xl/drawings/_rels/drawing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image" Target="../media/image9.png"/></Relationships>
</file>

<file path=xl/drawings/_rels/drawing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4" Type="http://schemas.openxmlformats.org/officeDocument/2006/relationships/image" Target="../media/image4.png"/></Relationships>
</file>

<file path=xl/drawings/_rels/drawing9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image" Target="../media/image4.png"/><Relationship Id="rId4" Type="http://schemas.openxmlformats.org/officeDocument/2006/relationships/image" Target="../media/image7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0</xdr:rowOff>
    </xdr:from>
    <xdr:to>
      <xdr:col>5</xdr:col>
      <xdr:colOff>209550</xdr:colOff>
      <xdr:row>3</xdr:row>
      <xdr:rowOff>38100</xdr:rowOff>
    </xdr:to>
    <xdr:pic>
      <xdr:nvPicPr>
        <xdr:cNvPr id="27865" name="Picture 5" descr="cabecera_logo">
          <a:extLst>
            <a:ext uri="{FF2B5EF4-FFF2-40B4-BE49-F238E27FC236}">
              <a16:creationId xmlns:a16="http://schemas.microsoft.com/office/drawing/2014/main" id="{00000000-0008-0000-0000-0000D96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161925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9525</xdr:rowOff>
    </xdr:from>
    <xdr:to>
      <xdr:col>22</xdr:col>
      <xdr:colOff>142875</xdr:colOff>
      <xdr:row>6</xdr:row>
      <xdr:rowOff>85725</xdr:rowOff>
    </xdr:to>
    <xdr:pic>
      <xdr:nvPicPr>
        <xdr:cNvPr id="27866" name="Picture 6" descr="logo_defi2">
          <a:extLst>
            <a:ext uri="{FF2B5EF4-FFF2-40B4-BE49-F238E27FC236}">
              <a16:creationId xmlns:a16="http://schemas.microsoft.com/office/drawing/2014/main" id="{00000000-0008-0000-0000-0000DA6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171450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0</xdr:row>
      <xdr:rowOff>152400</xdr:rowOff>
    </xdr:from>
    <xdr:to>
      <xdr:col>18</xdr:col>
      <xdr:colOff>171450</xdr:colOff>
      <xdr:row>3</xdr:row>
      <xdr:rowOff>57150</xdr:rowOff>
    </xdr:to>
    <xdr:pic>
      <xdr:nvPicPr>
        <xdr:cNvPr id="27867" name="Picture 8">
          <a:extLst>
            <a:ext uri="{FF2B5EF4-FFF2-40B4-BE49-F238E27FC236}">
              <a16:creationId xmlns:a16="http://schemas.microsoft.com/office/drawing/2014/main" id="{00000000-0008-0000-0000-0000DB6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152400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0</xdr:row>
      <xdr:rowOff>142875</xdr:rowOff>
    </xdr:from>
    <xdr:to>
      <xdr:col>10</xdr:col>
      <xdr:colOff>257175</xdr:colOff>
      <xdr:row>5</xdr:row>
      <xdr:rowOff>28575</xdr:rowOff>
    </xdr:to>
    <xdr:pic>
      <xdr:nvPicPr>
        <xdr:cNvPr id="27868" name="Picture 10">
          <a:extLst>
            <a:ext uri="{FF2B5EF4-FFF2-40B4-BE49-F238E27FC236}">
              <a16:creationId xmlns:a16="http://schemas.microsoft.com/office/drawing/2014/main" id="{00000000-0008-0000-0000-0000DC6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142875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0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9467" name="Picture 4">
          <a:extLst>
            <a:ext uri="{FF2B5EF4-FFF2-40B4-BE49-F238E27FC236}">
              <a16:creationId xmlns:a16="http://schemas.microsoft.com/office/drawing/2014/main" id="{00000000-0008-0000-0900-00002B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946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2C9A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946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2D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9470" name="Picture 11" descr="logo_observatorio2012">
          <a:extLst>
            <a:ext uri="{FF2B5EF4-FFF2-40B4-BE49-F238E27FC236}">
              <a16:creationId xmlns:a16="http://schemas.microsoft.com/office/drawing/2014/main" id="{00000000-0008-0000-0900-00002E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9471" name="Picture 13" descr="logo magrama 2012">
          <a:extLst>
            <a:ext uri="{FF2B5EF4-FFF2-40B4-BE49-F238E27FC236}">
              <a16:creationId xmlns:a16="http://schemas.microsoft.com/office/drawing/2014/main" id="{00000000-0008-0000-0900-00002F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9472" name="Picture 4">
          <a:extLst>
            <a:ext uri="{FF2B5EF4-FFF2-40B4-BE49-F238E27FC236}">
              <a16:creationId xmlns:a16="http://schemas.microsoft.com/office/drawing/2014/main" id="{00000000-0008-0000-0900-000030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947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319A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947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32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9475" name="Picture 11" descr="logo_observatorio2012">
          <a:extLst>
            <a:ext uri="{FF2B5EF4-FFF2-40B4-BE49-F238E27FC236}">
              <a16:creationId xmlns:a16="http://schemas.microsoft.com/office/drawing/2014/main" id="{00000000-0008-0000-0900-000033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9476" name="Picture 13" descr="logo magrama 2012">
          <a:extLst>
            <a:ext uri="{FF2B5EF4-FFF2-40B4-BE49-F238E27FC236}">
              <a16:creationId xmlns:a16="http://schemas.microsoft.com/office/drawing/2014/main" id="{00000000-0008-0000-0900-000034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9477" name="Picture 4">
          <a:extLst>
            <a:ext uri="{FF2B5EF4-FFF2-40B4-BE49-F238E27FC236}">
              <a16:creationId xmlns:a16="http://schemas.microsoft.com/office/drawing/2014/main" id="{00000000-0008-0000-0900-000035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947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369A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947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900-000037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9480" name="Picture 11" descr="logo_observatorio2012">
          <a:extLst>
            <a:ext uri="{FF2B5EF4-FFF2-40B4-BE49-F238E27FC236}">
              <a16:creationId xmlns:a16="http://schemas.microsoft.com/office/drawing/2014/main" id="{00000000-0008-0000-0900-000038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9481" name="Picture 13" descr="logo magrama 2012">
          <a:extLst>
            <a:ext uri="{FF2B5EF4-FFF2-40B4-BE49-F238E27FC236}">
              <a16:creationId xmlns:a16="http://schemas.microsoft.com/office/drawing/2014/main" id="{00000000-0008-0000-0900-0000399A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1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0</xdr:colOff>
      <xdr:row>2</xdr:row>
      <xdr:rowOff>142875</xdr:rowOff>
    </xdr:from>
    <xdr:to>
      <xdr:col>15</xdr:col>
      <xdr:colOff>47625</xdr:colOff>
      <xdr:row>6</xdr:row>
      <xdr:rowOff>104775</xdr:rowOff>
    </xdr:to>
    <xdr:pic>
      <xdr:nvPicPr>
        <xdr:cNvPr id="27583" name="Picture 4">
          <a:extLst>
            <a:ext uri="{FF2B5EF4-FFF2-40B4-BE49-F238E27FC236}">
              <a16:creationId xmlns:a16="http://schemas.microsoft.com/office/drawing/2014/main" id="{00000000-0008-0000-0A00-0000BF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33051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7</xdr:row>
      <xdr:rowOff>114300</xdr:rowOff>
    </xdr:to>
    <xdr:sp macro="" textlink="">
      <xdr:nvSpPr>
        <xdr:cNvPr id="2758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A00-0000C06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9</xdr:col>
      <xdr:colOff>342900</xdr:colOff>
      <xdr:row>2</xdr:row>
      <xdr:rowOff>190500</xdr:rowOff>
    </xdr:from>
    <xdr:to>
      <xdr:col>24</xdr:col>
      <xdr:colOff>38100</xdr:colOff>
      <xdr:row>5</xdr:row>
      <xdr:rowOff>266700</xdr:rowOff>
    </xdr:to>
    <xdr:pic>
      <xdr:nvPicPr>
        <xdr:cNvPr id="27585" name="Picture 11" descr="logo_observatorio2012">
          <a:extLst>
            <a:ext uri="{FF2B5EF4-FFF2-40B4-BE49-F238E27FC236}">
              <a16:creationId xmlns:a16="http://schemas.microsoft.com/office/drawing/2014/main" id="{00000000-0008-0000-0A00-0000C1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582150" y="581025"/>
          <a:ext cx="15240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4</xdr:col>
      <xdr:colOff>19050</xdr:colOff>
      <xdr:row>4</xdr:row>
      <xdr:rowOff>95250</xdr:rowOff>
    </xdr:to>
    <xdr:pic>
      <xdr:nvPicPr>
        <xdr:cNvPr id="27586" name="Picture 13" descr="logo magrama 2012">
          <a:extLst>
            <a:ext uri="{FF2B5EF4-FFF2-40B4-BE49-F238E27FC236}">
              <a16:creationId xmlns:a16="http://schemas.microsoft.com/office/drawing/2014/main" id="{00000000-0008-0000-0A00-0000C2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1514475" y="561975"/>
          <a:ext cx="231457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5</xdr:col>
      <xdr:colOff>47625</xdr:colOff>
      <xdr:row>6</xdr:row>
      <xdr:rowOff>104775</xdr:rowOff>
    </xdr:to>
    <xdr:pic>
      <xdr:nvPicPr>
        <xdr:cNvPr id="27587" name="Picture 4">
          <a:extLst>
            <a:ext uri="{FF2B5EF4-FFF2-40B4-BE49-F238E27FC236}">
              <a16:creationId xmlns:a16="http://schemas.microsoft.com/office/drawing/2014/main" id="{00000000-0008-0000-0A00-0000C3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33051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7</xdr:row>
      <xdr:rowOff>114300</xdr:rowOff>
    </xdr:to>
    <xdr:sp macro="" textlink="">
      <xdr:nvSpPr>
        <xdr:cNvPr id="2758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A00-0000C46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9</xdr:col>
      <xdr:colOff>342900</xdr:colOff>
      <xdr:row>2</xdr:row>
      <xdr:rowOff>190500</xdr:rowOff>
    </xdr:from>
    <xdr:to>
      <xdr:col>24</xdr:col>
      <xdr:colOff>38100</xdr:colOff>
      <xdr:row>5</xdr:row>
      <xdr:rowOff>266700</xdr:rowOff>
    </xdr:to>
    <xdr:pic>
      <xdr:nvPicPr>
        <xdr:cNvPr id="27589" name="Picture 11" descr="logo_observatorio2012">
          <a:extLst>
            <a:ext uri="{FF2B5EF4-FFF2-40B4-BE49-F238E27FC236}">
              <a16:creationId xmlns:a16="http://schemas.microsoft.com/office/drawing/2014/main" id="{00000000-0008-0000-0A00-0000C5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582150" y="581025"/>
          <a:ext cx="15240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4</xdr:col>
      <xdr:colOff>19050</xdr:colOff>
      <xdr:row>4</xdr:row>
      <xdr:rowOff>95250</xdr:rowOff>
    </xdr:to>
    <xdr:pic>
      <xdr:nvPicPr>
        <xdr:cNvPr id="27590" name="Picture 13" descr="logo magrama 2012">
          <a:extLst>
            <a:ext uri="{FF2B5EF4-FFF2-40B4-BE49-F238E27FC236}">
              <a16:creationId xmlns:a16="http://schemas.microsoft.com/office/drawing/2014/main" id="{00000000-0008-0000-0A00-0000C6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1514475" y="561975"/>
          <a:ext cx="231457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5</xdr:col>
      <xdr:colOff>47625</xdr:colOff>
      <xdr:row>6</xdr:row>
      <xdr:rowOff>104775</xdr:rowOff>
    </xdr:to>
    <xdr:pic>
      <xdr:nvPicPr>
        <xdr:cNvPr id="27591" name="Picture 4">
          <a:extLst>
            <a:ext uri="{FF2B5EF4-FFF2-40B4-BE49-F238E27FC236}">
              <a16:creationId xmlns:a16="http://schemas.microsoft.com/office/drawing/2014/main" id="{00000000-0008-0000-0A00-0000C7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33051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7</xdr:row>
      <xdr:rowOff>114300</xdr:rowOff>
    </xdr:to>
    <xdr:sp macro="" textlink="">
      <xdr:nvSpPr>
        <xdr:cNvPr id="2759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A00-0000C86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2</xdr:col>
      <xdr:colOff>180975</xdr:colOff>
      <xdr:row>2</xdr:row>
      <xdr:rowOff>123825</xdr:rowOff>
    </xdr:from>
    <xdr:to>
      <xdr:col>18</xdr:col>
      <xdr:colOff>285750</xdr:colOff>
      <xdr:row>5</xdr:row>
      <xdr:rowOff>28575</xdr:rowOff>
    </xdr:to>
    <xdr:pic>
      <xdr:nvPicPr>
        <xdr:cNvPr id="2759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A00-0000C9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6886575" y="514350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4</xdr:col>
      <xdr:colOff>38100</xdr:colOff>
      <xdr:row>5</xdr:row>
      <xdr:rowOff>266700</xdr:rowOff>
    </xdr:to>
    <xdr:pic>
      <xdr:nvPicPr>
        <xdr:cNvPr id="27594" name="Picture 11" descr="logo_observatorio2012">
          <a:extLst>
            <a:ext uri="{FF2B5EF4-FFF2-40B4-BE49-F238E27FC236}">
              <a16:creationId xmlns:a16="http://schemas.microsoft.com/office/drawing/2014/main" id="{00000000-0008-0000-0A00-0000CA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582150" y="581025"/>
          <a:ext cx="15240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4</xdr:col>
      <xdr:colOff>19050</xdr:colOff>
      <xdr:row>4</xdr:row>
      <xdr:rowOff>95250</xdr:rowOff>
    </xdr:to>
    <xdr:pic>
      <xdr:nvPicPr>
        <xdr:cNvPr id="27595" name="Picture 13" descr="logo magrama 2012">
          <a:extLst>
            <a:ext uri="{FF2B5EF4-FFF2-40B4-BE49-F238E27FC236}">
              <a16:creationId xmlns:a16="http://schemas.microsoft.com/office/drawing/2014/main" id="{00000000-0008-0000-0A00-0000CB6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1514475" y="561975"/>
          <a:ext cx="231457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2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7</xdr:row>
      <xdr:rowOff>114300</xdr:rowOff>
    </xdr:to>
    <xdr:sp macro="" textlink="">
      <xdr:nvSpPr>
        <xdr:cNvPr id="4005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B00-00007B9C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7</xdr:row>
      <xdr:rowOff>114300</xdr:rowOff>
    </xdr:to>
    <xdr:sp macro="" textlink="">
      <xdr:nvSpPr>
        <xdr:cNvPr id="4006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B00-00007C9C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1</xdr:col>
      <xdr:colOff>9525</xdr:colOff>
      <xdr:row>2</xdr:row>
      <xdr:rowOff>28575</xdr:rowOff>
    </xdr:from>
    <xdr:to>
      <xdr:col>18</xdr:col>
      <xdr:colOff>295275</xdr:colOff>
      <xdr:row>5</xdr:row>
      <xdr:rowOff>304800</xdr:rowOff>
    </xdr:to>
    <xdr:pic>
      <xdr:nvPicPr>
        <xdr:cNvPr id="40061" name="Picture 4">
          <a:extLst>
            <a:ext uri="{FF2B5EF4-FFF2-40B4-BE49-F238E27FC236}">
              <a16:creationId xmlns:a16="http://schemas.microsoft.com/office/drawing/2014/main" id="{00000000-0008-0000-0B00-00007D9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6353175" y="419100"/>
          <a:ext cx="2819400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7</xdr:row>
      <xdr:rowOff>114300</xdr:rowOff>
    </xdr:to>
    <xdr:sp macro="" textlink="">
      <xdr:nvSpPr>
        <xdr:cNvPr id="4006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B00-00007E9C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7</xdr:col>
      <xdr:colOff>104775</xdr:colOff>
      <xdr:row>2</xdr:row>
      <xdr:rowOff>47625</xdr:rowOff>
    </xdr:from>
    <xdr:to>
      <xdr:col>24</xdr:col>
      <xdr:colOff>171450</xdr:colOff>
      <xdr:row>4</xdr:row>
      <xdr:rowOff>161925</xdr:rowOff>
    </xdr:to>
    <xdr:pic>
      <xdr:nvPicPr>
        <xdr:cNvPr id="4006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B00-00007F9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8620125" y="438150"/>
          <a:ext cx="2619375" cy="790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95250</xdr:colOff>
      <xdr:row>2</xdr:row>
      <xdr:rowOff>76200</xdr:rowOff>
    </xdr:from>
    <xdr:to>
      <xdr:col>11</xdr:col>
      <xdr:colOff>38100</xdr:colOff>
      <xdr:row>5</xdr:row>
      <xdr:rowOff>276225</xdr:rowOff>
    </xdr:to>
    <xdr:pic>
      <xdr:nvPicPr>
        <xdr:cNvPr id="40064" name="Picture 11" descr="logo_observatorio2012">
          <a:extLst>
            <a:ext uri="{FF2B5EF4-FFF2-40B4-BE49-F238E27FC236}">
              <a16:creationId xmlns:a16="http://schemas.microsoft.com/office/drawing/2014/main" id="{00000000-0008-0000-0B00-0000809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4629150" y="466725"/>
          <a:ext cx="1752600" cy="10382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85725</xdr:colOff>
      <xdr:row>2</xdr:row>
      <xdr:rowOff>228600</xdr:rowOff>
    </xdr:from>
    <xdr:to>
      <xdr:col>5</xdr:col>
      <xdr:colOff>180975</xdr:colOff>
      <xdr:row>5</xdr:row>
      <xdr:rowOff>9525</xdr:rowOff>
    </xdr:to>
    <xdr:pic>
      <xdr:nvPicPr>
        <xdr:cNvPr id="40065" name="Picture 271" descr="http://programasnet.magrama.es/logo_MAAMA.png">
          <a:extLst>
            <a:ext uri="{FF2B5EF4-FFF2-40B4-BE49-F238E27FC236}">
              <a16:creationId xmlns:a16="http://schemas.microsoft.com/office/drawing/2014/main" id="{00000000-0008-0000-0B00-0000819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609725" y="619125"/>
          <a:ext cx="2743200" cy="6191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3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23437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C00-00008D5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2343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C00-00008E5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5</xdr:col>
      <xdr:colOff>228600</xdr:colOff>
      <xdr:row>1</xdr:row>
      <xdr:rowOff>161925</xdr:rowOff>
    </xdr:from>
    <xdr:to>
      <xdr:col>23</xdr:col>
      <xdr:colOff>142875</xdr:colOff>
      <xdr:row>5</xdr:row>
      <xdr:rowOff>209550</xdr:rowOff>
    </xdr:to>
    <xdr:pic>
      <xdr:nvPicPr>
        <xdr:cNvPr id="23439" name="Picture 4">
          <a:extLst>
            <a:ext uri="{FF2B5EF4-FFF2-40B4-BE49-F238E27FC236}">
              <a16:creationId xmlns:a16="http://schemas.microsoft.com/office/drawing/2014/main" id="{00000000-0008-0000-0C00-00008F5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8020050" y="323850"/>
          <a:ext cx="282892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2344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C00-0000905B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22</xdr:col>
      <xdr:colOff>247650</xdr:colOff>
      <xdr:row>1</xdr:row>
      <xdr:rowOff>142875</xdr:rowOff>
    </xdr:from>
    <xdr:to>
      <xdr:col>29</xdr:col>
      <xdr:colOff>333375</xdr:colOff>
      <xdr:row>4</xdr:row>
      <xdr:rowOff>28575</xdr:rowOff>
    </xdr:to>
    <xdr:pic>
      <xdr:nvPicPr>
        <xdr:cNvPr id="23441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C00-0000915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0591800" y="304800"/>
          <a:ext cx="2619375" cy="790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8</xdr:col>
      <xdr:colOff>28575</xdr:colOff>
      <xdr:row>2</xdr:row>
      <xdr:rowOff>152400</xdr:rowOff>
    </xdr:from>
    <xdr:to>
      <xdr:col>14</xdr:col>
      <xdr:colOff>104775</xdr:colOff>
      <xdr:row>5</xdr:row>
      <xdr:rowOff>200025</xdr:rowOff>
    </xdr:to>
    <xdr:pic>
      <xdr:nvPicPr>
        <xdr:cNvPr id="23442" name="Picture 11" descr="logo_observatorio2012">
          <a:extLst>
            <a:ext uri="{FF2B5EF4-FFF2-40B4-BE49-F238E27FC236}">
              <a16:creationId xmlns:a16="http://schemas.microsoft.com/office/drawing/2014/main" id="{00000000-0008-0000-0C00-0000925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5286375" y="542925"/>
          <a:ext cx="2247900" cy="8858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600075</xdr:colOff>
      <xdr:row>2</xdr:row>
      <xdr:rowOff>28575</xdr:rowOff>
    </xdr:from>
    <xdr:to>
      <xdr:col>5</xdr:col>
      <xdr:colOff>333375</xdr:colOff>
      <xdr:row>3</xdr:row>
      <xdr:rowOff>381000</xdr:rowOff>
    </xdr:to>
    <xdr:pic>
      <xdr:nvPicPr>
        <xdr:cNvPr id="23443" name="Picture 271" descr="http://programasnet.magrama.es/logo_MAAMA.png">
          <a:extLst>
            <a:ext uri="{FF2B5EF4-FFF2-40B4-BE49-F238E27FC236}">
              <a16:creationId xmlns:a16="http://schemas.microsoft.com/office/drawing/2014/main" id="{00000000-0008-0000-0C00-0000935B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2124075" y="419100"/>
          <a:ext cx="2381250" cy="6191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4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36217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D00-0000798D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3621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D00-00007A8D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5</xdr:col>
      <xdr:colOff>228600</xdr:colOff>
      <xdr:row>1</xdr:row>
      <xdr:rowOff>161925</xdr:rowOff>
    </xdr:from>
    <xdr:to>
      <xdr:col>23</xdr:col>
      <xdr:colOff>142875</xdr:colOff>
      <xdr:row>5</xdr:row>
      <xdr:rowOff>209550</xdr:rowOff>
    </xdr:to>
    <xdr:pic>
      <xdr:nvPicPr>
        <xdr:cNvPr id="36219" name="Picture 4">
          <a:extLst>
            <a:ext uri="{FF2B5EF4-FFF2-40B4-BE49-F238E27FC236}">
              <a16:creationId xmlns:a16="http://schemas.microsoft.com/office/drawing/2014/main" id="{00000000-0008-0000-0D00-00007B8D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8020050" y="323850"/>
          <a:ext cx="282892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60</xdr:col>
      <xdr:colOff>28575</xdr:colOff>
      <xdr:row>7</xdr:row>
      <xdr:rowOff>114300</xdr:rowOff>
    </xdr:to>
    <xdr:sp macro="" textlink="">
      <xdr:nvSpPr>
        <xdr:cNvPr id="3622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D00-00007C8D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198405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22</xdr:col>
      <xdr:colOff>247650</xdr:colOff>
      <xdr:row>1</xdr:row>
      <xdr:rowOff>142875</xdr:rowOff>
    </xdr:from>
    <xdr:to>
      <xdr:col>29</xdr:col>
      <xdr:colOff>333375</xdr:colOff>
      <xdr:row>4</xdr:row>
      <xdr:rowOff>28575</xdr:rowOff>
    </xdr:to>
    <xdr:pic>
      <xdr:nvPicPr>
        <xdr:cNvPr id="36221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D00-00007D8D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0591800" y="304800"/>
          <a:ext cx="2619375" cy="790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8</xdr:col>
      <xdr:colOff>28575</xdr:colOff>
      <xdr:row>2</xdr:row>
      <xdr:rowOff>152400</xdr:rowOff>
    </xdr:from>
    <xdr:to>
      <xdr:col>14</xdr:col>
      <xdr:colOff>104775</xdr:colOff>
      <xdr:row>5</xdr:row>
      <xdr:rowOff>200025</xdr:rowOff>
    </xdr:to>
    <xdr:pic>
      <xdr:nvPicPr>
        <xdr:cNvPr id="36222" name="Picture 11" descr="logo_observatorio2012">
          <a:extLst>
            <a:ext uri="{FF2B5EF4-FFF2-40B4-BE49-F238E27FC236}">
              <a16:creationId xmlns:a16="http://schemas.microsoft.com/office/drawing/2014/main" id="{00000000-0008-0000-0D00-00007E8D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5286375" y="542925"/>
          <a:ext cx="2247900" cy="8858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600075</xdr:colOff>
      <xdr:row>2</xdr:row>
      <xdr:rowOff>28575</xdr:rowOff>
    </xdr:from>
    <xdr:to>
      <xdr:col>5</xdr:col>
      <xdr:colOff>333375</xdr:colOff>
      <xdr:row>3</xdr:row>
      <xdr:rowOff>381000</xdr:rowOff>
    </xdr:to>
    <xdr:pic>
      <xdr:nvPicPr>
        <xdr:cNvPr id="36223" name="Picture 271" descr="http://programasnet.magrama.es/logo_MAAMA.png">
          <a:extLst>
            <a:ext uri="{FF2B5EF4-FFF2-40B4-BE49-F238E27FC236}">
              <a16:creationId xmlns:a16="http://schemas.microsoft.com/office/drawing/2014/main" id="{00000000-0008-0000-0D00-00007F8D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2124075" y="419100"/>
          <a:ext cx="2381250" cy="6191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5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9</xdr:row>
      <xdr:rowOff>95250</xdr:rowOff>
    </xdr:to>
    <xdr:sp macro="" textlink="">
      <xdr:nvSpPr>
        <xdr:cNvPr id="24295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E00-0000E75E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1085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9</xdr:row>
      <xdr:rowOff>95250</xdr:rowOff>
    </xdr:to>
    <xdr:sp macro="" textlink="">
      <xdr:nvSpPr>
        <xdr:cNvPr id="24296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E00-0000E85E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1085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3</xdr:col>
      <xdr:colOff>47625</xdr:colOff>
      <xdr:row>1</xdr:row>
      <xdr:rowOff>161925</xdr:rowOff>
    </xdr:from>
    <xdr:to>
      <xdr:col>20</xdr:col>
      <xdr:colOff>352425</xdr:colOff>
      <xdr:row>9</xdr:row>
      <xdr:rowOff>9525</xdr:rowOff>
    </xdr:to>
    <xdr:pic>
      <xdr:nvPicPr>
        <xdr:cNvPr id="24297" name="Picture 4">
          <a:extLst>
            <a:ext uri="{FF2B5EF4-FFF2-40B4-BE49-F238E27FC236}">
              <a16:creationId xmlns:a16="http://schemas.microsoft.com/office/drawing/2014/main" id="{00000000-0008-0000-0E00-0000E95E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7115175" y="323850"/>
          <a:ext cx="2838450" cy="19050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38</xdr:col>
      <xdr:colOff>28575</xdr:colOff>
      <xdr:row>9</xdr:row>
      <xdr:rowOff>95250</xdr:rowOff>
    </xdr:to>
    <xdr:sp macro="" textlink="">
      <xdr:nvSpPr>
        <xdr:cNvPr id="24298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E00-0000EA5E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9458325" cy="1085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22</xdr:col>
      <xdr:colOff>247650</xdr:colOff>
      <xdr:row>1</xdr:row>
      <xdr:rowOff>142875</xdr:rowOff>
    </xdr:from>
    <xdr:to>
      <xdr:col>31</xdr:col>
      <xdr:colOff>209550</xdr:colOff>
      <xdr:row>5</xdr:row>
      <xdr:rowOff>47625</xdr:rowOff>
    </xdr:to>
    <xdr:pic>
      <xdr:nvPicPr>
        <xdr:cNvPr id="2429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E00-0000EB5E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0591800" y="304800"/>
          <a:ext cx="3219450" cy="971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0</xdr:col>
      <xdr:colOff>19050</xdr:colOff>
      <xdr:row>2</xdr:row>
      <xdr:rowOff>180975</xdr:rowOff>
    </xdr:from>
    <xdr:to>
      <xdr:col>12</xdr:col>
      <xdr:colOff>352425</xdr:colOff>
      <xdr:row>8</xdr:row>
      <xdr:rowOff>95250</xdr:rowOff>
    </xdr:to>
    <xdr:pic>
      <xdr:nvPicPr>
        <xdr:cNvPr id="24300" name="Picture 11" descr="logo_observatorio2012">
          <a:extLst>
            <a:ext uri="{FF2B5EF4-FFF2-40B4-BE49-F238E27FC236}">
              <a16:creationId xmlns:a16="http://schemas.microsoft.com/office/drawing/2014/main" id="{00000000-0008-0000-0E00-0000EC5E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000750" y="571500"/>
          <a:ext cx="1057275" cy="15811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42950</xdr:colOff>
      <xdr:row>2</xdr:row>
      <xdr:rowOff>28575</xdr:rowOff>
    </xdr:from>
    <xdr:to>
      <xdr:col>8</xdr:col>
      <xdr:colOff>104775</xdr:colOff>
      <xdr:row>5</xdr:row>
      <xdr:rowOff>0</xdr:rowOff>
    </xdr:to>
    <xdr:pic>
      <xdr:nvPicPr>
        <xdr:cNvPr id="24301" name="Picture 271" descr="http://programasnet.magrama.es/logo_MAAMA.png">
          <a:extLst>
            <a:ext uri="{FF2B5EF4-FFF2-40B4-BE49-F238E27FC236}">
              <a16:creationId xmlns:a16="http://schemas.microsoft.com/office/drawing/2014/main" id="{00000000-0008-0000-0E00-0000ED5E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04950" y="419100"/>
          <a:ext cx="3857625" cy="8096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6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11</xdr:row>
      <xdr:rowOff>114300</xdr:rowOff>
    </xdr:to>
    <xdr:sp macro="" textlink="">
      <xdr:nvSpPr>
        <xdr:cNvPr id="4203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F00-00002EA4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11</xdr:row>
      <xdr:rowOff>114300</xdr:rowOff>
    </xdr:to>
    <xdr:sp macro="" textlink="">
      <xdr:nvSpPr>
        <xdr:cNvPr id="42031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F00-00002FA4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24</xdr:col>
      <xdr:colOff>314325</xdr:colOff>
      <xdr:row>11</xdr:row>
      <xdr:rowOff>114300</xdr:rowOff>
    </xdr:to>
    <xdr:sp macro="" textlink="">
      <xdr:nvSpPr>
        <xdr:cNvPr id="4203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F00-000030A4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467677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9</xdr:col>
      <xdr:colOff>285750</xdr:colOff>
      <xdr:row>0</xdr:row>
      <xdr:rowOff>0</xdr:rowOff>
    </xdr:from>
    <xdr:to>
      <xdr:col>27</xdr:col>
      <xdr:colOff>209550</xdr:colOff>
      <xdr:row>7</xdr:row>
      <xdr:rowOff>47625</xdr:rowOff>
    </xdr:to>
    <xdr:pic>
      <xdr:nvPicPr>
        <xdr:cNvPr id="42033" name="Picture 4">
          <a:extLst>
            <a:ext uri="{FF2B5EF4-FFF2-40B4-BE49-F238E27FC236}">
              <a16:creationId xmlns:a16="http://schemas.microsoft.com/office/drawing/2014/main" id="{00000000-0008-0000-0F00-000031A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9525000" y="0"/>
          <a:ext cx="2838450" cy="19050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8</xdr:col>
      <xdr:colOff>180975</xdr:colOff>
      <xdr:row>5</xdr:row>
      <xdr:rowOff>104775</xdr:rowOff>
    </xdr:to>
    <xdr:pic>
      <xdr:nvPicPr>
        <xdr:cNvPr id="42034" name="Imagen 13">
          <a:extLst>
            <a:ext uri="{FF2B5EF4-FFF2-40B4-BE49-F238E27FC236}">
              <a16:creationId xmlns:a16="http://schemas.microsoft.com/office/drawing/2014/main" id="{00000000-0008-0000-0F00-000032A4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3914775" cy="1171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7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4</xdr:row>
      <xdr:rowOff>38100</xdr:rowOff>
    </xdr:to>
    <xdr:sp macro="" textlink="">
      <xdr:nvSpPr>
        <xdr:cNvPr id="41031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000-000047A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573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4</xdr:row>
      <xdr:rowOff>38100</xdr:rowOff>
    </xdr:to>
    <xdr:sp macro="" textlink="">
      <xdr:nvSpPr>
        <xdr:cNvPr id="4103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000-000048A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573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4</xdr:row>
      <xdr:rowOff>38100</xdr:rowOff>
    </xdr:to>
    <xdr:sp macro="" textlink="">
      <xdr:nvSpPr>
        <xdr:cNvPr id="4103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000-000049A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573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9</xdr:col>
      <xdr:colOff>285750</xdr:colOff>
      <xdr:row>0</xdr:row>
      <xdr:rowOff>0</xdr:rowOff>
    </xdr:from>
    <xdr:to>
      <xdr:col>30</xdr:col>
      <xdr:colOff>228600</xdr:colOff>
      <xdr:row>11</xdr:row>
      <xdr:rowOff>174625</xdr:rowOff>
    </xdr:to>
    <xdr:pic>
      <xdr:nvPicPr>
        <xdr:cNvPr id="41034" name="Picture 4">
          <a:extLst>
            <a:ext uri="{FF2B5EF4-FFF2-40B4-BE49-F238E27FC236}">
              <a16:creationId xmlns:a16="http://schemas.microsoft.com/office/drawing/2014/main" id="{00000000-0008-0000-1000-00004AA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9525000" y="0"/>
          <a:ext cx="3943350" cy="26955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16</xdr:col>
      <xdr:colOff>219075</xdr:colOff>
      <xdr:row>6</xdr:row>
      <xdr:rowOff>2442</xdr:rowOff>
    </xdr:to>
    <xdr:pic>
      <xdr:nvPicPr>
        <xdr:cNvPr id="41035" name="Imagen 13">
          <a:extLst>
            <a:ext uri="{FF2B5EF4-FFF2-40B4-BE49-F238E27FC236}">
              <a16:creationId xmlns:a16="http://schemas.microsoft.com/office/drawing/2014/main" id="{00000000-0008-0000-1000-00004BA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6848475" cy="13811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8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100-0000020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47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100-0000030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47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100-00000400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18478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2</xdr:col>
      <xdr:colOff>180974</xdr:colOff>
      <xdr:row>0</xdr:row>
      <xdr:rowOff>1</xdr:rowOff>
    </xdr:from>
    <xdr:to>
      <xdr:col>30</xdr:col>
      <xdr:colOff>228598</xdr:colOff>
      <xdr:row>11</xdr:row>
      <xdr:rowOff>70840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00000000-0008-0000-1100-000005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0525124" y="1"/>
          <a:ext cx="2943225" cy="257591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17</xdr:col>
      <xdr:colOff>52941</xdr:colOff>
      <xdr:row>9</xdr:row>
      <xdr:rowOff>88167</xdr:rowOff>
    </xdr:to>
    <xdr:pic>
      <xdr:nvPicPr>
        <xdr:cNvPr id="6" name="Imagen 13">
          <a:extLst>
            <a:ext uri="{FF2B5EF4-FFF2-40B4-BE49-F238E27FC236}">
              <a16:creationId xmlns:a16="http://schemas.microsoft.com/office/drawing/2014/main" id="{00000000-0008-0000-1100-000006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6848475" cy="138356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19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200-000002000000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200-000003000000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1200-000004000000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2</xdr:col>
      <xdr:colOff>180974</xdr:colOff>
      <xdr:row>0</xdr:row>
      <xdr:rowOff>1</xdr:rowOff>
    </xdr:from>
    <xdr:to>
      <xdr:col>30</xdr:col>
      <xdr:colOff>228598</xdr:colOff>
      <xdr:row>11</xdr:row>
      <xdr:rowOff>70840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00000000-0008-0000-1200-000005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0325099" y="1"/>
          <a:ext cx="2943224" cy="257591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17</xdr:col>
      <xdr:colOff>52941</xdr:colOff>
      <xdr:row>9</xdr:row>
      <xdr:rowOff>88167</xdr:rowOff>
    </xdr:to>
    <xdr:pic>
      <xdr:nvPicPr>
        <xdr:cNvPr id="6" name="Imagen 13">
          <a:extLst>
            <a:ext uri="{FF2B5EF4-FFF2-40B4-BE49-F238E27FC236}">
              <a16:creationId xmlns:a16="http://schemas.microsoft.com/office/drawing/2014/main" id="{00000000-0008-0000-1200-000006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6844266" cy="210746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161925</xdr:rowOff>
    </xdr:from>
    <xdr:to>
      <xdr:col>5</xdr:col>
      <xdr:colOff>209550</xdr:colOff>
      <xdr:row>3</xdr:row>
      <xdr:rowOff>200025</xdr:rowOff>
    </xdr:to>
    <xdr:pic>
      <xdr:nvPicPr>
        <xdr:cNvPr id="28889" name="Picture 6" descr="cabecera_logo">
          <a:extLst>
            <a:ext uri="{FF2B5EF4-FFF2-40B4-BE49-F238E27FC236}">
              <a16:creationId xmlns:a16="http://schemas.microsoft.com/office/drawing/2014/main" id="{00000000-0008-0000-0100-0000D97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3238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171450</xdr:rowOff>
    </xdr:from>
    <xdr:to>
      <xdr:col>22</xdr:col>
      <xdr:colOff>142875</xdr:colOff>
      <xdr:row>6</xdr:row>
      <xdr:rowOff>247650</xdr:rowOff>
    </xdr:to>
    <xdr:pic>
      <xdr:nvPicPr>
        <xdr:cNvPr id="28890" name="Picture 7" descr="logo_defi2">
          <a:extLst>
            <a:ext uri="{FF2B5EF4-FFF2-40B4-BE49-F238E27FC236}">
              <a16:creationId xmlns:a16="http://schemas.microsoft.com/office/drawing/2014/main" id="{00000000-0008-0000-0100-0000DA7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3333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1</xdr:row>
      <xdr:rowOff>152400</xdr:rowOff>
    </xdr:from>
    <xdr:to>
      <xdr:col>18</xdr:col>
      <xdr:colOff>171450</xdr:colOff>
      <xdr:row>3</xdr:row>
      <xdr:rowOff>219075</xdr:rowOff>
    </xdr:to>
    <xdr:pic>
      <xdr:nvPicPr>
        <xdr:cNvPr id="28891" name="Picture 8">
          <a:extLst>
            <a:ext uri="{FF2B5EF4-FFF2-40B4-BE49-F238E27FC236}">
              <a16:creationId xmlns:a16="http://schemas.microsoft.com/office/drawing/2014/main" id="{00000000-0008-0000-0100-0000DB7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3143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1</xdr:row>
      <xdr:rowOff>142875</xdr:rowOff>
    </xdr:from>
    <xdr:to>
      <xdr:col>10</xdr:col>
      <xdr:colOff>257175</xdr:colOff>
      <xdr:row>5</xdr:row>
      <xdr:rowOff>190500</xdr:rowOff>
    </xdr:to>
    <xdr:pic>
      <xdr:nvPicPr>
        <xdr:cNvPr id="28892" name="Picture 9">
          <a:extLst>
            <a:ext uri="{FF2B5EF4-FFF2-40B4-BE49-F238E27FC236}">
              <a16:creationId xmlns:a16="http://schemas.microsoft.com/office/drawing/2014/main" id="{00000000-0008-0000-0100-0000DC7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3048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20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7FC74C60-E29C-4E83-A680-DA6D4CC128C1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19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CEB944D3-4AB7-400F-89D1-F623EDDC67F1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19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8701E1C5-204A-4243-9D89-4FBB0CB6389C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19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2</xdr:col>
      <xdr:colOff>180974</xdr:colOff>
      <xdr:row>0</xdr:row>
      <xdr:rowOff>1</xdr:rowOff>
    </xdr:from>
    <xdr:to>
      <xdr:col>30</xdr:col>
      <xdr:colOff>228598</xdr:colOff>
      <xdr:row>11</xdr:row>
      <xdr:rowOff>70840</xdr:rowOff>
    </xdr:to>
    <xdr:pic>
      <xdr:nvPicPr>
        <xdr:cNvPr id="5" name="Picture 4">
          <a:extLst>
            <a:ext uri="{FF2B5EF4-FFF2-40B4-BE49-F238E27FC236}">
              <a16:creationId xmlns:a16="http://schemas.microsoft.com/office/drawing/2014/main" id="{29A91EA1-6E06-4AE4-AA38-0298E98E3CF8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0325099" y="1"/>
          <a:ext cx="2943224" cy="257591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</xdr:col>
      <xdr:colOff>0</xdr:colOff>
      <xdr:row>1</xdr:row>
      <xdr:rowOff>0</xdr:rowOff>
    </xdr:from>
    <xdr:to>
      <xdr:col>17</xdr:col>
      <xdr:colOff>52941</xdr:colOff>
      <xdr:row>9</xdr:row>
      <xdr:rowOff>88167</xdr:rowOff>
    </xdr:to>
    <xdr:pic>
      <xdr:nvPicPr>
        <xdr:cNvPr id="6" name="Imagen 13">
          <a:extLst>
            <a:ext uri="{FF2B5EF4-FFF2-40B4-BE49-F238E27FC236}">
              <a16:creationId xmlns:a16="http://schemas.microsoft.com/office/drawing/2014/main" id="{92C385E0-C21B-4AB1-B46F-2F3D63581D88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1524000" y="161925"/>
          <a:ext cx="6844266" cy="210746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21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2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22457963-A457-4146-9140-2F962EC87408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3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4A8E0526-5A48-4414-A028-E2743932D8C8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16</xdr:row>
      <xdr:rowOff>85725</xdr:rowOff>
    </xdr:to>
    <xdr:sp macro="" textlink="">
      <xdr:nvSpPr>
        <xdr:cNvPr id="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D9AF73CD-285A-4CA6-97AB-E766E9C764FF}"/>
            </a:ext>
          </a:extLst>
        </xdr:cNvPr>
        <xdr:cNvSpPr>
          <a:spLocks noChangeAspect="1" noChangeArrowheads="1"/>
        </xdr:cNvSpPr>
      </xdr:nvSpPr>
      <xdr:spPr bwMode="auto">
        <a:xfrm>
          <a:off x="6505575" y="1228725"/>
          <a:ext cx="2276475" cy="22002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</xdr:col>
      <xdr:colOff>0</xdr:colOff>
      <xdr:row>1</xdr:row>
      <xdr:rowOff>0</xdr:rowOff>
    </xdr:from>
    <xdr:to>
      <xdr:col>17</xdr:col>
      <xdr:colOff>52941</xdr:colOff>
      <xdr:row>9</xdr:row>
      <xdr:rowOff>88167</xdr:rowOff>
    </xdr:to>
    <xdr:pic>
      <xdr:nvPicPr>
        <xdr:cNvPr id="6" name="Imagen 13">
          <a:extLst>
            <a:ext uri="{FF2B5EF4-FFF2-40B4-BE49-F238E27FC236}">
              <a16:creationId xmlns:a16="http://schemas.microsoft.com/office/drawing/2014/main" id="{DA6B85C4-FA48-4A35-B094-92EF0FF33E11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161925"/>
          <a:ext cx="6844266" cy="2107467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20</xdr:col>
      <xdr:colOff>77530</xdr:colOff>
      <xdr:row>2</xdr:row>
      <xdr:rowOff>70658</xdr:rowOff>
    </xdr:from>
    <xdr:to>
      <xdr:col>30</xdr:col>
      <xdr:colOff>276889</xdr:colOff>
      <xdr:row>8</xdr:row>
      <xdr:rowOff>66453</xdr:rowOff>
    </xdr:to>
    <xdr:pic>
      <xdr:nvPicPr>
        <xdr:cNvPr id="5" name="Imagen 4">
          <a:extLst>
            <a:ext uri="{FF2B5EF4-FFF2-40B4-BE49-F238E27FC236}">
              <a16:creationId xmlns:a16="http://schemas.microsoft.com/office/drawing/2014/main" id="{202BA875-52CD-1612-2626-F1FD8AAA086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9547152" y="469379"/>
          <a:ext cx="3865377" cy="1623905"/>
        </a:xfrm>
        <a:prstGeom prst="rect">
          <a:avLst/>
        </a:prstGeom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161925</xdr:rowOff>
    </xdr:from>
    <xdr:to>
      <xdr:col>5</xdr:col>
      <xdr:colOff>209550</xdr:colOff>
      <xdr:row>3</xdr:row>
      <xdr:rowOff>200025</xdr:rowOff>
    </xdr:to>
    <xdr:pic>
      <xdr:nvPicPr>
        <xdr:cNvPr id="29913" name="Picture 4" descr="cabecera_logo">
          <a:extLst>
            <a:ext uri="{FF2B5EF4-FFF2-40B4-BE49-F238E27FC236}">
              <a16:creationId xmlns:a16="http://schemas.microsoft.com/office/drawing/2014/main" id="{00000000-0008-0000-0200-0000D97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3238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171450</xdr:rowOff>
    </xdr:from>
    <xdr:to>
      <xdr:col>22</xdr:col>
      <xdr:colOff>142875</xdr:colOff>
      <xdr:row>6</xdr:row>
      <xdr:rowOff>247650</xdr:rowOff>
    </xdr:to>
    <xdr:pic>
      <xdr:nvPicPr>
        <xdr:cNvPr id="29914" name="Picture 5" descr="logo_defi2">
          <a:extLst>
            <a:ext uri="{FF2B5EF4-FFF2-40B4-BE49-F238E27FC236}">
              <a16:creationId xmlns:a16="http://schemas.microsoft.com/office/drawing/2014/main" id="{00000000-0008-0000-0200-0000DA7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3333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1</xdr:row>
      <xdr:rowOff>152400</xdr:rowOff>
    </xdr:from>
    <xdr:to>
      <xdr:col>18</xdr:col>
      <xdr:colOff>171450</xdr:colOff>
      <xdr:row>3</xdr:row>
      <xdr:rowOff>219075</xdr:rowOff>
    </xdr:to>
    <xdr:pic>
      <xdr:nvPicPr>
        <xdr:cNvPr id="29915" name="Picture 6">
          <a:extLst>
            <a:ext uri="{FF2B5EF4-FFF2-40B4-BE49-F238E27FC236}">
              <a16:creationId xmlns:a16="http://schemas.microsoft.com/office/drawing/2014/main" id="{00000000-0008-0000-0200-0000DB7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3143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1</xdr:row>
      <xdr:rowOff>142875</xdr:rowOff>
    </xdr:from>
    <xdr:to>
      <xdr:col>10</xdr:col>
      <xdr:colOff>257175</xdr:colOff>
      <xdr:row>5</xdr:row>
      <xdr:rowOff>190500</xdr:rowOff>
    </xdr:to>
    <xdr:pic>
      <xdr:nvPicPr>
        <xdr:cNvPr id="29916" name="Picture 7">
          <a:extLst>
            <a:ext uri="{FF2B5EF4-FFF2-40B4-BE49-F238E27FC236}">
              <a16:creationId xmlns:a16="http://schemas.microsoft.com/office/drawing/2014/main" id="{00000000-0008-0000-0200-0000DC7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3048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161925</xdr:rowOff>
    </xdr:from>
    <xdr:to>
      <xdr:col>5</xdr:col>
      <xdr:colOff>209550</xdr:colOff>
      <xdr:row>3</xdr:row>
      <xdr:rowOff>200025</xdr:rowOff>
    </xdr:to>
    <xdr:pic>
      <xdr:nvPicPr>
        <xdr:cNvPr id="30937" name="Picture 4" descr="cabecera_logo">
          <a:extLst>
            <a:ext uri="{FF2B5EF4-FFF2-40B4-BE49-F238E27FC236}">
              <a16:creationId xmlns:a16="http://schemas.microsoft.com/office/drawing/2014/main" id="{00000000-0008-0000-0300-0000D97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3238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171450</xdr:rowOff>
    </xdr:from>
    <xdr:to>
      <xdr:col>22</xdr:col>
      <xdr:colOff>142875</xdr:colOff>
      <xdr:row>6</xdr:row>
      <xdr:rowOff>247650</xdr:rowOff>
    </xdr:to>
    <xdr:pic>
      <xdr:nvPicPr>
        <xdr:cNvPr id="30938" name="Picture 5" descr="logo_defi2">
          <a:extLst>
            <a:ext uri="{FF2B5EF4-FFF2-40B4-BE49-F238E27FC236}">
              <a16:creationId xmlns:a16="http://schemas.microsoft.com/office/drawing/2014/main" id="{00000000-0008-0000-0300-0000DA7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3333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1</xdr:row>
      <xdr:rowOff>152400</xdr:rowOff>
    </xdr:from>
    <xdr:to>
      <xdr:col>18</xdr:col>
      <xdr:colOff>171450</xdr:colOff>
      <xdr:row>3</xdr:row>
      <xdr:rowOff>219075</xdr:rowOff>
    </xdr:to>
    <xdr:pic>
      <xdr:nvPicPr>
        <xdr:cNvPr id="30939" name="Picture 6">
          <a:extLst>
            <a:ext uri="{FF2B5EF4-FFF2-40B4-BE49-F238E27FC236}">
              <a16:creationId xmlns:a16="http://schemas.microsoft.com/office/drawing/2014/main" id="{00000000-0008-0000-0300-0000DB7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3143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1</xdr:row>
      <xdr:rowOff>142875</xdr:rowOff>
    </xdr:from>
    <xdr:to>
      <xdr:col>10</xdr:col>
      <xdr:colOff>257175</xdr:colOff>
      <xdr:row>5</xdr:row>
      <xdr:rowOff>190500</xdr:rowOff>
    </xdr:to>
    <xdr:pic>
      <xdr:nvPicPr>
        <xdr:cNvPr id="30940" name="Picture 7">
          <a:extLst>
            <a:ext uri="{FF2B5EF4-FFF2-40B4-BE49-F238E27FC236}">
              <a16:creationId xmlns:a16="http://schemas.microsoft.com/office/drawing/2014/main" id="{00000000-0008-0000-0300-0000DC7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3048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1</xdr:row>
      <xdr:rowOff>161925</xdr:rowOff>
    </xdr:from>
    <xdr:to>
      <xdr:col>5</xdr:col>
      <xdr:colOff>209550</xdr:colOff>
      <xdr:row>3</xdr:row>
      <xdr:rowOff>200025</xdr:rowOff>
    </xdr:to>
    <xdr:pic>
      <xdr:nvPicPr>
        <xdr:cNvPr id="31961" name="Picture 4" descr="cabecera_logo">
          <a:extLst>
            <a:ext uri="{FF2B5EF4-FFF2-40B4-BE49-F238E27FC236}">
              <a16:creationId xmlns:a16="http://schemas.microsoft.com/office/drawing/2014/main" id="{00000000-0008-0000-0400-0000D97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3238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1</xdr:row>
      <xdr:rowOff>171450</xdr:rowOff>
    </xdr:from>
    <xdr:to>
      <xdr:col>22</xdr:col>
      <xdr:colOff>142875</xdr:colOff>
      <xdr:row>6</xdr:row>
      <xdr:rowOff>247650</xdr:rowOff>
    </xdr:to>
    <xdr:pic>
      <xdr:nvPicPr>
        <xdr:cNvPr id="31962" name="Picture 5" descr="logo_defi2">
          <a:extLst>
            <a:ext uri="{FF2B5EF4-FFF2-40B4-BE49-F238E27FC236}">
              <a16:creationId xmlns:a16="http://schemas.microsoft.com/office/drawing/2014/main" id="{00000000-0008-0000-0400-0000DA7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3333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1</xdr:row>
      <xdr:rowOff>152400</xdr:rowOff>
    </xdr:from>
    <xdr:to>
      <xdr:col>18</xdr:col>
      <xdr:colOff>171450</xdr:colOff>
      <xdr:row>3</xdr:row>
      <xdr:rowOff>219075</xdr:rowOff>
    </xdr:to>
    <xdr:pic>
      <xdr:nvPicPr>
        <xdr:cNvPr id="31963" name="Picture 6">
          <a:extLst>
            <a:ext uri="{FF2B5EF4-FFF2-40B4-BE49-F238E27FC236}">
              <a16:creationId xmlns:a16="http://schemas.microsoft.com/office/drawing/2014/main" id="{00000000-0008-0000-0400-0000DB7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3143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1</xdr:row>
      <xdr:rowOff>142875</xdr:rowOff>
    </xdr:from>
    <xdr:to>
      <xdr:col>10</xdr:col>
      <xdr:colOff>257175</xdr:colOff>
      <xdr:row>5</xdr:row>
      <xdr:rowOff>190500</xdr:rowOff>
    </xdr:to>
    <xdr:pic>
      <xdr:nvPicPr>
        <xdr:cNvPr id="31964" name="Picture 7">
          <a:extLst>
            <a:ext uri="{FF2B5EF4-FFF2-40B4-BE49-F238E27FC236}">
              <a16:creationId xmlns:a16="http://schemas.microsoft.com/office/drawing/2014/main" id="{00000000-0008-0000-0400-0000DC7C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3048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2</xdr:row>
      <xdr:rowOff>161925</xdr:rowOff>
    </xdr:from>
    <xdr:to>
      <xdr:col>5</xdr:col>
      <xdr:colOff>209550</xdr:colOff>
      <xdr:row>4</xdr:row>
      <xdr:rowOff>19050</xdr:rowOff>
    </xdr:to>
    <xdr:pic>
      <xdr:nvPicPr>
        <xdr:cNvPr id="32985" name="Picture 4" descr="cabecera_logo">
          <a:extLst>
            <a:ext uri="{FF2B5EF4-FFF2-40B4-BE49-F238E27FC236}">
              <a16:creationId xmlns:a16="http://schemas.microsoft.com/office/drawing/2014/main" id="{00000000-0008-0000-0500-0000D98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5524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2</xdr:row>
      <xdr:rowOff>171450</xdr:rowOff>
    </xdr:from>
    <xdr:to>
      <xdr:col>22</xdr:col>
      <xdr:colOff>142875</xdr:colOff>
      <xdr:row>7</xdr:row>
      <xdr:rowOff>161925</xdr:rowOff>
    </xdr:to>
    <xdr:pic>
      <xdr:nvPicPr>
        <xdr:cNvPr id="32986" name="Picture 5" descr="logo_defi2">
          <a:extLst>
            <a:ext uri="{FF2B5EF4-FFF2-40B4-BE49-F238E27FC236}">
              <a16:creationId xmlns:a16="http://schemas.microsoft.com/office/drawing/2014/main" id="{00000000-0008-0000-0500-0000DA8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5619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2</xdr:row>
      <xdr:rowOff>152400</xdr:rowOff>
    </xdr:from>
    <xdr:to>
      <xdr:col>18</xdr:col>
      <xdr:colOff>171450</xdr:colOff>
      <xdr:row>4</xdr:row>
      <xdr:rowOff>38100</xdr:rowOff>
    </xdr:to>
    <xdr:pic>
      <xdr:nvPicPr>
        <xdr:cNvPr id="32987" name="Picture 6">
          <a:extLst>
            <a:ext uri="{FF2B5EF4-FFF2-40B4-BE49-F238E27FC236}">
              <a16:creationId xmlns:a16="http://schemas.microsoft.com/office/drawing/2014/main" id="{00000000-0008-0000-0500-0000DB8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5429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2988" name="Picture 7">
          <a:extLst>
            <a:ext uri="{FF2B5EF4-FFF2-40B4-BE49-F238E27FC236}">
              <a16:creationId xmlns:a16="http://schemas.microsoft.com/office/drawing/2014/main" id="{00000000-0008-0000-0500-0000DC8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2</xdr:row>
      <xdr:rowOff>161925</xdr:rowOff>
    </xdr:from>
    <xdr:to>
      <xdr:col>5</xdr:col>
      <xdr:colOff>209550</xdr:colOff>
      <xdr:row>4</xdr:row>
      <xdr:rowOff>19050</xdr:rowOff>
    </xdr:to>
    <xdr:pic>
      <xdr:nvPicPr>
        <xdr:cNvPr id="34009" name="Picture 1" descr="cabecera_logo">
          <a:extLst>
            <a:ext uri="{FF2B5EF4-FFF2-40B4-BE49-F238E27FC236}">
              <a16:creationId xmlns:a16="http://schemas.microsoft.com/office/drawing/2014/main" id="{00000000-0008-0000-0600-0000D98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5524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2</xdr:row>
      <xdr:rowOff>171450</xdr:rowOff>
    </xdr:from>
    <xdr:to>
      <xdr:col>22</xdr:col>
      <xdr:colOff>123825</xdr:colOff>
      <xdr:row>7</xdr:row>
      <xdr:rowOff>161925</xdr:rowOff>
    </xdr:to>
    <xdr:pic>
      <xdr:nvPicPr>
        <xdr:cNvPr id="34010" name="Picture 2" descr="logo_defi2">
          <a:extLst>
            <a:ext uri="{FF2B5EF4-FFF2-40B4-BE49-F238E27FC236}">
              <a16:creationId xmlns:a16="http://schemas.microsoft.com/office/drawing/2014/main" id="{00000000-0008-0000-0600-0000DA8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5619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2</xdr:row>
      <xdr:rowOff>152400</xdr:rowOff>
    </xdr:from>
    <xdr:to>
      <xdr:col>18</xdr:col>
      <xdr:colOff>171450</xdr:colOff>
      <xdr:row>4</xdr:row>
      <xdr:rowOff>38100</xdr:rowOff>
    </xdr:to>
    <xdr:pic>
      <xdr:nvPicPr>
        <xdr:cNvPr id="34011" name="Picture 3">
          <a:extLst>
            <a:ext uri="{FF2B5EF4-FFF2-40B4-BE49-F238E27FC236}">
              <a16:creationId xmlns:a16="http://schemas.microsoft.com/office/drawing/2014/main" id="{00000000-0008-0000-0600-0000DB8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5429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4012" name="Picture 4">
          <a:extLst>
            <a:ext uri="{FF2B5EF4-FFF2-40B4-BE49-F238E27FC236}">
              <a16:creationId xmlns:a16="http://schemas.microsoft.com/office/drawing/2014/main" id="{00000000-0008-0000-0600-0000DC84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0</xdr:colOff>
      <xdr:row>2</xdr:row>
      <xdr:rowOff>161925</xdr:rowOff>
    </xdr:from>
    <xdr:to>
      <xdr:col>5</xdr:col>
      <xdr:colOff>209550</xdr:colOff>
      <xdr:row>4</xdr:row>
      <xdr:rowOff>19050</xdr:rowOff>
    </xdr:to>
    <xdr:pic>
      <xdr:nvPicPr>
        <xdr:cNvPr id="35033" name="Picture 1" descr="cabecera_logo">
          <a:extLst>
            <a:ext uri="{FF2B5EF4-FFF2-40B4-BE49-F238E27FC236}">
              <a16:creationId xmlns:a16="http://schemas.microsoft.com/office/drawing/2014/main" id="{00000000-0008-0000-0700-0000D98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1524000" y="552450"/>
          <a:ext cx="2857500" cy="533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0</xdr:colOff>
      <xdr:row>2</xdr:row>
      <xdr:rowOff>171450</xdr:rowOff>
    </xdr:from>
    <xdr:to>
      <xdr:col>22</xdr:col>
      <xdr:colOff>123825</xdr:colOff>
      <xdr:row>7</xdr:row>
      <xdr:rowOff>161925</xdr:rowOff>
    </xdr:to>
    <xdr:pic>
      <xdr:nvPicPr>
        <xdr:cNvPr id="35034" name="Picture 2" descr="logo_defi2">
          <a:extLst>
            <a:ext uri="{FF2B5EF4-FFF2-40B4-BE49-F238E27FC236}">
              <a16:creationId xmlns:a16="http://schemas.microsoft.com/office/drawing/2014/main" id="{00000000-0008-0000-0700-0000DA8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9239250" y="561975"/>
          <a:ext cx="1228725" cy="14573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1</xdr:col>
      <xdr:colOff>114300</xdr:colOff>
      <xdr:row>2</xdr:row>
      <xdr:rowOff>152400</xdr:rowOff>
    </xdr:from>
    <xdr:to>
      <xdr:col>18</xdr:col>
      <xdr:colOff>171450</xdr:colOff>
      <xdr:row>4</xdr:row>
      <xdr:rowOff>38100</xdr:rowOff>
    </xdr:to>
    <xdr:pic>
      <xdr:nvPicPr>
        <xdr:cNvPr id="35035" name="Picture 3">
          <a:extLst>
            <a:ext uri="{FF2B5EF4-FFF2-40B4-BE49-F238E27FC236}">
              <a16:creationId xmlns:a16="http://schemas.microsoft.com/office/drawing/2014/main" id="{00000000-0008-0000-0700-0000DB8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6457950" y="542925"/>
          <a:ext cx="2590800" cy="5619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5036" name="Picture 4">
          <a:extLst>
            <a:ext uri="{FF2B5EF4-FFF2-40B4-BE49-F238E27FC236}">
              <a16:creationId xmlns:a16="http://schemas.microsoft.com/office/drawing/2014/main" id="{00000000-0008-0000-0700-0000DC88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8443" name="Picture 4">
          <a:extLst>
            <a:ext uri="{FF2B5EF4-FFF2-40B4-BE49-F238E27FC236}">
              <a16:creationId xmlns:a16="http://schemas.microsoft.com/office/drawing/2014/main" id="{00000000-0008-0000-0800-00002B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844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2C96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8445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2D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8446" name="Picture 11" descr="logo_observatorio2012">
          <a:extLst>
            <a:ext uri="{FF2B5EF4-FFF2-40B4-BE49-F238E27FC236}">
              <a16:creationId xmlns:a16="http://schemas.microsoft.com/office/drawing/2014/main" id="{00000000-0008-0000-0800-00002E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8447" name="Picture 13" descr="logo magrama 2012">
          <a:extLst>
            <a:ext uri="{FF2B5EF4-FFF2-40B4-BE49-F238E27FC236}">
              <a16:creationId xmlns:a16="http://schemas.microsoft.com/office/drawing/2014/main" id="{00000000-0008-0000-0800-00002F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8448" name="Picture 4">
          <a:extLst>
            <a:ext uri="{FF2B5EF4-FFF2-40B4-BE49-F238E27FC236}">
              <a16:creationId xmlns:a16="http://schemas.microsoft.com/office/drawing/2014/main" id="{00000000-0008-0000-0800-000030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8449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3196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8450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32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8451" name="Picture 11" descr="logo_observatorio2012">
          <a:extLst>
            <a:ext uri="{FF2B5EF4-FFF2-40B4-BE49-F238E27FC236}">
              <a16:creationId xmlns:a16="http://schemas.microsoft.com/office/drawing/2014/main" id="{00000000-0008-0000-0800-000033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8452" name="Picture 13" descr="logo magrama 2012">
          <a:extLst>
            <a:ext uri="{FF2B5EF4-FFF2-40B4-BE49-F238E27FC236}">
              <a16:creationId xmlns:a16="http://schemas.microsoft.com/office/drawing/2014/main" id="{00000000-0008-0000-0800-000034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6</xdr:col>
      <xdr:colOff>0</xdr:colOff>
      <xdr:row>2</xdr:row>
      <xdr:rowOff>142875</xdr:rowOff>
    </xdr:from>
    <xdr:to>
      <xdr:col>10</xdr:col>
      <xdr:colOff>257175</xdr:colOff>
      <xdr:row>6</xdr:row>
      <xdr:rowOff>104775</xdr:rowOff>
    </xdr:to>
    <xdr:pic>
      <xdr:nvPicPr>
        <xdr:cNvPr id="38453" name="Picture 4">
          <a:extLst>
            <a:ext uri="{FF2B5EF4-FFF2-40B4-BE49-F238E27FC236}">
              <a16:creationId xmlns:a16="http://schemas.microsoft.com/office/drawing/2014/main" id="{00000000-0008-0000-0800-000035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533900" y="533400"/>
          <a:ext cx="1704975" cy="11144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2</xdr:col>
      <xdr:colOff>0</xdr:colOff>
      <xdr:row>5</xdr:row>
      <xdr:rowOff>0</xdr:rowOff>
    </xdr:from>
    <xdr:to>
      <xdr:col>18</xdr:col>
      <xdr:colOff>104775</xdr:colOff>
      <xdr:row>7</xdr:row>
      <xdr:rowOff>114300</xdr:rowOff>
    </xdr:to>
    <xdr:sp macro="" textlink="">
      <xdr:nvSpPr>
        <xdr:cNvPr id="38454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36960000}"/>
            </a:ext>
          </a:extLst>
        </xdr:cNvPr>
        <xdr:cNvSpPr>
          <a:spLocks noChangeAspect="1" noChangeArrowheads="1"/>
        </xdr:cNvSpPr>
      </xdr:nvSpPr>
      <xdr:spPr bwMode="auto">
        <a:xfrm>
          <a:off x="6705600" y="12287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>
    <xdr:from>
      <xdr:col>11</xdr:col>
      <xdr:colOff>152400</xdr:colOff>
      <xdr:row>2</xdr:row>
      <xdr:rowOff>38100</xdr:rowOff>
    </xdr:from>
    <xdr:to>
      <xdr:col>17</xdr:col>
      <xdr:colOff>257175</xdr:colOff>
      <xdr:row>4</xdr:row>
      <xdr:rowOff>104775</xdr:rowOff>
    </xdr:to>
    <xdr:pic>
      <xdr:nvPicPr>
        <xdr:cNvPr id="38455" name="Imagen_x0020_1" descr="Descripción: Descripción: C:\Users\pmriera\Pictures\logo.gif">
          <a:extLst>
            <a:ext uri="{FF2B5EF4-FFF2-40B4-BE49-F238E27FC236}">
              <a16:creationId xmlns:a16="http://schemas.microsoft.com/office/drawing/2014/main" id="{00000000-0008-0000-0800-000037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6496050" y="428625"/>
          <a:ext cx="2276475" cy="7429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9</xdr:col>
      <xdr:colOff>342900</xdr:colOff>
      <xdr:row>2</xdr:row>
      <xdr:rowOff>190500</xdr:rowOff>
    </xdr:from>
    <xdr:to>
      <xdr:col>21</xdr:col>
      <xdr:colOff>342900</xdr:colOff>
      <xdr:row>5</xdr:row>
      <xdr:rowOff>266700</xdr:rowOff>
    </xdr:to>
    <xdr:pic>
      <xdr:nvPicPr>
        <xdr:cNvPr id="38456" name="Picture 11" descr="logo_observatorio2012">
          <a:extLst>
            <a:ext uri="{FF2B5EF4-FFF2-40B4-BE49-F238E27FC236}">
              <a16:creationId xmlns:a16="http://schemas.microsoft.com/office/drawing/2014/main" id="{00000000-0008-0000-0800-000038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/>
        <a:srcRect/>
        <a:stretch>
          <a:fillRect/>
        </a:stretch>
      </xdr:blipFill>
      <xdr:spPr bwMode="auto">
        <a:xfrm>
          <a:off x="9582150" y="581025"/>
          <a:ext cx="723900" cy="9144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</xdr:col>
      <xdr:colOff>752475</xdr:colOff>
      <xdr:row>2</xdr:row>
      <xdr:rowOff>171450</xdr:rowOff>
    </xdr:from>
    <xdr:to>
      <xdr:col>5</xdr:col>
      <xdr:colOff>19050</xdr:colOff>
      <xdr:row>4</xdr:row>
      <xdr:rowOff>95250</xdr:rowOff>
    </xdr:to>
    <xdr:pic>
      <xdr:nvPicPr>
        <xdr:cNvPr id="38457" name="Picture 13" descr="logo magrama 2012">
          <a:extLst>
            <a:ext uri="{FF2B5EF4-FFF2-40B4-BE49-F238E27FC236}">
              <a16:creationId xmlns:a16="http://schemas.microsoft.com/office/drawing/2014/main" id="{00000000-0008-0000-0800-00003996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4" cstate="print"/>
        <a:srcRect/>
        <a:stretch>
          <a:fillRect/>
        </a:stretch>
      </xdr:blipFill>
      <xdr:spPr bwMode="auto">
        <a:xfrm>
          <a:off x="1514475" y="561975"/>
          <a:ext cx="2676525" cy="600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0.xml"/><Relationship Id="rId1" Type="http://schemas.openxmlformats.org/officeDocument/2006/relationships/printerSettings" Target="../printerSettings/printerSettings6.bin"/></Relationships>
</file>

<file path=xl/worksheets/_rels/sheet1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1.xml"/><Relationship Id="rId1" Type="http://schemas.openxmlformats.org/officeDocument/2006/relationships/printerSettings" Target="../printerSettings/printerSettings7.bin"/></Relationships>
</file>

<file path=xl/worksheets/_rels/sheet1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2.xml"/><Relationship Id="rId1" Type="http://schemas.openxmlformats.org/officeDocument/2006/relationships/printerSettings" Target="../printerSettings/printerSettings8.bin"/></Relationships>
</file>

<file path=xl/worksheets/_rels/sheet1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3.xml"/><Relationship Id="rId1" Type="http://schemas.openxmlformats.org/officeDocument/2006/relationships/printerSettings" Target="../printerSettings/printerSettings9.bin"/></Relationships>
</file>

<file path=xl/worksheets/_rels/sheet1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4.xml"/><Relationship Id="rId1" Type="http://schemas.openxmlformats.org/officeDocument/2006/relationships/printerSettings" Target="../printerSettings/printerSettings10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5.xml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6.xml"/></Relationships>
</file>

<file path=xl/worksheets/_rels/sheet1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7.xml"/><Relationship Id="rId1" Type="http://schemas.openxmlformats.org/officeDocument/2006/relationships/printerSettings" Target="../printerSettings/printerSettings11.bin"/></Relationships>
</file>

<file path=xl/worksheets/_rels/sheet1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8.xml"/><Relationship Id="rId1" Type="http://schemas.openxmlformats.org/officeDocument/2006/relationships/printerSettings" Target="../printerSettings/printerSettings12.bin"/></Relationships>
</file>

<file path=xl/worksheets/_rels/sheet1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9.xml"/><Relationship Id="rId1" Type="http://schemas.openxmlformats.org/officeDocument/2006/relationships/printerSettings" Target="../printerSettings/printerSettings13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2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0.xml"/><Relationship Id="rId1" Type="http://schemas.openxmlformats.org/officeDocument/2006/relationships/printerSettings" Target="../printerSettings/printerSettings14.bin"/></Relationships>
</file>

<file path=xl/worksheets/_rels/sheet2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1.xml"/><Relationship Id="rId1" Type="http://schemas.openxmlformats.org/officeDocument/2006/relationships/printerSettings" Target="../printerSettings/printerSettings15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1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2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5.xml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6.xml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7.xml"/><Relationship Id="rId1" Type="http://schemas.openxmlformats.org/officeDocument/2006/relationships/printerSettings" Target="../printerSettings/printerSettings3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8.xml"/><Relationship Id="rId1" Type="http://schemas.openxmlformats.org/officeDocument/2006/relationships/printerSettings" Target="../printerSettings/printerSettings4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9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C2:BE122"/>
  <sheetViews>
    <sheetView topLeftCell="B19" workbookViewId="0">
      <selection activeCell="W10" sqref="W10"/>
    </sheetView>
  </sheetViews>
  <sheetFormatPr baseColWidth="10" defaultRowHeight="12.75" x14ac:dyDescent="0.2"/>
  <cols>
    <col min="3" max="3" width="25.7109375" customWidth="1"/>
    <col min="4" max="4" width="8.5703125" customWidth="1"/>
    <col min="5" max="5" width="5.42578125" bestFit="1" customWidth="1"/>
    <col min="6" max="57" width="5.42578125" customWidth="1"/>
  </cols>
  <sheetData>
    <row r="2" spans="3:57" ht="18" customHeight="1" x14ac:dyDescent="0.2">
      <c r="D2" s="30"/>
    </row>
    <row r="3" spans="3:57" ht="21" customHeight="1" x14ac:dyDescent="0.2">
      <c r="D3" s="30"/>
    </row>
    <row r="4" spans="3:57" ht="32.25" customHeight="1" x14ac:dyDescent="0.2">
      <c r="D4" s="214"/>
      <c r="E4" s="214"/>
      <c r="F4" s="214"/>
      <c r="G4" s="214"/>
    </row>
    <row r="5" spans="3:57" x14ac:dyDescent="0.2">
      <c r="E5" s="27"/>
    </row>
    <row r="6" spans="3:57" ht="24.95" customHeight="1" x14ac:dyDescent="0.2">
      <c r="C6" s="28" t="s">
        <v>98</v>
      </c>
    </row>
    <row r="7" spans="3:57" ht="24.95" customHeight="1" x14ac:dyDescent="0.2">
      <c r="C7" s="29" t="s">
        <v>99</v>
      </c>
    </row>
    <row r="11" spans="3:57" x14ac:dyDescent="0.2">
      <c r="C11" s="1" t="s">
        <v>0</v>
      </c>
    </row>
    <row r="12" spans="3:57" ht="15" customHeight="1" x14ac:dyDescent="0.2">
      <c r="E12" s="1">
        <v>2004</v>
      </c>
    </row>
    <row r="13" spans="3:57" x14ac:dyDescent="0.2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x14ac:dyDescent="0.2">
      <c r="C14" s="5" t="s">
        <v>57</v>
      </c>
      <c r="D14" s="6" t="s">
        <v>58</v>
      </c>
      <c r="E14" s="8">
        <v>3.19</v>
      </c>
      <c r="F14" s="8">
        <v>3.21</v>
      </c>
      <c r="G14" s="8">
        <v>3.24</v>
      </c>
      <c r="H14" s="8">
        <v>3.25</v>
      </c>
      <c r="I14" s="8">
        <v>3.26</v>
      </c>
      <c r="J14" s="8">
        <v>3.26</v>
      </c>
      <c r="K14" s="8">
        <v>3.24</v>
      </c>
      <c r="L14" s="8">
        <v>3.21</v>
      </c>
      <c r="M14" s="8">
        <v>3.17</v>
      </c>
      <c r="N14" s="8">
        <v>3.17</v>
      </c>
      <c r="O14" s="8">
        <v>3.13</v>
      </c>
      <c r="P14" s="8">
        <v>3.12</v>
      </c>
      <c r="Q14" s="8">
        <v>3.08</v>
      </c>
      <c r="R14" s="8">
        <v>3.07</v>
      </c>
      <c r="S14" s="8">
        <v>3.09</v>
      </c>
      <c r="T14" s="8">
        <v>3.09</v>
      </c>
      <c r="U14" s="8">
        <v>3.09</v>
      </c>
      <c r="V14" s="8">
        <v>3.08</v>
      </c>
      <c r="W14" s="8">
        <v>3.07</v>
      </c>
      <c r="X14" s="8">
        <v>3.05</v>
      </c>
      <c r="Y14" s="8">
        <v>3.06</v>
      </c>
      <c r="Z14" s="8">
        <v>3.04</v>
      </c>
      <c r="AA14" s="8">
        <v>3.04</v>
      </c>
      <c r="AB14" s="8">
        <v>3.03</v>
      </c>
      <c r="AC14" s="8">
        <v>3.02</v>
      </c>
      <c r="AD14" s="8">
        <v>3.02</v>
      </c>
      <c r="AE14" s="8">
        <v>3.02</v>
      </c>
      <c r="AF14" s="8">
        <v>3.03</v>
      </c>
      <c r="AG14" s="8">
        <v>3.04</v>
      </c>
      <c r="AH14" s="8">
        <v>3.04</v>
      </c>
      <c r="AI14" s="8">
        <v>3.05</v>
      </c>
      <c r="AJ14" s="8">
        <v>3.05</v>
      </c>
      <c r="AK14" s="8">
        <v>3.05</v>
      </c>
      <c r="AL14" s="8">
        <v>3.05</v>
      </c>
      <c r="AM14" s="8">
        <v>3.05</v>
      </c>
      <c r="AN14" s="8">
        <v>3.08</v>
      </c>
      <c r="AO14" s="8">
        <v>3.08</v>
      </c>
      <c r="AP14" s="8">
        <v>3.1</v>
      </c>
      <c r="AQ14" s="8">
        <v>3.11</v>
      </c>
      <c r="AR14" s="8">
        <v>3.12</v>
      </c>
      <c r="AS14" s="8">
        <v>3.14</v>
      </c>
      <c r="AT14" s="8">
        <v>3.15</v>
      </c>
      <c r="AU14" s="8">
        <v>3.18</v>
      </c>
      <c r="AV14" s="8">
        <v>3.21</v>
      </c>
      <c r="AW14" s="8">
        <v>3.25</v>
      </c>
      <c r="AX14" s="8">
        <v>3.3</v>
      </c>
      <c r="AY14" s="8">
        <v>3.33</v>
      </c>
      <c r="AZ14" s="8">
        <v>3.33</v>
      </c>
      <c r="BA14" s="8">
        <v>3.32</v>
      </c>
      <c r="BB14" s="8">
        <v>3.32</v>
      </c>
      <c r="BC14" s="8">
        <v>3.32</v>
      </c>
      <c r="BD14" s="8">
        <v>3.31</v>
      </c>
      <c r="BE14" s="8">
        <v>3.31</v>
      </c>
    </row>
    <row r="15" spans="3:57" x14ac:dyDescent="0.2">
      <c r="C15" s="5" t="s">
        <v>59</v>
      </c>
      <c r="D15" s="6" t="s">
        <v>58</v>
      </c>
      <c r="E15" s="8">
        <v>5.58</v>
      </c>
      <c r="F15" s="8">
        <v>5.41</v>
      </c>
      <c r="G15" s="8">
        <v>5.24</v>
      </c>
      <c r="H15" s="8">
        <v>4.93</v>
      </c>
      <c r="I15" s="8">
        <v>4.6399999999999997</v>
      </c>
      <c r="J15" s="8">
        <v>4.58</v>
      </c>
      <c r="K15" s="8">
        <v>4.51</v>
      </c>
      <c r="L15" s="8">
        <v>4.5</v>
      </c>
      <c r="M15" s="8">
        <v>4.46</v>
      </c>
      <c r="N15" s="8">
        <v>4.41</v>
      </c>
      <c r="O15" s="8">
        <v>4.2300000000000004</v>
      </c>
      <c r="P15" s="8">
        <v>4.0599999999999996</v>
      </c>
      <c r="Q15" s="8">
        <v>3.96</v>
      </c>
      <c r="R15" s="8">
        <v>3.9</v>
      </c>
      <c r="S15" s="8">
        <v>3.94</v>
      </c>
      <c r="T15" s="8">
        <v>3.94</v>
      </c>
      <c r="U15" s="8">
        <v>3.98</v>
      </c>
      <c r="V15" s="8">
        <v>3.93</v>
      </c>
      <c r="W15" s="8">
        <v>3.81</v>
      </c>
      <c r="X15" s="8">
        <v>3.75</v>
      </c>
      <c r="Y15" s="8">
        <v>3.52</v>
      </c>
      <c r="Z15" s="8">
        <v>3.44</v>
      </c>
      <c r="AA15" s="8">
        <v>3.44</v>
      </c>
      <c r="AB15" s="8">
        <v>3.48</v>
      </c>
      <c r="AC15" s="8">
        <v>3.58</v>
      </c>
      <c r="AD15" s="8">
        <v>3.93</v>
      </c>
      <c r="AE15" s="8">
        <v>4.2300000000000004</v>
      </c>
      <c r="AF15" s="8">
        <v>4.47</v>
      </c>
      <c r="AG15" s="8">
        <v>4.5599999999999996</v>
      </c>
      <c r="AH15" s="8">
        <v>4.5199999999999996</v>
      </c>
      <c r="AI15" s="8">
        <v>4.5199999999999996</v>
      </c>
      <c r="AJ15" s="8">
        <v>4.5599999999999996</v>
      </c>
      <c r="AK15" s="8">
        <v>4.7</v>
      </c>
      <c r="AL15" s="8">
        <v>4.92</v>
      </c>
      <c r="AM15" s="8">
        <v>5.08</v>
      </c>
      <c r="AN15" s="8">
        <v>4.87</v>
      </c>
      <c r="AO15" s="8">
        <v>5.26</v>
      </c>
      <c r="AP15" s="8">
        <v>5.2</v>
      </c>
      <c r="AQ15" s="8">
        <v>5.2</v>
      </c>
      <c r="AR15" s="8">
        <v>5.33</v>
      </c>
      <c r="AS15" s="8">
        <v>5.63</v>
      </c>
      <c r="AT15" s="8">
        <v>5.87</v>
      </c>
      <c r="AU15" s="8">
        <v>6.16</v>
      </c>
      <c r="AV15" s="8">
        <v>6.22</v>
      </c>
      <c r="AW15" s="8">
        <v>6.22</v>
      </c>
      <c r="AX15" s="8">
        <v>6.01</v>
      </c>
      <c r="AY15" s="8">
        <v>5.75</v>
      </c>
      <c r="AZ15" s="8">
        <v>5.38</v>
      </c>
      <c r="BA15" s="8">
        <v>5.13</v>
      </c>
      <c r="BB15" s="8">
        <v>5.26</v>
      </c>
      <c r="BC15" s="8">
        <v>5.25</v>
      </c>
      <c r="BD15" s="8">
        <v>5.28</v>
      </c>
      <c r="BE15" s="8">
        <v>5.22</v>
      </c>
    </row>
    <row r="16" spans="3:57" x14ac:dyDescent="0.2">
      <c r="C16" s="5" t="s">
        <v>60</v>
      </c>
      <c r="D16" s="6" t="s">
        <v>58</v>
      </c>
      <c r="E16" s="8">
        <v>1.05</v>
      </c>
      <c r="F16" s="8">
        <v>1.06</v>
      </c>
      <c r="G16" s="8">
        <v>1.0900000000000001</v>
      </c>
      <c r="H16" s="8">
        <v>1.1000000000000001</v>
      </c>
      <c r="I16" s="8">
        <v>1.1200000000000001</v>
      </c>
      <c r="J16" s="8">
        <v>1.17</v>
      </c>
      <c r="K16" s="8">
        <v>1.23</v>
      </c>
      <c r="L16" s="8">
        <v>1.28</v>
      </c>
      <c r="M16" s="8">
        <v>1.34</v>
      </c>
      <c r="N16" s="8">
        <v>1.39</v>
      </c>
      <c r="O16" s="8">
        <v>1.41</v>
      </c>
      <c r="P16" s="8">
        <v>1.4</v>
      </c>
      <c r="Q16" s="8">
        <v>1.4</v>
      </c>
      <c r="R16" s="8">
        <v>1.38</v>
      </c>
      <c r="S16" s="8">
        <v>1.36</v>
      </c>
      <c r="T16" s="8">
        <v>1.35</v>
      </c>
      <c r="U16" s="8">
        <v>1.35</v>
      </c>
      <c r="V16" s="8">
        <v>1.35</v>
      </c>
      <c r="W16" s="8">
        <v>1.37</v>
      </c>
      <c r="X16" s="8">
        <v>1.38</v>
      </c>
      <c r="Y16" s="8">
        <v>1.41</v>
      </c>
      <c r="Z16" s="8">
        <v>1.46</v>
      </c>
      <c r="AA16" s="8">
        <v>1.52</v>
      </c>
      <c r="AB16" s="8">
        <v>1.57</v>
      </c>
      <c r="AC16" s="8">
        <v>1.61</v>
      </c>
      <c r="AD16" s="8">
        <v>1.63</v>
      </c>
      <c r="AE16" s="8">
        <v>1.64</v>
      </c>
      <c r="AF16" s="8">
        <v>1.63</v>
      </c>
      <c r="AG16" s="8">
        <v>1.61</v>
      </c>
      <c r="AH16" s="8">
        <v>1.56</v>
      </c>
      <c r="AI16" s="8">
        <v>1.51</v>
      </c>
      <c r="AJ16" s="8">
        <v>1.45</v>
      </c>
      <c r="AK16" s="8">
        <v>1.41</v>
      </c>
      <c r="AL16" s="8">
        <v>1.37</v>
      </c>
      <c r="AM16" s="8">
        <v>1.39</v>
      </c>
      <c r="AN16" s="8">
        <v>1.41</v>
      </c>
      <c r="AO16" s="8">
        <v>1.42</v>
      </c>
      <c r="AP16" s="8">
        <v>1.4</v>
      </c>
      <c r="AQ16" s="8">
        <v>1.38</v>
      </c>
      <c r="AR16" s="8">
        <v>1.34</v>
      </c>
      <c r="AS16" s="8">
        <v>1.29</v>
      </c>
      <c r="AT16" s="8">
        <v>1.23</v>
      </c>
      <c r="AU16" s="8">
        <v>1.19</v>
      </c>
      <c r="AV16" s="8">
        <v>1.19</v>
      </c>
      <c r="AW16" s="8">
        <v>1.19</v>
      </c>
      <c r="AX16" s="8">
        <v>1.18</v>
      </c>
      <c r="AY16" s="8">
        <v>1.21</v>
      </c>
      <c r="AZ16" s="8">
        <v>1.23</v>
      </c>
      <c r="BA16" s="8">
        <v>1.24</v>
      </c>
      <c r="BB16" s="8">
        <v>1.25</v>
      </c>
      <c r="BC16" s="8">
        <v>1.29</v>
      </c>
      <c r="BD16" s="8">
        <v>1.32</v>
      </c>
      <c r="BE16" s="8">
        <v>1.32</v>
      </c>
    </row>
    <row r="17" spans="3:57" x14ac:dyDescent="0.2">
      <c r="C17" s="5" t="s">
        <v>61</v>
      </c>
      <c r="D17" s="6" t="s">
        <v>58</v>
      </c>
      <c r="E17" s="8">
        <v>0.75</v>
      </c>
      <c r="F17" s="8">
        <v>0.67</v>
      </c>
      <c r="G17" s="8">
        <v>0.67</v>
      </c>
      <c r="H17" s="8">
        <v>0.74</v>
      </c>
      <c r="I17" s="8">
        <v>0.83</v>
      </c>
      <c r="J17" s="8">
        <v>0.83</v>
      </c>
      <c r="K17" s="8">
        <v>0.75</v>
      </c>
      <c r="L17" s="8">
        <v>0.73</v>
      </c>
      <c r="M17" s="8">
        <v>0.76</v>
      </c>
      <c r="N17" s="8">
        <v>1.28</v>
      </c>
      <c r="O17" s="8">
        <v>1.36</v>
      </c>
      <c r="P17" s="8">
        <v>1.36</v>
      </c>
      <c r="Q17" s="8">
        <v>1.31</v>
      </c>
      <c r="R17" s="8">
        <v>1.19</v>
      </c>
      <c r="S17" s="8">
        <v>1.224</v>
      </c>
      <c r="T17" s="8">
        <v>1.27</v>
      </c>
      <c r="U17" s="8">
        <v>1.31</v>
      </c>
      <c r="V17" s="8">
        <v>1.37</v>
      </c>
      <c r="W17" s="8">
        <v>1.41</v>
      </c>
      <c r="X17" s="8">
        <v>1.4</v>
      </c>
      <c r="Y17" s="8">
        <v>1.46</v>
      </c>
      <c r="Z17" s="8">
        <v>1.47</v>
      </c>
      <c r="AA17" s="8">
        <v>1.44</v>
      </c>
      <c r="AB17" s="8">
        <v>1.42</v>
      </c>
      <c r="AC17" s="8">
        <v>1.39</v>
      </c>
      <c r="AD17" s="8">
        <v>1.39</v>
      </c>
      <c r="AE17" s="8">
        <v>1.43</v>
      </c>
      <c r="AF17" s="8">
        <v>1.52</v>
      </c>
      <c r="AG17" s="8">
        <v>1.57</v>
      </c>
      <c r="AH17" s="8">
        <v>1.58</v>
      </c>
      <c r="AI17" s="8">
        <v>1.59</v>
      </c>
      <c r="AJ17" s="8">
        <v>1.52</v>
      </c>
      <c r="AK17" s="8">
        <v>1.51</v>
      </c>
      <c r="AL17" s="8">
        <v>1.51</v>
      </c>
      <c r="AM17" s="8">
        <v>1.41</v>
      </c>
      <c r="AN17" s="8">
        <v>1.35</v>
      </c>
      <c r="AO17" s="8">
        <v>1.41</v>
      </c>
      <c r="AP17" s="8">
        <v>1.49</v>
      </c>
      <c r="AQ17" s="8">
        <v>1.5</v>
      </c>
      <c r="AR17" s="8">
        <v>1.45</v>
      </c>
      <c r="AS17" s="8">
        <v>1.43</v>
      </c>
      <c r="AT17" s="8">
        <v>1.45</v>
      </c>
      <c r="AU17" s="8">
        <v>1.45</v>
      </c>
      <c r="AV17" s="8">
        <v>1.48</v>
      </c>
      <c r="AW17" s="8">
        <v>1.49</v>
      </c>
      <c r="AX17" s="8">
        <v>1.5</v>
      </c>
      <c r="AY17" s="8">
        <v>1.49</v>
      </c>
      <c r="AZ17" s="8">
        <v>1.49</v>
      </c>
      <c r="BA17" s="8">
        <v>1.49</v>
      </c>
      <c r="BB17" s="8">
        <v>1.51</v>
      </c>
      <c r="BC17" s="8">
        <v>1.51</v>
      </c>
      <c r="BD17" s="8">
        <v>1.55</v>
      </c>
      <c r="BE17" s="8">
        <v>1.47</v>
      </c>
    </row>
    <row r="18" spans="3:57" x14ac:dyDescent="0.2">
      <c r="C18" s="5" t="s">
        <v>62</v>
      </c>
      <c r="D18" s="6" t="s">
        <v>58</v>
      </c>
      <c r="E18" s="8"/>
      <c r="F18" s="8"/>
      <c r="G18" s="8"/>
      <c r="H18" s="8"/>
      <c r="I18" s="8"/>
      <c r="J18" s="8"/>
      <c r="K18" s="8"/>
      <c r="L18" s="8"/>
      <c r="M18" s="8"/>
      <c r="N18" s="8"/>
      <c r="O18" s="8"/>
      <c r="P18" s="8"/>
      <c r="Q18" s="8"/>
      <c r="R18" s="8"/>
      <c r="S18" s="8"/>
      <c r="T18" s="8"/>
      <c r="U18" s="8"/>
      <c r="V18" s="8"/>
      <c r="W18" s="8"/>
      <c r="X18" s="8"/>
      <c r="Y18" s="8"/>
      <c r="Z18" s="8"/>
      <c r="AA18" s="8"/>
      <c r="AB18" s="8"/>
      <c r="AC18" s="8"/>
      <c r="AD18" s="8"/>
      <c r="AE18" s="8"/>
      <c r="AF18" s="8"/>
      <c r="AG18" s="8"/>
      <c r="AH18" s="8"/>
      <c r="AI18" s="8"/>
      <c r="AJ18" s="8"/>
      <c r="AK18" s="8"/>
      <c r="AL18" s="8"/>
      <c r="AM18" s="8"/>
      <c r="AN18" s="8"/>
      <c r="AO18" s="8"/>
      <c r="AP18" s="8"/>
      <c r="AQ18" s="8"/>
      <c r="AR18" s="8"/>
      <c r="AS18" s="8"/>
      <c r="AT18" s="8"/>
      <c r="AU18" s="8"/>
      <c r="AV18" s="8"/>
      <c r="AW18" s="8"/>
      <c r="AX18" s="8"/>
      <c r="AY18" s="8"/>
      <c r="AZ18" s="8"/>
      <c r="BA18" s="8"/>
      <c r="BB18" s="8"/>
      <c r="BC18" s="8"/>
      <c r="BD18" s="8"/>
      <c r="BE18" s="8"/>
    </row>
    <row r="19" spans="3:57" x14ac:dyDescent="0.2">
      <c r="C19" s="5" t="s">
        <v>63</v>
      </c>
      <c r="D19" s="6" t="s">
        <v>58</v>
      </c>
      <c r="E19" s="8"/>
      <c r="F19" s="8">
        <v>6.22</v>
      </c>
      <c r="G19" s="8">
        <v>6.3</v>
      </c>
      <c r="H19" s="8">
        <v>6.21</v>
      </c>
      <c r="I19" s="8">
        <v>5.94</v>
      </c>
      <c r="J19" s="8">
        <v>4.1100000000000003</v>
      </c>
      <c r="K19" s="8">
        <v>4.51</v>
      </c>
      <c r="L19" s="8">
        <v>5.51</v>
      </c>
      <c r="M19" s="8">
        <v>5.99</v>
      </c>
      <c r="N19" s="8">
        <v>7</v>
      </c>
      <c r="O19" s="8">
        <v>6.99</v>
      </c>
      <c r="P19" s="8">
        <v>6.59</v>
      </c>
      <c r="Q19" s="8">
        <v>6.7</v>
      </c>
      <c r="R19" s="8">
        <v>6.42</v>
      </c>
      <c r="S19" s="8">
        <v>6.6</v>
      </c>
      <c r="T19" s="8">
        <v>7</v>
      </c>
      <c r="U19" s="8">
        <v>7.3</v>
      </c>
      <c r="V19" s="8">
        <v>7.15</v>
      </c>
      <c r="W19" s="8">
        <v>7.25</v>
      </c>
      <c r="X19" s="8">
        <v>6.7</v>
      </c>
      <c r="Y19" s="8">
        <v>6.3</v>
      </c>
      <c r="Z19" s="8">
        <v>6.3</v>
      </c>
      <c r="AA19" s="8">
        <v>5.5</v>
      </c>
      <c r="AB19" s="8">
        <v>5.4</v>
      </c>
      <c r="AC19" s="8">
        <v>5.63</v>
      </c>
      <c r="AD19" s="8">
        <v>5.43</v>
      </c>
      <c r="AE19" s="8">
        <v>5.81</v>
      </c>
      <c r="AF19" s="8">
        <v>6.01</v>
      </c>
      <c r="AG19" s="8">
        <v>6.03</v>
      </c>
      <c r="AH19" s="8">
        <v>5.83</v>
      </c>
      <c r="AI19" s="8">
        <v>4.1500000000000004</v>
      </c>
      <c r="AJ19" s="8">
        <v>6.4</v>
      </c>
      <c r="AK19" s="8">
        <v>6.94</v>
      </c>
      <c r="AL19" s="8">
        <v>7.39</v>
      </c>
      <c r="AM19" s="8">
        <v>6.8</v>
      </c>
      <c r="AN19" s="8">
        <v>7.22</v>
      </c>
      <c r="AO19" s="8">
        <v>6.55</v>
      </c>
      <c r="AP19" s="8">
        <v>6.2</v>
      </c>
      <c r="AQ19" s="8">
        <v>6.5</v>
      </c>
      <c r="AR19" s="8">
        <v>6.65</v>
      </c>
      <c r="AS19" s="8">
        <v>6.95</v>
      </c>
      <c r="AT19" s="8">
        <v>6.3</v>
      </c>
      <c r="AU19" s="8">
        <v>6.6</v>
      </c>
      <c r="AV19" s="8">
        <v>7.2</v>
      </c>
      <c r="AW19" s="8">
        <v>8.1999999999999993</v>
      </c>
      <c r="AX19" s="8">
        <v>7.2</v>
      </c>
      <c r="AY19" s="8">
        <v>6.03</v>
      </c>
      <c r="AZ19" s="8">
        <v>6.4</v>
      </c>
      <c r="BA19" s="8">
        <v>7.09</v>
      </c>
      <c r="BB19" s="8">
        <v>7.15</v>
      </c>
      <c r="BC19" s="8">
        <v>7.95</v>
      </c>
      <c r="BD19" s="8">
        <v>9.9</v>
      </c>
      <c r="BE19" s="8">
        <v>10.15</v>
      </c>
    </row>
    <row r="20" spans="3:57" x14ac:dyDescent="0.2">
      <c r="C20" s="5" t="s">
        <v>64</v>
      </c>
      <c r="D20" s="6" t="s">
        <v>58</v>
      </c>
      <c r="E20" s="8"/>
      <c r="F20" s="8">
        <v>4.84</v>
      </c>
      <c r="G20" s="8">
        <v>5.0999999999999996</v>
      </c>
      <c r="H20" s="8">
        <v>4.28</v>
      </c>
      <c r="I20" s="8">
        <v>3.5</v>
      </c>
      <c r="J20" s="8">
        <v>3.6</v>
      </c>
      <c r="K20" s="8">
        <v>3.87</v>
      </c>
      <c r="L20" s="8">
        <v>3.32</v>
      </c>
      <c r="M20" s="8">
        <v>3.01</v>
      </c>
      <c r="N20" s="8">
        <v>4</v>
      </c>
      <c r="O20" s="8">
        <v>3.44</v>
      </c>
      <c r="P20" s="8">
        <v>3.34</v>
      </c>
      <c r="Q20" s="8">
        <v>4.03</v>
      </c>
      <c r="R20" s="8">
        <v>4</v>
      </c>
      <c r="S20" s="8">
        <v>4.1500000000000004</v>
      </c>
      <c r="T20" s="8">
        <v>4.09</v>
      </c>
      <c r="U20" s="8">
        <v>4.5</v>
      </c>
      <c r="V20" s="8">
        <v>4.7</v>
      </c>
      <c r="W20" s="8">
        <v>4.7</v>
      </c>
      <c r="X20" s="8">
        <v>5.3</v>
      </c>
      <c r="Y20" s="8">
        <v>3.9</v>
      </c>
      <c r="Z20" s="8">
        <v>3.9</v>
      </c>
      <c r="AA20" s="8">
        <v>3.22</v>
      </c>
      <c r="AB20" s="8">
        <v>3.75</v>
      </c>
      <c r="AC20" s="8">
        <v>3.8</v>
      </c>
      <c r="AD20" s="8">
        <v>3.5</v>
      </c>
      <c r="AE20" s="8">
        <v>3.21</v>
      </c>
      <c r="AF20" s="8">
        <v>3.61</v>
      </c>
      <c r="AG20" s="8">
        <v>3.6</v>
      </c>
      <c r="AH20" s="8">
        <v>3.61</v>
      </c>
      <c r="AI20" s="8">
        <v>3.08</v>
      </c>
      <c r="AJ20" s="8">
        <v>3.77</v>
      </c>
      <c r="AK20" s="8">
        <v>4.5</v>
      </c>
      <c r="AL20" s="8">
        <v>4.75</v>
      </c>
      <c r="AM20" s="8">
        <v>5.05</v>
      </c>
      <c r="AN20" s="8">
        <v>4.78</v>
      </c>
      <c r="AO20" s="8">
        <v>4.9000000000000004</v>
      </c>
      <c r="AP20" s="8">
        <v>4.16</v>
      </c>
      <c r="AQ20" s="8">
        <v>4</v>
      </c>
      <c r="AR20" s="8">
        <v>4.1500000000000004</v>
      </c>
      <c r="AS20" s="8">
        <v>4.3499999999999996</v>
      </c>
      <c r="AT20" s="8">
        <v>4.3</v>
      </c>
      <c r="AU20" s="8">
        <v>4.17</v>
      </c>
      <c r="AV20" s="8">
        <v>4.37</v>
      </c>
      <c r="AW20" s="8">
        <v>5.37</v>
      </c>
      <c r="AX20" s="8">
        <v>5</v>
      </c>
      <c r="AY20" s="8">
        <v>4.58</v>
      </c>
      <c r="AZ20" s="8">
        <v>4.78</v>
      </c>
      <c r="BA20" s="8">
        <v>4.78</v>
      </c>
      <c r="BB20" s="8">
        <v>5</v>
      </c>
      <c r="BC20" s="8">
        <v>5</v>
      </c>
      <c r="BD20" s="8">
        <v>5.6</v>
      </c>
      <c r="BE20" s="8">
        <v>5.7</v>
      </c>
    </row>
    <row r="21" spans="3:57" x14ac:dyDescent="0.2">
      <c r="C21" s="5" t="s">
        <v>65</v>
      </c>
      <c r="D21" s="6" t="s">
        <v>58</v>
      </c>
      <c r="E21" s="8"/>
      <c r="F21" s="8">
        <v>0.31</v>
      </c>
      <c r="G21" s="8">
        <v>0.32</v>
      </c>
      <c r="H21" s="8">
        <v>0.33</v>
      </c>
      <c r="I21" s="8">
        <v>0.37</v>
      </c>
      <c r="J21" s="8">
        <v>0.38</v>
      </c>
      <c r="K21" s="8">
        <v>0.66</v>
      </c>
      <c r="L21" s="8">
        <v>0.55000000000000004</v>
      </c>
      <c r="M21" s="8">
        <v>0.64</v>
      </c>
      <c r="N21" s="8">
        <v>0.69</v>
      </c>
      <c r="O21" s="8">
        <v>0.52</v>
      </c>
      <c r="P21" s="8">
        <v>0.6</v>
      </c>
      <c r="Q21" s="8">
        <v>0.84</v>
      </c>
      <c r="R21" s="8">
        <v>0.85</v>
      </c>
      <c r="S21" s="8">
        <v>0.74</v>
      </c>
      <c r="T21" s="8">
        <v>1.02</v>
      </c>
      <c r="U21" s="8">
        <v>0.98</v>
      </c>
      <c r="V21" s="8">
        <v>1</v>
      </c>
      <c r="W21" s="8">
        <v>1.1000000000000001</v>
      </c>
      <c r="X21" s="8">
        <v>1</v>
      </c>
      <c r="Y21" s="8">
        <v>0.9</v>
      </c>
      <c r="Z21" s="8">
        <v>0.9</v>
      </c>
      <c r="AA21" s="8">
        <v>0.88</v>
      </c>
      <c r="AB21" s="8">
        <v>0.9</v>
      </c>
      <c r="AC21" s="8">
        <v>0.85</v>
      </c>
      <c r="AD21" s="8">
        <v>0.8</v>
      </c>
      <c r="AE21" s="8">
        <v>0.93</v>
      </c>
      <c r="AF21" s="8">
        <v>1.04</v>
      </c>
      <c r="AG21" s="8">
        <v>1.08</v>
      </c>
      <c r="AH21" s="8">
        <v>0.88</v>
      </c>
      <c r="AI21" s="8">
        <v>0.85</v>
      </c>
      <c r="AJ21" s="8">
        <v>0.96</v>
      </c>
      <c r="AK21" s="8">
        <v>1.24</v>
      </c>
      <c r="AL21" s="8">
        <v>1.1599999999999999</v>
      </c>
      <c r="AM21" s="8">
        <v>1.05</v>
      </c>
      <c r="AN21" s="8">
        <v>1.17</v>
      </c>
      <c r="AO21" s="8">
        <v>1.1499999999999999</v>
      </c>
      <c r="AP21" s="8">
        <v>1.3</v>
      </c>
      <c r="AQ21" s="8">
        <v>0.7</v>
      </c>
      <c r="AR21" s="8">
        <v>0.6</v>
      </c>
      <c r="AS21" s="8">
        <v>0.6</v>
      </c>
      <c r="AT21" s="8">
        <v>0.57999999999999996</v>
      </c>
      <c r="AU21" s="8">
        <v>0.52</v>
      </c>
      <c r="AV21" s="8">
        <v>0.65</v>
      </c>
      <c r="AW21" s="8">
        <v>0.54</v>
      </c>
      <c r="AX21" s="8">
        <v>0.7</v>
      </c>
      <c r="AY21" s="8">
        <v>0.74</v>
      </c>
      <c r="AZ21" s="8">
        <v>0.59</v>
      </c>
      <c r="BA21" s="8">
        <v>0.73</v>
      </c>
      <c r="BB21" s="8">
        <v>0.7</v>
      </c>
      <c r="BC21" s="8">
        <v>0.7</v>
      </c>
      <c r="BD21" s="8">
        <v>0.85</v>
      </c>
      <c r="BE21" s="8">
        <v>0.75</v>
      </c>
    </row>
    <row r="22" spans="3:57" x14ac:dyDescent="0.2">
      <c r="C22" s="5" t="s">
        <v>66</v>
      </c>
      <c r="D22" s="6" t="s">
        <v>58</v>
      </c>
      <c r="E22" s="8"/>
      <c r="F22" s="8">
        <v>2.8</v>
      </c>
      <c r="G22" s="8">
        <v>1.87</v>
      </c>
      <c r="H22" s="8">
        <v>1.85</v>
      </c>
      <c r="I22" s="8">
        <v>1.8</v>
      </c>
      <c r="J22" s="8">
        <v>1.7</v>
      </c>
      <c r="K22" s="8">
        <v>1.8</v>
      </c>
      <c r="L22" s="8">
        <v>2</v>
      </c>
      <c r="M22" s="8">
        <v>2.0499999999999998</v>
      </c>
      <c r="N22" s="8">
        <v>1.9</v>
      </c>
      <c r="O22" s="8">
        <v>1.83</v>
      </c>
      <c r="P22" s="8">
        <v>1.53</v>
      </c>
      <c r="Q22" s="8">
        <v>1.77</v>
      </c>
      <c r="R22" s="8">
        <v>1.8</v>
      </c>
      <c r="S22" s="8">
        <v>2.1</v>
      </c>
      <c r="T22" s="8">
        <v>2.6</v>
      </c>
      <c r="U22" s="8">
        <v>2.02</v>
      </c>
      <c r="V22" s="8">
        <v>1.8</v>
      </c>
      <c r="W22" s="8">
        <v>2.5</v>
      </c>
      <c r="X22" s="8">
        <v>2</v>
      </c>
      <c r="Y22" s="8">
        <v>1.9</v>
      </c>
      <c r="Z22" s="8">
        <v>1.9</v>
      </c>
      <c r="AA22" s="8">
        <v>2</v>
      </c>
      <c r="AB22" s="8">
        <v>1.75</v>
      </c>
      <c r="AC22" s="8">
        <v>2</v>
      </c>
      <c r="AD22" s="8">
        <v>1.9</v>
      </c>
      <c r="AE22" s="8">
        <v>2.2000000000000002</v>
      </c>
      <c r="AF22" s="8">
        <v>2.7</v>
      </c>
      <c r="AG22" s="8">
        <v>2.9</v>
      </c>
      <c r="AH22" s="8">
        <v>2.25</v>
      </c>
      <c r="AI22" s="8">
        <v>2.5299999999999998</v>
      </c>
      <c r="AJ22" s="8">
        <v>3.06</v>
      </c>
      <c r="AK22" s="8">
        <v>3.3</v>
      </c>
      <c r="AL22" s="8">
        <v>3</v>
      </c>
      <c r="AM22" s="8">
        <v>3.15</v>
      </c>
      <c r="AN22" s="8">
        <v>2.96</v>
      </c>
      <c r="AO22" s="8">
        <v>2.14</v>
      </c>
      <c r="AP22" s="8">
        <v>2.5</v>
      </c>
      <c r="AQ22" s="8">
        <v>2.31</v>
      </c>
      <c r="AR22" s="8">
        <v>2.33</v>
      </c>
      <c r="AS22" s="8">
        <v>2.33</v>
      </c>
      <c r="AT22" s="8">
        <v>2.5</v>
      </c>
      <c r="AU22" s="8">
        <v>2.2999999999999998</v>
      </c>
      <c r="AV22" s="8">
        <v>2.69</v>
      </c>
      <c r="AW22" s="8">
        <v>2.69</v>
      </c>
      <c r="AX22" s="8">
        <v>2.2000000000000002</v>
      </c>
      <c r="AY22" s="8">
        <v>2.9</v>
      </c>
      <c r="AZ22" s="8">
        <v>2</v>
      </c>
      <c r="BA22" s="8">
        <v>2.4700000000000002</v>
      </c>
      <c r="BB22" s="8">
        <v>2</v>
      </c>
      <c r="BC22" s="8">
        <v>2.2000000000000002</v>
      </c>
      <c r="BD22" s="8">
        <v>2.9</v>
      </c>
      <c r="BE22" s="8">
        <v>3.1</v>
      </c>
    </row>
    <row r="23" spans="3:57" x14ac:dyDescent="0.2">
      <c r="C23" s="5" t="s">
        <v>67</v>
      </c>
      <c r="D23" s="6" t="s">
        <v>58</v>
      </c>
      <c r="E23" s="8"/>
      <c r="F23" s="8">
        <v>4.12</v>
      </c>
      <c r="G23" s="8">
        <v>4.79</v>
      </c>
      <c r="H23" s="8">
        <v>5.48</v>
      </c>
      <c r="I23" s="8">
        <v>4.25</v>
      </c>
      <c r="J23" s="8">
        <v>4.5</v>
      </c>
      <c r="K23" s="8">
        <v>4.5</v>
      </c>
      <c r="L23" s="8">
        <v>3.36</v>
      </c>
      <c r="M23" s="8">
        <v>2.34</v>
      </c>
      <c r="N23" s="8">
        <v>3</v>
      </c>
      <c r="O23" s="8">
        <v>3.09</v>
      </c>
      <c r="P23" s="8">
        <v>3.01</v>
      </c>
      <c r="Q23" s="8">
        <v>3.87</v>
      </c>
      <c r="R23" s="8">
        <v>5.05</v>
      </c>
      <c r="S23" s="8">
        <v>3.91</v>
      </c>
      <c r="T23" s="8">
        <v>3.86</v>
      </c>
      <c r="U23" s="8">
        <v>4</v>
      </c>
      <c r="V23" s="8">
        <v>4.3</v>
      </c>
      <c r="W23" s="8">
        <v>4.3</v>
      </c>
      <c r="X23" s="8">
        <v>4.8</v>
      </c>
      <c r="Y23" s="8">
        <v>4</v>
      </c>
      <c r="Z23" s="8">
        <v>4</v>
      </c>
      <c r="AA23" s="8">
        <v>3.8</v>
      </c>
      <c r="AB23" s="8">
        <v>3.65</v>
      </c>
      <c r="AC23" s="8">
        <v>3.7</v>
      </c>
      <c r="AD23" s="8">
        <v>3.4</v>
      </c>
      <c r="AE23" s="8">
        <v>3.2</v>
      </c>
      <c r="AF23" s="8">
        <v>3.5</v>
      </c>
      <c r="AG23" s="8">
        <v>3.49</v>
      </c>
      <c r="AH23" s="8">
        <v>3.35</v>
      </c>
      <c r="AI23" s="8">
        <v>3.21</v>
      </c>
      <c r="AJ23" s="8">
        <v>4.4000000000000004</v>
      </c>
      <c r="AK23" s="8">
        <v>4.2</v>
      </c>
      <c r="AL23" s="8">
        <v>4.5999999999999996</v>
      </c>
      <c r="AM23" s="8">
        <v>5.37</v>
      </c>
      <c r="AN23" s="8">
        <v>6.44</v>
      </c>
      <c r="AO23" s="8">
        <v>5.5</v>
      </c>
      <c r="AP23" s="8">
        <v>4.1900000000000004</v>
      </c>
      <c r="AQ23" s="8">
        <v>5.51</v>
      </c>
      <c r="AR23" s="8">
        <v>5.4</v>
      </c>
      <c r="AS23" s="8">
        <v>5.43</v>
      </c>
      <c r="AT23" s="8">
        <v>5.5</v>
      </c>
      <c r="AU23" s="8">
        <v>4.4400000000000004</v>
      </c>
      <c r="AV23" s="8">
        <v>5.2</v>
      </c>
      <c r="AW23" s="8">
        <v>7.2</v>
      </c>
      <c r="AX23" s="8">
        <v>6</v>
      </c>
      <c r="AY23" s="8">
        <v>5.2</v>
      </c>
      <c r="AZ23" s="8">
        <v>5.21</v>
      </c>
      <c r="BA23" s="8">
        <v>4.8</v>
      </c>
      <c r="BB23" s="8">
        <v>5.5</v>
      </c>
      <c r="BC23" s="8">
        <v>4.95</v>
      </c>
      <c r="BD23" s="8">
        <v>5.45</v>
      </c>
      <c r="BE23" s="8">
        <v>6.45</v>
      </c>
    </row>
    <row r="24" spans="3:57" x14ac:dyDescent="0.2">
      <c r="C24" s="5" t="s">
        <v>68</v>
      </c>
      <c r="D24" s="6" t="s">
        <v>58</v>
      </c>
      <c r="E24" s="8"/>
      <c r="F24" s="8">
        <v>1.33</v>
      </c>
      <c r="G24" s="8">
        <v>1.88</v>
      </c>
      <c r="H24" s="8">
        <v>1.21</v>
      </c>
      <c r="I24" s="8">
        <v>1.21</v>
      </c>
      <c r="J24" s="8">
        <v>1.1000000000000001</v>
      </c>
      <c r="K24" s="8">
        <v>1.06</v>
      </c>
      <c r="L24" s="8">
        <v>1.36</v>
      </c>
      <c r="M24" s="8">
        <v>1.76</v>
      </c>
      <c r="N24" s="8">
        <v>1.86</v>
      </c>
      <c r="O24" s="8">
        <v>1.52</v>
      </c>
      <c r="P24" s="8">
        <v>1.51</v>
      </c>
      <c r="Q24" s="8">
        <v>1</v>
      </c>
      <c r="R24" s="8">
        <v>1</v>
      </c>
      <c r="S24" s="8">
        <v>0.71</v>
      </c>
      <c r="T24" s="8">
        <v>0.9</v>
      </c>
      <c r="U24" s="8">
        <v>0.56999999999999995</v>
      </c>
      <c r="V24" s="8">
        <v>0.55000000000000004</v>
      </c>
      <c r="W24" s="8">
        <v>0.55000000000000004</v>
      </c>
      <c r="X24" s="8">
        <v>0.6</v>
      </c>
      <c r="Y24" s="8">
        <v>0.6</v>
      </c>
      <c r="Z24" s="8">
        <v>0.6</v>
      </c>
      <c r="AA24" s="8">
        <v>0.7</v>
      </c>
      <c r="AB24" s="8">
        <v>0.65</v>
      </c>
      <c r="AC24" s="8">
        <v>0.63</v>
      </c>
      <c r="AD24" s="8">
        <v>0.85</v>
      </c>
      <c r="AE24" s="8">
        <v>1.01</v>
      </c>
      <c r="AF24" s="8">
        <v>0.92</v>
      </c>
      <c r="AG24" s="8">
        <v>0.92</v>
      </c>
      <c r="AH24" s="8">
        <v>0.62</v>
      </c>
      <c r="AI24" s="8">
        <v>0.55000000000000004</v>
      </c>
      <c r="AJ24" s="8">
        <v>0.96</v>
      </c>
      <c r="AK24" s="8">
        <v>0.72</v>
      </c>
      <c r="AL24" s="8">
        <v>0.71</v>
      </c>
      <c r="AM24" s="8">
        <v>1.2</v>
      </c>
      <c r="AN24" s="8">
        <v>0.85</v>
      </c>
      <c r="AO24" s="8">
        <v>1.26</v>
      </c>
      <c r="AP24" s="8">
        <v>0.95</v>
      </c>
      <c r="AQ24" s="8">
        <v>0.72</v>
      </c>
      <c r="AR24" s="8">
        <v>0.75</v>
      </c>
      <c r="AS24" s="8">
        <v>0.75</v>
      </c>
      <c r="AT24" s="8">
        <v>0.95</v>
      </c>
      <c r="AU24" s="8">
        <v>0.97</v>
      </c>
      <c r="AV24" s="8">
        <v>1.17</v>
      </c>
      <c r="AW24" s="8">
        <v>1</v>
      </c>
      <c r="AX24" s="8">
        <v>1.1100000000000001</v>
      </c>
      <c r="AY24" s="8">
        <v>1.05</v>
      </c>
      <c r="AZ24" s="8">
        <v>1.2</v>
      </c>
      <c r="BA24" s="8">
        <v>1</v>
      </c>
      <c r="BB24" s="8">
        <v>1</v>
      </c>
      <c r="BC24" s="8">
        <v>0.68</v>
      </c>
      <c r="BD24" s="8">
        <v>0.88</v>
      </c>
      <c r="BE24" s="8">
        <v>0.95</v>
      </c>
    </row>
    <row r="25" spans="3:57" x14ac:dyDescent="0.2">
      <c r="C25" s="5" t="s">
        <v>69</v>
      </c>
      <c r="D25" s="6" t="s">
        <v>58</v>
      </c>
      <c r="E25" s="8"/>
      <c r="F25" s="8">
        <v>0.7</v>
      </c>
      <c r="G25" s="8">
        <v>0.74</v>
      </c>
      <c r="H25" s="8">
        <v>0.73</v>
      </c>
      <c r="I25" s="8">
        <v>0.68</v>
      </c>
      <c r="J25" s="8">
        <v>0.8</v>
      </c>
      <c r="K25" s="8">
        <v>0.81</v>
      </c>
      <c r="L25" s="8">
        <v>0.83</v>
      </c>
      <c r="M25" s="8">
        <v>1.23</v>
      </c>
      <c r="N25" s="8">
        <v>1.43</v>
      </c>
      <c r="O25" s="8">
        <v>1.27</v>
      </c>
      <c r="P25" s="8">
        <v>1.18</v>
      </c>
      <c r="Q25" s="8">
        <v>1.3</v>
      </c>
      <c r="R25" s="8">
        <v>1.1299999999999999</v>
      </c>
      <c r="S25" s="8">
        <v>1.35</v>
      </c>
      <c r="T25" s="8">
        <v>1.1000000000000001</v>
      </c>
      <c r="U25" s="8">
        <v>1</v>
      </c>
      <c r="V25" s="8">
        <v>0.89</v>
      </c>
      <c r="W25" s="8">
        <v>0.89</v>
      </c>
      <c r="X25" s="8">
        <v>0.89</v>
      </c>
      <c r="Y25" s="8">
        <v>0.89</v>
      </c>
      <c r="Z25" s="8">
        <v>0.89</v>
      </c>
      <c r="AA25" s="8">
        <v>0.63</v>
      </c>
      <c r="AB25" s="8">
        <v>0.55000000000000004</v>
      </c>
      <c r="AC25" s="8">
        <v>0.7</v>
      </c>
      <c r="AD25" s="8">
        <v>0.65</v>
      </c>
      <c r="AE25" s="8">
        <v>0.83</v>
      </c>
      <c r="AF25" s="8">
        <v>0.74</v>
      </c>
      <c r="AG25" s="8">
        <v>0.84</v>
      </c>
      <c r="AH25" s="8">
        <v>0.79</v>
      </c>
      <c r="AI25" s="8">
        <v>0.78</v>
      </c>
      <c r="AJ25" s="8">
        <v>1.05</v>
      </c>
      <c r="AK25" s="8">
        <v>1.1399999999999999</v>
      </c>
      <c r="AL25" s="8">
        <v>1.1000000000000001</v>
      </c>
      <c r="AM25" s="8">
        <v>1.2</v>
      </c>
      <c r="AN25" s="8">
        <v>1.19</v>
      </c>
      <c r="AO25" s="8">
        <v>0.9</v>
      </c>
      <c r="AP25" s="8">
        <v>0.8</v>
      </c>
      <c r="AQ25" s="8">
        <v>0.75</v>
      </c>
      <c r="AR25" s="8">
        <v>0.86</v>
      </c>
      <c r="AS25" s="8">
        <v>1.17</v>
      </c>
      <c r="AT25" s="8">
        <v>0.9</v>
      </c>
      <c r="AU25" s="8">
        <v>0.81</v>
      </c>
      <c r="AV25" s="8">
        <v>0.95</v>
      </c>
      <c r="AW25" s="8">
        <v>0.92</v>
      </c>
      <c r="AX25" s="8">
        <v>0.91</v>
      </c>
      <c r="AY25" s="8">
        <v>0.91</v>
      </c>
      <c r="AZ25" s="8">
        <v>0.75</v>
      </c>
      <c r="BA25" s="8">
        <v>0.88</v>
      </c>
      <c r="BB25" s="8">
        <v>0.8</v>
      </c>
      <c r="BC25" s="8">
        <v>0.85</v>
      </c>
      <c r="BD25" s="8">
        <v>0.91</v>
      </c>
      <c r="BE25" s="8">
        <v>0.95</v>
      </c>
    </row>
    <row r="26" spans="3:57" x14ac:dyDescent="0.2">
      <c r="C26" s="5" t="s">
        <v>70</v>
      </c>
      <c r="D26" s="6" t="s">
        <v>58</v>
      </c>
      <c r="E26" s="8"/>
      <c r="F26" s="8"/>
      <c r="G26" s="8"/>
      <c r="H26" s="8"/>
      <c r="I26" s="8"/>
      <c r="J26" s="8"/>
      <c r="K26" s="8"/>
      <c r="L26" s="8"/>
      <c r="M26" s="8"/>
      <c r="N26" s="8"/>
      <c r="O26" s="8"/>
      <c r="P26" s="8"/>
      <c r="Q26" s="8"/>
      <c r="R26" s="8"/>
      <c r="S26" s="8"/>
      <c r="T26" s="8"/>
      <c r="U26" s="8"/>
      <c r="V26" s="8"/>
      <c r="W26" s="8"/>
      <c r="X26" s="8"/>
      <c r="Y26" s="8"/>
      <c r="Z26" s="8"/>
      <c r="AA26" s="8"/>
      <c r="AB26" s="8"/>
      <c r="AC26" s="8"/>
      <c r="AD26" s="8"/>
      <c r="AE26" s="8"/>
      <c r="AF26" s="8"/>
      <c r="AG26" s="8"/>
      <c r="AH26" s="8"/>
      <c r="AI26" s="8"/>
      <c r="AJ26" s="8"/>
      <c r="AK26" s="8"/>
      <c r="AL26" s="8"/>
      <c r="AM26" s="8"/>
      <c r="AN26" s="8"/>
      <c r="AO26" s="8"/>
      <c r="AP26" s="8"/>
      <c r="AQ26" s="8"/>
      <c r="AR26" s="8"/>
      <c r="AS26" s="8"/>
      <c r="AT26" s="8"/>
      <c r="AU26" s="8"/>
      <c r="AV26" s="8"/>
      <c r="AW26" s="8"/>
      <c r="AX26" s="8"/>
      <c r="AY26" s="8"/>
      <c r="AZ26" s="8"/>
      <c r="BA26" s="8"/>
      <c r="BB26" s="8"/>
      <c r="BC26" s="8"/>
      <c r="BD26" s="8"/>
      <c r="BE26" s="8"/>
    </row>
    <row r="27" spans="3:57" x14ac:dyDescent="0.2">
      <c r="C27" s="5" t="s">
        <v>71</v>
      </c>
      <c r="D27" s="6" t="s">
        <v>58</v>
      </c>
      <c r="E27" s="8"/>
      <c r="F27" s="8">
        <v>1.9</v>
      </c>
      <c r="G27" s="8">
        <v>2.1</v>
      </c>
      <c r="H27" s="8">
        <v>1.77</v>
      </c>
      <c r="I27" s="8">
        <v>1.8</v>
      </c>
      <c r="J27" s="8">
        <v>1.8</v>
      </c>
      <c r="K27" s="8">
        <v>1.8</v>
      </c>
      <c r="L27" s="8">
        <v>1.8</v>
      </c>
      <c r="M27" s="8">
        <v>1.8</v>
      </c>
      <c r="N27" s="8">
        <v>1.8</v>
      </c>
      <c r="O27" s="8">
        <v>1.8</v>
      </c>
      <c r="P27" s="8">
        <v>1.8</v>
      </c>
      <c r="Q27" s="8">
        <v>1.8</v>
      </c>
      <c r="R27" s="8">
        <v>1.8</v>
      </c>
      <c r="S27" s="8">
        <v>1.8</v>
      </c>
      <c r="T27" s="8">
        <v>1.8</v>
      </c>
      <c r="U27" s="8">
        <v>1.8</v>
      </c>
      <c r="V27" s="8">
        <v>1.8</v>
      </c>
      <c r="W27" s="8">
        <v>1.8</v>
      </c>
      <c r="X27" s="8">
        <v>1.8</v>
      </c>
      <c r="Y27" s="8">
        <v>1.8</v>
      </c>
      <c r="Z27" s="8">
        <v>1.8</v>
      </c>
      <c r="AA27" s="8">
        <v>1.8</v>
      </c>
      <c r="AB27" s="8">
        <v>1.75</v>
      </c>
      <c r="AC27" s="8">
        <v>1.73</v>
      </c>
      <c r="AD27" s="8">
        <v>1.7</v>
      </c>
      <c r="AE27" s="8">
        <v>1.65</v>
      </c>
      <c r="AF27" s="8">
        <v>1.65</v>
      </c>
      <c r="AG27" s="8">
        <v>1.65</v>
      </c>
      <c r="AH27" s="8">
        <v>1.65</v>
      </c>
      <c r="AI27" s="8">
        <v>1.65</v>
      </c>
      <c r="AJ27" s="8">
        <v>1.65</v>
      </c>
      <c r="AK27" s="8">
        <v>1.65</v>
      </c>
      <c r="AL27" s="8">
        <v>1.65</v>
      </c>
      <c r="AM27" s="8">
        <v>1.65</v>
      </c>
      <c r="AN27" s="8">
        <v>1.65</v>
      </c>
      <c r="AO27" s="8">
        <v>1.65</v>
      </c>
      <c r="AP27" s="8">
        <v>1.65</v>
      </c>
      <c r="AQ27" s="8">
        <v>1.65</v>
      </c>
      <c r="AR27" s="8">
        <v>1.65</v>
      </c>
      <c r="AS27" s="8">
        <v>1.65</v>
      </c>
      <c r="AT27" s="8">
        <v>1.65</v>
      </c>
      <c r="AU27" s="8">
        <v>1.65</v>
      </c>
      <c r="AV27" s="8">
        <v>1.65</v>
      </c>
      <c r="AW27" s="8">
        <v>1.65</v>
      </c>
      <c r="AX27" s="8">
        <v>1.65</v>
      </c>
      <c r="AY27" s="8">
        <v>1.65</v>
      </c>
      <c r="AZ27" s="8">
        <v>1.65</v>
      </c>
      <c r="BA27" s="8">
        <v>1.65</v>
      </c>
      <c r="BB27" s="8">
        <v>1.65</v>
      </c>
      <c r="BC27" s="8">
        <v>1.65</v>
      </c>
      <c r="BD27" s="8">
        <v>1.65</v>
      </c>
      <c r="BE27" s="8">
        <v>1.65</v>
      </c>
    </row>
    <row r="28" spans="3:57" x14ac:dyDescent="0.2">
      <c r="C28" s="5" t="s">
        <v>72</v>
      </c>
      <c r="D28" s="6" t="s">
        <v>58</v>
      </c>
      <c r="E28" s="8"/>
      <c r="F28" s="8">
        <v>1.7</v>
      </c>
      <c r="G28" s="8">
        <v>1.7</v>
      </c>
      <c r="H28" s="8">
        <v>2.37</v>
      </c>
      <c r="I28" s="8">
        <v>2.37</v>
      </c>
      <c r="J28" s="8">
        <v>2.5</v>
      </c>
      <c r="K28" s="8">
        <v>2.8</v>
      </c>
      <c r="L28" s="8">
        <v>2.8</v>
      </c>
      <c r="M28" s="8">
        <v>2.8</v>
      </c>
      <c r="N28" s="8">
        <v>2.8</v>
      </c>
      <c r="O28" s="8">
        <v>2.8</v>
      </c>
      <c r="P28" s="8">
        <v>2.8</v>
      </c>
      <c r="Q28" s="8">
        <v>2.8</v>
      </c>
      <c r="R28" s="8">
        <v>2.9</v>
      </c>
      <c r="S28" s="8">
        <v>3.2</v>
      </c>
      <c r="T28" s="8">
        <v>3.2</v>
      </c>
      <c r="U28" s="8">
        <v>3.44</v>
      </c>
      <c r="V28" s="8">
        <v>3.44</v>
      </c>
      <c r="W28" s="8">
        <v>3.44</v>
      </c>
      <c r="X28" s="8">
        <v>3.44</v>
      </c>
      <c r="Y28" s="8">
        <v>3.44</v>
      </c>
      <c r="Z28" s="8">
        <v>3.44</v>
      </c>
      <c r="AA28" s="8">
        <v>3.4</v>
      </c>
      <c r="AB28" s="8">
        <v>3.31</v>
      </c>
      <c r="AC28" s="8">
        <v>3.28</v>
      </c>
      <c r="AD28" s="8">
        <v>3.15</v>
      </c>
      <c r="AE28" s="8">
        <v>3.15</v>
      </c>
      <c r="AF28" s="8">
        <v>3.15</v>
      </c>
      <c r="AG28" s="8">
        <v>3.02</v>
      </c>
      <c r="AH28" s="8">
        <v>2.92</v>
      </c>
      <c r="AI28" s="8">
        <v>2.9</v>
      </c>
      <c r="AJ28" s="8">
        <v>3.14</v>
      </c>
      <c r="AK28" s="8">
        <v>3.25</v>
      </c>
      <c r="AL28" s="8">
        <v>3.2</v>
      </c>
      <c r="AM28" s="8">
        <v>3</v>
      </c>
      <c r="AN28" s="8">
        <v>2.94</v>
      </c>
      <c r="AO28" s="8">
        <v>2.94</v>
      </c>
      <c r="AP28" s="8">
        <v>2.94</v>
      </c>
      <c r="AQ28" s="8">
        <v>2.9</v>
      </c>
      <c r="AR28" s="8">
        <v>2.9</v>
      </c>
      <c r="AS28" s="8">
        <v>2.9</v>
      </c>
      <c r="AT28" s="8">
        <v>2.7</v>
      </c>
      <c r="AU28" s="8">
        <v>2.7</v>
      </c>
      <c r="AV28" s="8">
        <v>2.5</v>
      </c>
      <c r="AW28" s="8">
        <v>2.6</v>
      </c>
      <c r="AX28" s="8">
        <v>2.65</v>
      </c>
      <c r="AY28" s="8">
        <v>2.6</v>
      </c>
      <c r="AZ28" s="8">
        <v>2.6</v>
      </c>
      <c r="BA28" s="8">
        <v>2.7</v>
      </c>
      <c r="BB28" s="8">
        <v>2.7</v>
      </c>
      <c r="BC28" s="8">
        <v>2.65</v>
      </c>
      <c r="BD28" s="8">
        <v>2.95</v>
      </c>
      <c r="BE28" s="8">
        <v>2.8</v>
      </c>
    </row>
    <row r="29" spans="3:57" x14ac:dyDescent="0.2">
      <c r="C29" s="5" t="s">
        <v>73</v>
      </c>
      <c r="D29" s="6" t="s">
        <v>58</v>
      </c>
      <c r="E29" s="8"/>
      <c r="F29" s="8">
        <v>2.13</v>
      </c>
      <c r="G29" s="8">
        <v>1.7</v>
      </c>
      <c r="H29" s="8">
        <v>2.46</v>
      </c>
      <c r="I29" s="8">
        <v>2.46</v>
      </c>
      <c r="J29" s="8">
        <v>2</v>
      </c>
      <c r="K29" s="8">
        <v>2.38</v>
      </c>
      <c r="L29" s="8">
        <v>2.12</v>
      </c>
      <c r="M29" s="8">
        <v>2.4300000000000002</v>
      </c>
      <c r="N29" s="8">
        <v>2.97</v>
      </c>
      <c r="O29" s="8">
        <v>2.74</v>
      </c>
      <c r="P29" s="8">
        <v>2.74</v>
      </c>
      <c r="Q29" s="8">
        <v>2.2999999999999998</v>
      </c>
      <c r="R29" s="8">
        <v>2.2999999999999998</v>
      </c>
      <c r="S29" s="8">
        <v>3.4</v>
      </c>
      <c r="T29" s="8">
        <v>3.65</v>
      </c>
      <c r="U29" s="8">
        <v>3.65</v>
      </c>
      <c r="V29" s="8">
        <v>2.95</v>
      </c>
      <c r="W29" s="8">
        <v>2.8</v>
      </c>
      <c r="X29" s="8">
        <v>2.9</v>
      </c>
      <c r="Y29" s="8">
        <v>3.1</v>
      </c>
      <c r="Z29" s="8">
        <v>3.1</v>
      </c>
      <c r="AA29" s="8">
        <v>3</v>
      </c>
      <c r="AB29" s="8">
        <v>3.05</v>
      </c>
      <c r="AC29" s="8">
        <v>3.25</v>
      </c>
      <c r="AD29" s="8">
        <v>3</v>
      </c>
      <c r="AE29" s="8">
        <v>3</v>
      </c>
      <c r="AF29" s="8">
        <v>2.8</v>
      </c>
      <c r="AG29" s="8">
        <v>2.5499999999999998</v>
      </c>
      <c r="AH29" s="8">
        <v>2.35</v>
      </c>
      <c r="AI29" s="8">
        <v>2.2999999999999998</v>
      </c>
      <c r="AJ29" s="8">
        <v>3.22</v>
      </c>
      <c r="AK29" s="8">
        <v>2.95</v>
      </c>
      <c r="AL29" s="8">
        <v>3.12</v>
      </c>
      <c r="AM29" s="8">
        <v>3</v>
      </c>
      <c r="AN29" s="8">
        <v>2.42</v>
      </c>
      <c r="AO29" s="8">
        <v>2.42</v>
      </c>
      <c r="AP29" s="8">
        <v>2.42</v>
      </c>
      <c r="AQ29" s="8">
        <v>2.4500000000000002</v>
      </c>
      <c r="AR29" s="8">
        <v>2.2999999999999998</v>
      </c>
      <c r="AS29" s="8">
        <v>2.5</v>
      </c>
      <c r="AT29" s="8">
        <v>2.7</v>
      </c>
      <c r="AU29" s="8">
        <v>2.75</v>
      </c>
      <c r="AV29" s="8">
        <v>2.25</v>
      </c>
      <c r="AW29" s="8">
        <v>2.75</v>
      </c>
      <c r="AX29" s="8">
        <v>2.5</v>
      </c>
      <c r="AY29" s="8">
        <v>2.95</v>
      </c>
      <c r="AZ29" s="8">
        <v>2.7</v>
      </c>
      <c r="BA29" s="8">
        <v>2.5</v>
      </c>
      <c r="BB29" s="8">
        <v>3.5</v>
      </c>
      <c r="BC29" s="8">
        <v>3.3</v>
      </c>
      <c r="BD29" s="8">
        <v>3.5</v>
      </c>
      <c r="BE29" s="8">
        <v>3.55</v>
      </c>
    </row>
    <row r="30" spans="3:57" x14ac:dyDescent="0.2">
      <c r="C30" s="5" t="s">
        <v>74</v>
      </c>
      <c r="D30" s="6" t="s">
        <v>58</v>
      </c>
      <c r="E30" s="8"/>
      <c r="F30" s="8">
        <v>1.08</v>
      </c>
      <c r="G30" s="8">
        <v>1.08</v>
      </c>
      <c r="H30" s="8">
        <v>1.08</v>
      </c>
      <c r="I30" s="8">
        <v>1.08</v>
      </c>
      <c r="J30" s="8">
        <v>1.08</v>
      </c>
      <c r="K30" s="8">
        <v>1.08</v>
      </c>
      <c r="L30" s="8">
        <v>0.9</v>
      </c>
      <c r="M30" s="8">
        <v>0.9</v>
      </c>
      <c r="N30" s="8">
        <v>0.9</v>
      </c>
      <c r="O30" s="8">
        <v>0.9</v>
      </c>
      <c r="P30" s="8">
        <v>0.9</v>
      </c>
      <c r="Q30" s="8">
        <v>0.9</v>
      </c>
      <c r="R30" s="8">
        <v>0.9</v>
      </c>
      <c r="S30" s="8">
        <v>0.9</v>
      </c>
      <c r="T30" s="8">
        <v>0.9</v>
      </c>
      <c r="U30" s="8">
        <v>0.9</v>
      </c>
      <c r="V30" s="8">
        <v>0.9</v>
      </c>
      <c r="W30" s="8">
        <v>0.9</v>
      </c>
      <c r="X30" s="8">
        <v>0.9</v>
      </c>
      <c r="Y30" s="8">
        <v>0.9</v>
      </c>
      <c r="Z30" s="8">
        <v>0.9</v>
      </c>
      <c r="AA30" s="8">
        <v>0.9</v>
      </c>
      <c r="AB30" s="8">
        <v>0.9</v>
      </c>
      <c r="AC30" s="8">
        <v>0.9</v>
      </c>
      <c r="AD30" s="8">
        <v>1.05</v>
      </c>
      <c r="AE30" s="8">
        <v>1.05</v>
      </c>
      <c r="AF30" s="8">
        <v>1.05</v>
      </c>
      <c r="AG30" s="8">
        <v>1.05</v>
      </c>
      <c r="AH30" s="8">
        <v>1.05</v>
      </c>
      <c r="AI30" s="8">
        <v>1.05</v>
      </c>
      <c r="AJ30" s="8">
        <v>1.05</v>
      </c>
      <c r="AK30" s="8">
        <v>1.05</v>
      </c>
      <c r="AL30" s="8">
        <v>1.05</v>
      </c>
      <c r="AM30" s="8">
        <v>1.05</v>
      </c>
      <c r="AN30" s="8">
        <v>1.05</v>
      </c>
      <c r="AO30" s="8">
        <v>1.05</v>
      </c>
      <c r="AP30" s="8">
        <v>1.05</v>
      </c>
      <c r="AQ30" s="8">
        <v>1.05</v>
      </c>
      <c r="AR30" s="8">
        <v>1.05</v>
      </c>
      <c r="AS30" s="8">
        <v>1.05</v>
      </c>
      <c r="AT30" s="8">
        <v>1.05</v>
      </c>
      <c r="AU30" s="8">
        <v>1.05</v>
      </c>
      <c r="AV30" s="8">
        <v>1.05</v>
      </c>
      <c r="AW30" s="8">
        <v>1.05</v>
      </c>
      <c r="AX30" s="8">
        <v>1.5</v>
      </c>
      <c r="AY30" s="8">
        <v>1.05</v>
      </c>
      <c r="AZ30" s="8">
        <v>1.05</v>
      </c>
      <c r="BA30" s="8">
        <v>1.05</v>
      </c>
      <c r="BB30" s="8">
        <v>1.05</v>
      </c>
      <c r="BC30" s="8">
        <v>1.05</v>
      </c>
      <c r="BD30" s="8">
        <v>1.05</v>
      </c>
      <c r="BE30" s="8">
        <v>1.05</v>
      </c>
    </row>
    <row r="31" spans="3:57" x14ac:dyDescent="0.2">
      <c r="C31" s="5" t="s">
        <v>75</v>
      </c>
      <c r="D31" s="15" t="s">
        <v>76</v>
      </c>
      <c r="E31" s="8">
        <v>0.74</v>
      </c>
      <c r="F31" s="8">
        <v>0.7</v>
      </c>
      <c r="G31" s="8">
        <v>0.67</v>
      </c>
      <c r="H31" s="8">
        <v>0.66</v>
      </c>
      <c r="I31" s="8">
        <v>0.67</v>
      </c>
      <c r="J31" s="8">
        <v>0.67</v>
      </c>
      <c r="K31" s="8">
        <v>0.66</v>
      </c>
      <c r="L31" s="8">
        <v>0.62</v>
      </c>
      <c r="M31" s="8">
        <v>0.6</v>
      </c>
      <c r="N31" s="8">
        <v>0.57999999999999996</v>
      </c>
      <c r="O31" s="8">
        <v>0.59</v>
      </c>
      <c r="P31" s="8">
        <v>0.56999999999999995</v>
      </c>
      <c r="Q31" s="8">
        <v>0.54</v>
      </c>
      <c r="R31" s="8">
        <v>0.49</v>
      </c>
      <c r="S31" s="8">
        <v>0.46</v>
      </c>
      <c r="T31" s="8">
        <v>0.42</v>
      </c>
      <c r="U31" s="8">
        <v>0.42</v>
      </c>
      <c r="V31" s="8">
        <v>0.41</v>
      </c>
      <c r="W31" s="8">
        <v>0.39</v>
      </c>
      <c r="X31" s="8">
        <v>0.39</v>
      </c>
      <c r="Y31" s="8">
        <v>0.39</v>
      </c>
      <c r="Z31" s="8">
        <v>0.4</v>
      </c>
      <c r="AA31" s="8">
        <v>0.39</v>
      </c>
      <c r="AB31" s="8">
        <v>0.38</v>
      </c>
      <c r="AC31" s="8">
        <v>0.37</v>
      </c>
      <c r="AD31" s="8">
        <v>0.39</v>
      </c>
      <c r="AE31" s="8">
        <v>0.35</v>
      </c>
      <c r="AF31" s="8">
        <v>0.35</v>
      </c>
      <c r="AG31" s="8">
        <v>0.35</v>
      </c>
      <c r="AH31" s="8">
        <v>0.36</v>
      </c>
      <c r="AI31" s="8">
        <v>0.35</v>
      </c>
      <c r="AJ31" s="8">
        <v>0.34</v>
      </c>
      <c r="AK31" s="8">
        <v>0.33</v>
      </c>
      <c r="AL31" s="8">
        <v>0.32</v>
      </c>
      <c r="AM31" s="8">
        <v>0.32</v>
      </c>
      <c r="AN31" s="8">
        <v>0.33</v>
      </c>
      <c r="AO31" s="8">
        <v>0.34</v>
      </c>
      <c r="AP31" s="8">
        <v>0.35</v>
      </c>
      <c r="AQ31" s="8">
        <v>0.35</v>
      </c>
      <c r="AR31" s="8">
        <v>0.35</v>
      </c>
      <c r="AS31" s="8">
        <v>0.34</v>
      </c>
      <c r="AT31" s="8">
        <v>0.33</v>
      </c>
      <c r="AU31" s="8">
        <v>0.33</v>
      </c>
      <c r="AV31" s="8">
        <v>0.34</v>
      </c>
      <c r="AW31" s="8">
        <v>0.35</v>
      </c>
      <c r="AX31" s="8">
        <v>0.35</v>
      </c>
      <c r="AY31" s="8">
        <v>0.35</v>
      </c>
      <c r="AZ31" s="8">
        <v>0.35</v>
      </c>
      <c r="BA31" s="8">
        <v>0.36</v>
      </c>
      <c r="BB31" s="8">
        <v>0.37</v>
      </c>
      <c r="BC31" s="8">
        <v>0.4</v>
      </c>
      <c r="BD31" s="8">
        <v>0.4</v>
      </c>
      <c r="BE31" s="8">
        <v>0.4</v>
      </c>
    </row>
    <row r="32" spans="3:57" x14ac:dyDescent="0.2">
      <c r="C32" s="16" t="s">
        <v>78</v>
      </c>
      <c r="D32" s="6" t="s">
        <v>58</v>
      </c>
      <c r="E32" s="8">
        <v>0.19</v>
      </c>
      <c r="F32" s="8">
        <v>0.18</v>
      </c>
      <c r="G32" s="8">
        <v>0.18</v>
      </c>
      <c r="H32" s="8">
        <v>0.19</v>
      </c>
      <c r="I32" s="8">
        <v>0.18</v>
      </c>
      <c r="J32" s="8">
        <v>0.18</v>
      </c>
      <c r="K32" s="8">
        <v>0.18</v>
      </c>
      <c r="L32" s="8">
        <v>0.18</v>
      </c>
      <c r="M32" s="8">
        <v>0.2</v>
      </c>
      <c r="N32" s="8">
        <v>0.2</v>
      </c>
      <c r="O32" s="8">
        <v>0.2</v>
      </c>
      <c r="P32" s="8">
        <v>0.21</v>
      </c>
      <c r="Q32" s="8">
        <v>0.22</v>
      </c>
      <c r="R32" s="8">
        <v>0.3</v>
      </c>
      <c r="S32" s="8">
        <v>0.37</v>
      </c>
      <c r="T32" s="8">
        <v>0.4</v>
      </c>
      <c r="U32" s="8">
        <v>0.48</v>
      </c>
      <c r="V32" s="8">
        <v>0.49</v>
      </c>
      <c r="W32" s="8">
        <v>0.48</v>
      </c>
      <c r="X32" s="8">
        <v>0.47</v>
      </c>
      <c r="Y32" s="8">
        <v>0.4</v>
      </c>
      <c r="Z32" s="8">
        <v>0.35</v>
      </c>
      <c r="AA32" s="8">
        <v>0.32</v>
      </c>
      <c r="AB32" s="8">
        <v>0.3</v>
      </c>
      <c r="AC32" s="8">
        <v>0.26</v>
      </c>
      <c r="AD32" s="8">
        <v>0.25</v>
      </c>
      <c r="AE32" s="8">
        <v>0.26</v>
      </c>
      <c r="AF32" s="8">
        <v>0.26</v>
      </c>
      <c r="AG32" s="8">
        <v>0.27</v>
      </c>
      <c r="AH32" s="8">
        <v>0.28999999999999998</v>
      </c>
      <c r="AI32" s="8">
        <v>0.3</v>
      </c>
      <c r="AJ32" s="8">
        <v>0.25</v>
      </c>
      <c r="AK32" s="8">
        <v>0.21</v>
      </c>
      <c r="AL32" s="8">
        <v>0.16</v>
      </c>
      <c r="AM32" s="8">
        <v>0.16</v>
      </c>
      <c r="AN32" s="8">
        <v>0.14000000000000001</v>
      </c>
      <c r="AO32" s="8">
        <v>0.13</v>
      </c>
      <c r="AP32" s="8">
        <v>0.12</v>
      </c>
      <c r="AQ32" s="8">
        <v>0.11</v>
      </c>
      <c r="AR32" s="8">
        <v>0.1</v>
      </c>
      <c r="AS32" s="8">
        <v>0.09</v>
      </c>
      <c r="AT32" s="8">
        <v>0.08</v>
      </c>
      <c r="AU32" s="8">
        <v>0.08</v>
      </c>
      <c r="AV32" s="8">
        <v>0.09</v>
      </c>
      <c r="AW32" s="8">
        <v>0.09</v>
      </c>
      <c r="AX32" s="8">
        <v>0.09</v>
      </c>
      <c r="AY32" s="8">
        <v>0.09</v>
      </c>
      <c r="AZ32" s="8">
        <v>0.08</v>
      </c>
      <c r="BA32" s="8">
        <v>0.09</v>
      </c>
      <c r="BB32" s="8">
        <v>0.08</v>
      </c>
      <c r="BC32" s="8">
        <v>0.08</v>
      </c>
      <c r="BD32" s="8">
        <v>0.08</v>
      </c>
      <c r="BE32" s="8">
        <v>0.08</v>
      </c>
    </row>
    <row r="33" spans="3:57" x14ac:dyDescent="0.2">
      <c r="C33" s="16" t="s">
        <v>79</v>
      </c>
      <c r="D33" s="6" t="s">
        <v>58</v>
      </c>
      <c r="E33" s="8">
        <v>0.32</v>
      </c>
      <c r="F33" s="8">
        <v>0.32</v>
      </c>
      <c r="G33" s="8">
        <v>0.38</v>
      </c>
      <c r="H33" s="8">
        <v>0.27</v>
      </c>
      <c r="I33" s="8">
        <v>0.26</v>
      </c>
      <c r="J33" s="8">
        <v>0.31</v>
      </c>
      <c r="K33" s="8">
        <v>0.3</v>
      </c>
      <c r="L33" s="8">
        <v>0.31</v>
      </c>
      <c r="M33" s="8">
        <v>0.3</v>
      </c>
      <c r="N33" s="8">
        <v>0.28000000000000003</v>
      </c>
      <c r="O33" s="8">
        <v>0.28000000000000003</v>
      </c>
      <c r="P33" s="8">
        <v>0.31</v>
      </c>
      <c r="Q33" s="8">
        <v>0.27</v>
      </c>
      <c r="R33" s="8">
        <v>0.33</v>
      </c>
      <c r="S33" s="8">
        <v>0.32</v>
      </c>
      <c r="T33" s="8">
        <v>0.32</v>
      </c>
      <c r="U33" s="8">
        <v>0.28999999999999998</v>
      </c>
      <c r="V33" s="8">
        <v>0.28999999999999998</v>
      </c>
      <c r="W33" s="8">
        <v>0.26</v>
      </c>
      <c r="X33" s="8">
        <v>0.25</v>
      </c>
      <c r="Y33" s="8">
        <v>0.26</v>
      </c>
      <c r="Z33" s="8">
        <v>0.25</v>
      </c>
      <c r="AA33" s="8">
        <v>0.27</v>
      </c>
      <c r="AB33" s="8">
        <v>0.24</v>
      </c>
      <c r="AC33" s="8">
        <v>0.27</v>
      </c>
      <c r="AD33" s="8">
        <v>0.26</v>
      </c>
      <c r="AE33" s="8">
        <v>0.25</v>
      </c>
      <c r="AF33" s="8">
        <v>0.28000000000000003</v>
      </c>
      <c r="AG33" s="8">
        <v>0.24</v>
      </c>
      <c r="AH33" s="8">
        <v>0.24</v>
      </c>
      <c r="AI33" s="8">
        <v>0.22</v>
      </c>
      <c r="AJ33" s="8">
        <v>0.26</v>
      </c>
      <c r="AK33" s="8">
        <v>0.26</v>
      </c>
      <c r="AL33" s="8">
        <v>0.22</v>
      </c>
      <c r="AM33" s="8">
        <v>0.33</v>
      </c>
      <c r="AN33" s="8">
        <v>0.33</v>
      </c>
      <c r="AO33" s="8">
        <v>0.33</v>
      </c>
      <c r="AP33" s="8">
        <v>0.32</v>
      </c>
      <c r="AQ33" s="8">
        <v>0.32</v>
      </c>
      <c r="AR33" s="8">
        <v>0.28999999999999998</v>
      </c>
      <c r="AS33" s="8">
        <v>0.31</v>
      </c>
      <c r="AT33" s="8">
        <v>0.3</v>
      </c>
      <c r="AU33" s="8">
        <v>0.28000000000000003</v>
      </c>
      <c r="AV33" s="8">
        <v>0.28000000000000003</v>
      </c>
      <c r="AW33" s="8">
        <v>0.32</v>
      </c>
      <c r="AX33" s="8">
        <v>0.33</v>
      </c>
      <c r="AY33" s="8">
        <v>0.33</v>
      </c>
      <c r="AZ33" s="8">
        <v>0.32</v>
      </c>
      <c r="BA33" s="8">
        <v>0.25</v>
      </c>
      <c r="BB33" s="8">
        <v>0.27</v>
      </c>
      <c r="BC33" s="8">
        <v>0.28000000000000003</v>
      </c>
      <c r="BD33" s="8">
        <v>0.28999999999999998</v>
      </c>
      <c r="BE33" s="8">
        <v>0.28999999999999998</v>
      </c>
    </row>
    <row r="34" spans="3:57" x14ac:dyDescent="0.2">
      <c r="C34" s="16" t="s">
        <v>80</v>
      </c>
      <c r="D34" s="6" t="s">
        <v>58</v>
      </c>
      <c r="E34" s="8"/>
      <c r="F34" s="8"/>
      <c r="G34" s="8"/>
      <c r="H34" s="8"/>
      <c r="I34" s="8"/>
      <c r="J34" s="8"/>
      <c r="K34" s="8"/>
      <c r="L34" s="8"/>
      <c r="M34" s="8"/>
      <c r="N34" s="8"/>
      <c r="O34" s="8"/>
      <c r="P34" s="8"/>
      <c r="Q34" s="8"/>
      <c r="R34" s="8"/>
      <c r="S34" s="8"/>
      <c r="T34" s="8"/>
      <c r="U34" s="8"/>
      <c r="V34" s="8"/>
      <c r="W34" s="8"/>
      <c r="X34" s="8"/>
      <c r="Y34" s="8"/>
      <c r="Z34" s="8"/>
      <c r="AA34" s="8"/>
      <c r="AB34" s="8"/>
      <c r="AC34" s="8"/>
      <c r="AD34" s="8"/>
      <c r="AE34" s="8"/>
      <c r="AF34" s="8"/>
      <c r="AG34" s="8"/>
      <c r="AH34" s="8"/>
      <c r="AI34" s="8"/>
      <c r="AJ34" s="8"/>
      <c r="AK34" s="8"/>
      <c r="AL34" s="8"/>
      <c r="AM34" s="8"/>
      <c r="AN34" s="8"/>
      <c r="AO34" s="8"/>
      <c r="AP34" s="8"/>
      <c r="AQ34" s="8"/>
      <c r="AR34" s="8"/>
      <c r="AS34" s="8"/>
      <c r="AT34" s="8"/>
      <c r="AU34" s="8"/>
      <c r="AV34" s="8"/>
      <c r="AW34" s="8"/>
      <c r="AX34" s="8"/>
      <c r="AY34" s="8"/>
      <c r="AZ34" s="8"/>
      <c r="BA34" s="8"/>
      <c r="BB34" s="8"/>
      <c r="BC34" s="8"/>
      <c r="BD34" s="8"/>
      <c r="BE34" s="8"/>
    </row>
    <row r="35" spans="3:57" x14ac:dyDescent="0.2">
      <c r="C35" s="16" t="s">
        <v>81</v>
      </c>
      <c r="D35" s="6" t="s">
        <v>58</v>
      </c>
      <c r="E35" s="8">
        <v>0.25</v>
      </c>
      <c r="F35" s="8">
        <v>0.25</v>
      </c>
      <c r="G35" s="8">
        <v>0.22</v>
      </c>
      <c r="H35" s="8">
        <v>0.27</v>
      </c>
      <c r="I35" s="8">
        <v>0.27</v>
      </c>
      <c r="J35" s="8">
        <v>0.26</v>
      </c>
      <c r="K35" s="8">
        <v>0.25</v>
      </c>
      <c r="L35" s="8">
        <v>0.25</v>
      </c>
      <c r="M35" s="8">
        <v>0.23</v>
      </c>
      <c r="N35" s="8">
        <v>0.24</v>
      </c>
      <c r="O35" s="8">
        <v>0.25</v>
      </c>
      <c r="P35" s="8">
        <v>0.25</v>
      </c>
      <c r="Q35" s="8">
        <v>0.26</v>
      </c>
      <c r="R35" s="8">
        <v>0.26</v>
      </c>
      <c r="S35" s="8">
        <v>0.28999999999999998</v>
      </c>
      <c r="T35" s="8">
        <v>0.25</v>
      </c>
      <c r="U35" s="8">
        <v>0.25</v>
      </c>
      <c r="V35" s="8">
        <v>0.25</v>
      </c>
      <c r="W35" s="8">
        <v>0.27</v>
      </c>
      <c r="X35" s="8">
        <v>0.28999999999999998</v>
      </c>
      <c r="Y35" s="8">
        <v>0.28999999999999998</v>
      </c>
      <c r="Z35" s="8">
        <v>0.28999999999999998</v>
      </c>
      <c r="AA35" s="8">
        <v>0.28999999999999998</v>
      </c>
      <c r="AB35" s="8">
        <v>0.16</v>
      </c>
      <c r="AC35" s="8">
        <v>0.17</v>
      </c>
      <c r="AD35" s="8">
        <v>0.18</v>
      </c>
      <c r="AE35" s="8">
        <v>0.16</v>
      </c>
      <c r="AF35" s="8">
        <v>0.17</v>
      </c>
      <c r="AG35" s="8">
        <v>0.15</v>
      </c>
      <c r="AH35" s="8">
        <v>0.13</v>
      </c>
      <c r="AI35" s="8">
        <v>0.13</v>
      </c>
      <c r="AJ35" s="8">
        <v>0.1</v>
      </c>
      <c r="AK35" s="8">
        <v>0.1</v>
      </c>
      <c r="AL35" s="8">
        <v>0.1</v>
      </c>
      <c r="AM35" s="8">
        <v>0.11</v>
      </c>
      <c r="AN35" s="8">
        <v>0.12</v>
      </c>
      <c r="AO35" s="8">
        <v>0.1</v>
      </c>
      <c r="AP35" s="8">
        <v>0.12</v>
      </c>
      <c r="AQ35" s="8">
        <v>0.1</v>
      </c>
      <c r="AR35" s="8">
        <v>0.1</v>
      </c>
      <c r="AS35" s="8">
        <v>0.1</v>
      </c>
      <c r="AT35" s="8">
        <v>0.09</v>
      </c>
      <c r="AU35" s="8">
        <v>0.09</v>
      </c>
      <c r="AV35" s="8">
        <v>0.09</v>
      </c>
      <c r="AW35" s="8">
        <v>0.09</v>
      </c>
      <c r="AX35" s="8">
        <v>0.1</v>
      </c>
      <c r="AY35" s="8">
        <v>0.1</v>
      </c>
      <c r="AZ35" s="8">
        <v>0.1</v>
      </c>
      <c r="BA35" s="8">
        <v>0.11</v>
      </c>
      <c r="BB35" s="8">
        <v>0.11</v>
      </c>
      <c r="BC35" s="8">
        <v>0.12</v>
      </c>
      <c r="BD35" s="8">
        <v>0.12</v>
      </c>
      <c r="BE35" s="8">
        <v>0.12</v>
      </c>
    </row>
    <row r="36" spans="3:57" x14ac:dyDescent="0.2">
      <c r="C36" s="16" t="s">
        <v>82</v>
      </c>
      <c r="D36" s="6" t="s">
        <v>58</v>
      </c>
      <c r="E36" s="8">
        <v>1.74</v>
      </c>
      <c r="F36" s="8">
        <v>2.16</v>
      </c>
      <c r="G36" s="8">
        <v>1.86</v>
      </c>
      <c r="H36" s="8">
        <v>1.6</v>
      </c>
      <c r="I36" s="8">
        <v>1.6</v>
      </c>
      <c r="J36" s="8">
        <v>1.42</v>
      </c>
      <c r="K36" s="8">
        <v>1.59</v>
      </c>
      <c r="L36" s="8">
        <v>1.78</v>
      </c>
      <c r="M36" s="8">
        <v>1.83</v>
      </c>
      <c r="N36" s="8">
        <v>1.94</v>
      </c>
      <c r="O36" s="8">
        <v>1.73</v>
      </c>
      <c r="P36" s="8">
        <v>1.25</v>
      </c>
      <c r="Q36" s="8">
        <v>1.29</v>
      </c>
      <c r="R36" s="8">
        <v>1.38</v>
      </c>
      <c r="S36" s="8">
        <v>1.75</v>
      </c>
      <c r="T36" s="8">
        <v>1.31</v>
      </c>
      <c r="U36" s="8">
        <v>1.39</v>
      </c>
      <c r="V36" s="8">
        <v>1.34</v>
      </c>
      <c r="W36" s="8">
        <v>1.38</v>
      </c>
      <c r="X36" s="8">
        <v>1.46</v>
      </c>
      <c r="Y36" s="8">
        <v>1.06</v>
      </c>
      <c r="Z36" s="8">
        <v>0.77</v>
      </c>
      <c r="AA36" s="8">
        <v>0.76</v>
      </c>
      <c r="AB36" s="8">
        <v>0.93</v>
      </c>
      <c r="AC36" s="8">
        <v>1.05</v>
      </c>
      <c r="AD36" s="8">
        <v>0.89</v>
      </c>
      <c r="AE36" s="8">
        <v>1.1200000000000001</v>
      </c>
      <c r="AF36" s="8">
        <v>1.02</v>
      </c>
      <c r="AG36" s="8">
        <v>1.1599999999999999</v>
      </c>
      <c r="AH36" s="8">
        <v>1.17</v>
      </c>
      <c r="AI36" s="8">
        <v>1.01</v>
      </c>
      <c r="AJ36" s="8">
        <v>0.8</v>
      </c>
      <c r="AK36" s="8">
        <v>0.86</v>
      </c>
      <c r="AL36" s="8">
        <v>1.1299999999999999</v>
      </c>
      <c r="AM36" s="8">
        <v>1.41</v>
      </c>
      <c r="AN36" s="8">
        <v>1.07</v>
      </c>
      <c r="AO36" s="8">
        <v>1.35</v>
      </c>
      <c r="AP36" s="8">
        <v>1.23</v>
      </c>
      <c r="AQ36" s="8">
        <v>1.5</v>
      </c>
      <c r="AR36" s="8">
        <v>1.67</v>
      </c>
      <c r="AS36" s="8">
        <v>1.69</v>
      </c>
      <c r="AT36" s="8" t="s">
        <v>83</v>
      </c>
      <c r="AU36" s="8">
        <v>2.1800000000000002</v>
      </c>
      <c r="AV36" s="8">
        <v>1.75</v>
      </c>
      <c r="AW36" s="8">
        <v>1.49</v>
      </c>
      <c r="AX36" s="8">
        <v>1.38</v>
      </c>
      <c r="AY36" s="8">
        <v>1.3</v>
      </c>
      <c r="AZ36" s="8">
        <v>1.35</v>
      </c>
      <c r="BA36" s="8">
        <v>1.37</v>
      </c>
      <c r="BB36" s="8">
        <v>1.38</v>
      </c>
      <c r="BC36" s="8">
        <v>1.36</v>
      </c>
      <c r="BD36" s="8">
        <v>1.58</v>
      </c>
      <c r="BE36" s="8">
        <v>1.58</v>
      </c>
    </row>
    <row r="37" spans="3:57" x14ac:dyDescent="0.2">
      <c r="C37" s="16" t="s">
        <v>84</v>
      </c>
      <c r="D37" s="6" t="s">
        <v>85</v>
      </c>
      <c r="E37" s="8">
        <v>0.24</v>
      </c>
      <c r="F37" s="8">
        <v>0.28000000000000003</v>
      </c>
      <c r="G37" s="8">
        <v>0.3</v>
      </c>
      <c r="H37" s="8">
        <v>0.28000000000000003</v>
      </c>
      <c r="I37" s="8">
        <v>0.28000000000000003</v>
      </c>
      <c r="J37" s="8">
        <v>0.22</v>
      </c>
      <c r="K37" s="8">
        <v>0.19</v>
      </c>
      <c r="L37" s="8">
        <v>0.16</v>
      </c>
      <c r="M37" s="8">
        <v>0.16</v>
      </c>
      <c r="N37" s="8">
        <v>0.17</v>
      </c>
      <c r="O37" s="8">
        <v>0.16</v>
      </c>
      <c r="P37" s="8">
        <v>0.16</v>
      </c>
      <c r="Q37" s="8">
        <v>0.16</v>
      </c>
      <c r="R37" s="8">
        <v>0.16</v>
      </c>
      <c r="S37" s="8">
        <v>0.17</v>
      </c>
      <c r="T37" s="8">
        <v>0.17</v>
      </c>
      <c r="U37" s="8">
        <v>0.21</v>
      </c>
      <c r="V37" s="8">
        <v>0.21</v>
      </c>
      <c r="W37" s="8">
        <v>0.22</v>
      </c>
      <c r="X37" s="8">
        <v>0.22</v>
      </c>
      <c r="Y37" s="8">
        <v>0.22</v>
      </c>
      <c r="Z37" s="8">
        <v>0.23</v>
      </c>
      <c r="AA37" s="8">
        <v>0.22</v>
      </c>
      <c r="AB37" s="8">
        <v>0.2</v>
      </c>
      <c r="AC37" s="8">
        <v>0.19</v>
      </c>
      <c r="AD37" s="8">
        <v>0.21</v>
      </c>
      <c r="AE37" s="8">
        <v>0.21</v>
      </c>
      <c r="AF37" s="8">
        <v>0.18</v>
      </c>
      <c r="AG37" s="8">
        <v>0.2</v>
      </c>
      <c r="AH37" s="8">
        <v>0.21</v>
      </c>
      <c r="AI37" s="8">
        <v>0.21</v>
      </c>
      <c r="AJ37" s="8">
        <v>0.18</v>
      </c>
      <c r="AK37" s="8">
        <v>0.18</v>
      </c>
      <c r="AL37" s="8">
        <v>0.22</v>
      </c>
      <c r="AM37" s="8">
        <v>0.18</v>
      </c>
      <c r="AN37" s="8">
        <v>0.22</v>
      </c>
      <c r="AO37" s="8">
        <v>0.22</v>
      </c>
      <c r="AP37" s="8">
        <v>0.15</v>
      </c>
      <c r="AQ37" s="8">
        <v>0.15</v>
      </c>
      <c r="AR37" s="8">
        <v>0.15</v>
      </c>
      <c r="AS37" s="8">
        <v>0.16</v>
      </c>
      <c r="AT37" s="8">
        <v>0.15</v>
      </c>
      <c r="AU37" s="8">
        <v>0.15</v>
      </c>
      <c r="AV37" s="8">
        <v>0.16</v>
      </c>
      <c r="AW37" s="8">
        <v>0.17</v>
      </c>
      <c r="AX37" s="8">
        <v>0.17</v>
      </c>
      <c r="AY37" s="8">
        <v>0.19</v>
      </c>
      <c r="AZ37" s="8">
        <v>0.18</v>
      </c>
      <c r="BA37" s="8">
        <v>0.18</v>
      </c>
      <c r="BB37" s="8">
        <v>0.18</v>
      </c>
      <c r="BC37" s="8">
        <v>0.19</v>
      </c>
      <c r="BD37" s="8">
        <v>0.19</v>
      </c>
      <c r="BE37" s="8">
        <v>0.19</v>
      </c>
    </row>
    <row r="38" spans="3:57" x14ac:dyDescent="0.2">
      <c r="C38" s="16" t="s">
        <v>86</v>
      </c>
      <c r="D38" s="6" t="s">
        <v>58</v>
      </c>
      <c r="E38" s="8">
        <v>0.71</v>
      </c>
      <c r="F38" s="8">
        <v>0.91</v>
      </c>
      <c r="G38" s="8">
        <v>0.71</v>
      </c>
      <c r="H38" s="8">
        <v>0.69</v>
      </c>
      <c r="I38" s="8">
        <v>0.69</v>
      </c>
      <c r="J38" s="8">
        <v>0.78</v>
      </c>
      <c r="K38" s="8">
        <v>0.81</v>
      </c>
      <c r="L38" s="8">
        <v>0.82</v>
      </c>
      <c r="M38" s="8">
        <v>0.85</v>
      </c>
      <c r="N38" s="8">
        <v>0.84</v>
      </c>
      <c r="O38" s="8">
        <v>1.38</v>
      </c>
      <c r="P38" s="8">
        <v>1.27</v>
      </c>
      <c r="Q38" s="8">
        <v>1.29</v>
      </c>
      <c r="R38" s="8">
        <v>1.59</v>
      </c>
      <c r="S38" s="8">
        <v>1.38</v>
      </c>
      <c r="T38" s="8">
        <v>0.96</v>
      </c>
      <c r="U38" s="8">
        <v>0.74</v>
      </c>
      <c r="V38" s="8">
        <v>0.95</v>
      </c>
      <c r="W38" s="8">
        <v>1.19</v>
      </c>
      <c r="X38" s="8">
        <v>1.1499999999999999</v>
      </c>
      <c r="Y38" s="8">
        <v>0.95</v>
      </c>
      <c r="Z38" s="8">
        <v>0.77</v>
      </c>
      <c r="AA38" s="8">
        <v>0.71</v>
      </c>
      <c r="AB38" s="8">
        <v>0.75</v>
      </c>
      <c r="AC38" s="8">
        <v>0.74</v>
      </c>
      <c r="AD38" s="8">
        <v>0.73</v>
      </c>
      <c r="AE38" s="8">
        <v>0.53</v>
      </c>
      <c r="AF38" s="8">
        <v>0.44</v>
      </c>
      <c r="AG38" s="8">
        <v>0.42</v>
      </c>
      <c r="AH38" s="8">
        <v>0.4</v>
      </c>
      <c r="AI38" s="8">
        <v>0.38</v>
      </c>
      <c r="AJ38" s="8">
        <v>0.4</v>
      </c>
      <c r="AK38" s="8">
        <v>0.39</v>
      </c>
      <c r="AL38" s="8">
        <v>0.3</v>
      </c>
      <c r="AM38" s="8">
        <v>0.27</v>
      </c>
      <c r="AN38" s="8">
        <v>0.24</v>
      </c>
      <c r="AO38" s="8">
        <v>0.2</v>
      </c>
      <c r="AP38" s="8">
        <v>0.21</v>
      </c>
      <c r="AQ38" s="8">
        <v>0.31</v>
      </c>
      <c r="AR38" s="8">
        <v>0.54</v>
      </c>
      <c r="AS38" s="8">
        <v>0.71</v>
      </c>
      <c r="AT38" s="8">
        <v>0.87</v>
      </c>
      <c r="AU38" s="8">
        <v>0.98</v>
      </c>
      <c r="AV38" s="8">
        <v>0.94</v>
      </c>
      <c r="AW38" s="8">
        <v>0.95</v>
      </c>
      <c r="AX38" s="8">
        <v>0.82</v>
      </c>
      <c r="AY38" s="8">
        <v>0.84</v>
      </c>
      <c r="AZ38" s="8">
        <v>0.9</v>
      </c>
      <c r="BA38" s="8">
        <v>0.94</v>
      </c>
      <c r="BB38" s="8">
        <v>1.2</v>
      </c>
      <c r="BC38" s="8">
        <v>1.18</v>
      </c>
      <c r="BD38" s="8">
        <v>1.25</v>
      </c>
      <c r="BE38" s="8">
        <v>1.25</v>
      </c>
    </row>
    <row r="39" spans="3:57" x14ac:dyDescent="0.2">
      <c r="C39" s="16" t="s">
        <v>104</v>
      </c>
      <c r="D39" s="6" t="s">
        <v>58</v>
      </c>
      <c r="E39" s="8">
        <v>0.44</v>
      </c>
      <c r="F39" s="8">
        <v>0.32</v>
      </c>
      <c r="G39" s="8">
        <v>0.39</v>
      </c>
      <c r="H39" s="8">
        <v>0.35</v>
      </c>
      <c r="I39" s="8">
        <v>0.34</v>
      </c>
      <c r="J39" s="8">
        <v>0.32</v>
      </c>
      <c r="K39" s="8">
        <v>0.37</v>
      </c>
      <c r="L39" s="8">
        <v>0.39</v>
      </c>
      <c r="M39" s="8">
        <v>0.38</v>
      </c>
      <c r="N39" s="8">
        <v>0.56999999999999995</v>
      </c>
      <c r="O39" s="8">
        <v>0.67</v>
      </c>
      <c r="P39" s="8">
        <v>0.72</v>
      </c>
      <c r="Q39" s="8">
        <v>0.52</v>
      </c>
      <c r="R39" s="8">
        <v>0.41</v>
      </c>
      <c r="S39" s="8">
        <v>0.44</v>
      </c>
      <c r="T39" s="8">
        <v>0.5</v>
      </c>
      <c r="U39" s="8">
        <v>0.41</v>
      </c>
      <c r="V39" s="8">
        <v>0.39</v>
      </c>
      <c r="W39" s="8">
        <v>0.39</v>
      </c>
      <c r="X39" s="8">
        <v>0.4</v>
      </c>
      <c r="Y39" s="8">
        <v>0.49</v>
      </c>
      <c r="Z39" s="8">
        <v>0.4</v>
      </c>
      <c r="AA39" s="8">
        <v>0.28000000000000003</v>
      </c>
      <c r="AB39" s="8">
        <v>0.32</v>
      </c>
      <c r="AC39" s="8">
        <v>0.52</v>
      </c>
      <c r="AD39" s="8">
        <v>0.5</v>
      </c>
      <c r="AE39" s="8">
        <v>0.41</v>
      </c>
      <c r="AF39" s="8">
        <v>0.33</v>
      </c>
      <c r="AG39" s="8">
        <v>0.34</v>
      </c>
      <c r="AH39" s="8">
        <v>0.36</v>
      </c>
      <c r="AI39" s="8">
        <v>0.38</v>
      </c>
      <c r="AJ39" s="8">
        <v>0.24</v>
      </c>
      <c r="AK39" s="8">
        <v>0.24</v>
      </c>
      <c r="AL39" s="8">
        <v>0.25</v>
      </c>
      <c r="AM39" s="8">
        <v>0.23</v>
      </c>
      <c r="AN39" s="8">
        <v>0.23</v>
      </c>
      <c r="AO39" s="8">
        <v>0.28999999999999998</v>
      </c>
      <c r="AP39" s="8">
        <v>0.35</v>
      </c>
      <c r="AQ39" s="8">
        <v>0.37</v>
      </c>
      <c r="AR39" s="8">
        <v>0.39</v>
      </c>
      <c r="AS39" s="8">
        <v>0.42</v>
      </c>
      <c r="AT39" s="8">
        <v>0.46</v>
      </c>
      <c r="AU39" s="8">
        <v>0.55000000000000004</v>
      </c>
      <c r="AV39" s="8">
        <v>0.54</v>
      </c>
      <c r="AW39" s="8">
        <v>0.61</v>
      </c>
      <c r="AX39" s="8">
        <v>0.68</v>
      </c>
      <c r="AY39" s="8">
        <v>0.73</v>
      </c>
      <c r="AZ39" s="8">
        <v>0.88</v>
      </c>
      <c r="BA39" s="8">
        <v>0.91</v>
      </c>
      <c r="BB39" s="8">
        <v>0.84</v>
      </c>
      <c r="BC39" s="8">
        <v>0.98</v>
      </c>
      <c r="BD39" s="8">
        <v>0.81</v>
      </c>
      <c r="BE39" s="8">
        <v>0.75</v>
      </c>
    </row>
    <row r="40" spans="3:57" x14ac:dyDescent="0.2">
      <c r="C40" s="16" t="s">
        <v>87</v>
      </c>
      <c r="D40" s="6" t="s">
        <v>58</v>
      </c>
      <c r="E40" s="8">
        <v>0.24</v>
      </c>
      <c r="F40" s="8">
        <v>0.23</v>
      </c>
      <c r="G40" s="8">
        <v>0.23</v>
      </c>
      <c r="H40" s="8">
        <v>0.22</v>
      </c>
      <c r="I40" s="8">
        <v>0.22</v>
      </c>
      <c r="J40" s="8">
        <v>0.22</v>
      </c>
      <c r="K40" s="8">
        <v>0.24</v>
      </c>
      <c r="L40" s="8">
        <v>0.24</v>
      </c>
      <c r="M40" s="8">
        <v>0.23</v>
      </c>
      <c r="N40" s="8">
        <v>0.25</v>
      </c>
      <c r="O40" s="8">
        <v>0.25</v>
      </c>
      <c r="P40" s="8">
        <v>0.24</v>
      </c>
      <c r="Q40" s="8">
        <v>0.24</v>
      </c>
      <c r="R40" s="8">
        <v>0.25</v>
      </c>
      <c r="S40" s="8">
        <v>0.26</v>
      </c>
      <c r="T40" s="8">
        <v>0.27</v>
      </c>
      <c r="U40" s="8">
        <v>0.27</v>
      </c>
      <c r="V40" s="8">
        <v>0.28999999999999998</v>
      </c>
      <c r="W40" s="8">
        <v>0.27</v>
      </c>
      <c r="X40" s="8">
        <v>0.28999999999999998</v>
      </c>
      <c r="Y40" s="8">
        <v>0.25</v>
      </c>
      <c r="Z40" s="8">
        <v>0.24</v>
      </c>
      <c r="AA40" s="8">
        <v>0.24</v>
      </c>
      <c r="AB40" s="8">
        <v>0.26</v>
      </c>
      <c r="AC40" s="8">
        <v>0.24</v>
      </c>
      <c r="AD40" s="8">
        <v>0.26</v>
      </c>
      <c r="AE40" s="8">
        <v>0.26</v>
      </c>
      <c r="AF40" s="8">
        <v>0.22</v>
      </c>
      <c r="AG40" s="8">
        <v>0.19</v>
      </c>
      <c r="AH40" s="8">
        <v>0.18</v>
      </c>
      <c r="AI40" s="8">
        <v>0.18</v>
      </c>
      <c r="AJ40" s="8">
        <v>0.09</v>
      </c>
      <c r="AK40" s="8">
        <v>0.1</v>
      </c>
      <c r="AL40" s="8">
        <v>0.09</v>
      </c>
      <c r="AM40" s="8">
        <v>0.09</v>
      </c>
      <c r="AN40" s="8">
        <v>0.09</v>
      </c>
      <c r="AO40" s="8">
        <v>0.09</v>
      </c>
      <c r="AP40" s="8">
        <v>0.09</v>
      </c>
      <c r="AQ40" s="8">
        <v>0.1</v>
      </c>
      <c r="AR40" s="8">
        <v>0.1</v>
      </c>
      <c r="AS40" s="8">
        <v>0.1</v>
      </c>
      <c r="AT40" s="8">
        <v>0.1</v>
      </c>
      <c r="AU40" s="8">
        <v>0.1</v>
      </c>
      <c r="AV40" s="8">
        <v>0.09</v>
      </c>
      <c r="AW40" s="8">
        <v>0.1</v>
      </c>
      <c r="AX40" s="8">
        <v>0.1</v>
      </c>
      <c r="AY40" s="8">
        <v>0.12</v>
      </c>
      <c r="AZ40" s="8">
        <v>0.12</v>
      </c>
      <c r="BA40" s="8">
        <v>0.1</v>
      </c>
      <c r="BB40" s="8">
        <v>0.1</v>
      </c>
      <c r="BC40" s="8">
        <v>0.08</v>
      </c>
      <c r="BD40" s="8">
        <v>0.08</v>
      </c>
      <c r="BE40" s="8">
        <v>0.08</v>
      </c>
    </row>
    <row r="41" spans="3:57" x14ac:dyDescent="0.2">
      <c r="C41" s="16" t="s">
        <v>88</v>
      </c>
      <c r="D41" s="6" t="s">
        <v>58</v>
      </c>
      <c r="E41" s="8">
        <v>0.17</v>
      </c>
      <c r="F41" s="8">
        <v>0.17</v>
      </c>
      <c r="G41" s="8">
        <v>0.16</v>
      </c>
      <c r="H41" s="8">
        <v>0.15</v>
      </c>
      <c r="I41" s="8">
        <v>0.13</v>
      </c>
      <c r="J41" s="8">
        <v>0.14000000000000001</v>
      </c>
      <c r="K41" s="8">
        <v>0.13</v>
      </c>
      <c r="L41" s="8">
        <v>0.12</v>
      </c>
      <c r="M41" s="8">
        <v>0.12</v>
      </c>
      <c r="N41" s="8">
        <v>0.12</v>
      </c>
      <c r="O41" s="8">
        <v>0.1</v>
      </c>
      <c r="P41" s="8">
        <v>0.09</v>
      </c>
      <c r="Q41" s="8">
        <v>0.11</v>
      </c>
      <c r="R41" s="8">
        <v>0.13</v>
      </c>
      <c r="S41" s="8">
        <v>0.2</v>
      </c>
      <c r="T41" s="8">
        <v>0.19</v>
      </c>
      <c r="U41" s="8">
        <v>0.19</v>
      </c>
      <c r="V41" s="8">
        <v>0.21</v>
      </c>
      <c r="W41" s="8">
        <v>0.22</v>
      </c>
      <c r="X41" s="8">
        <v>0.22</v>
      </c>
      <c r="Y41" s="8">
        <v>0.22</v>
      </c>
      <c r="Z41" s="8">
        <v>0.23</v>
      </c>
      <c r="AA41" s="8">
        <v>0.22</v>
      </c>
      <c r="AB41" s="8">
        <v>0.22</v>
      </c>
      <c r="AC41" s="8">
        <v>0.22</v>
      </c>
      <c r="AD41" s="8">
        <v>0.22</v>
      </c>
      <c r="AE41" s="8">
        <v>0.22</v>
      </c>
      <c r="AF41" s="8">
        <v>0.2</v>
      </c>
      <c r="AG41" s="8">
        <v>0.2</v>
      </c>
      <c r="AH41" s="8">
        <v>0.17</v>
      </c>
      <c r="AI41" s="8">
        <v>0.17</v>
      </c>
      <c r="AJ41" s="8">
        <v>0.19</v>
      </c>
      <c r="AK41" s="8">
        <v>0.21</v>
      </c>
      <c r="AL41" s="8">
        <v>0.21</v>
      </c>
      <c r="AM41" s="8">
        <v>0.23</v>
      </c>
      <c r="AN41" s="8">
        <v>0.23</v>
      </c>
      <c r="AO41" s="8">
        <v>0.23</v>
      </c>
      <c r="AP41" s="8">
        <v>0.24</v>
      </c>
      <c r="AQ41" s="8">
        <v>0.24</v>
      </c>
      <c r="AR41" s="8">
        <v>0.27</v>
      </c>
      <c r="AS41" s="8">
        <v>0.27</v>
      </c>
      <c r="AT41" s="8">
        <v>0.24</v>
      </c>
      <c r="AU41" s="8">
        <v>0.24</v>
      </c>
      <c r="AV41" s="8">
        <v>0.23</v>
      </c>
      <c r="AW41" s="8">
        <v>0.21</v>
      </c>
      <c r="AX41" s="8">
        <v>0.2</v>
      </c>
      <c r="AY41" s="8">
        <v>0.2</v>
      </c>
      <c r="AZ41" s="8">
        <v>0.19</v>
      </c>
      <c r="BA41" s="8">
        <v>0.18</v>
      </c>
      <c r="BB41" s="8">
        <v>0.18</v>
      </c>
      <c r="BC41" s="8">
        <v>0.18</v>
      </c>
      <c r="BD41" s="8">
        <v>0.19</v>
      </c>
      <c r="BE41" s="8">
        <v>0.2</v>
      </c>
    </row>
    <row r="42" spans="3:57" x14ac:dyDescent="0.2">
      <c r="C42" s="16" t="s">
        <v>89</v>
      </c>
      <c r="D42" s="6" t="s">
        <v>58</v>
      </c>
      <c r="E42" s="8">
        <v>0.28000000000000003</v>
      </c>
      <c r="F42" s="8">
        <v>0.28000000000000003</v>
      </c>
      <c r="G42" s="8">
        <v>0.28000000000000003</v>
      </c>
      <c r="H42" s="8">
        <v>0.28000000000000003</v>
      </c>
      <c r="I42" s="8">
        <v>0.28000000000000003</v>
      </c>
      <c r="J42" s="8">
        <v>0.28000000000000003</v>
      </c>
      <c r="K42" s="8">
        <v>0.28000000000000003</v>
      </c>
      <c r="L42" s="8">
        <v>0.28000000000000003</v>
      </c>
      <c r="M42" s="8">
        <v>0.27</v>
      </c>
      <c r="N42" s="8">
        <v>0.27</v>
      </c>
      <c r="O42" s="8">
        <v>0.27</v>
      </c>
      <c r="P42" s="8">
        <v>0.27</v>
      </c>
      <c r="Q42" s="8">
        <v>0.27</v>
      </c>
      <c r="R42" s="8">
        <v>0.27</v>
      </c>
      <c r="S42" s="8">
        <v>0.27</v>
      </c>
      <c r="T42" s="8">
        <v>0.27</v>
      </c>
      <c r="U42" s="8">
        <v>0.27</v>
      </c>
      <c r="V42" s="8">
        <v>0.3</v>
      </c>
      <c r="W42" s="8">
        <v>0.35</v>
      </c>
      <c r="X42" s="8">
        <v>0.35</v>
      </c>
      <c r="Y42" s="8">
        <v>0.35</v>
      </c>
      <c r="Z42" s="8">
        <v>0.35</v>
      </c>
      <c r="AA42" s="8">
        <v>0.35</v>
      </c>
      <c r="AB42" s="8">
        <v>0.36</v>
      </c>
      <c r="AC42" s="8">
        <v>0.39</v>
      </c>
      <c r="AD42" s="8">
        <v>0.45</v>
      </c>
      <c r="AE42" s="8">
        <v>0.45</v>
      </c>
      <c r="AF42" s="8">
        <v>0.48</v>
      </c>
      <c r="AG42" s="8">
        <v>0.51</v>
      </c>
      <c r="AH42" s="8">
        <v>0.51</v>
      </c>
      <c r="AI42" s="8" t="s">
        <v>90</v>
      </c>
      <c r="AJ42" s="8">
        <v>0.47</v>
      </c>
      <c r="AK42" s="8">
        <v>0.49</v>
      </c>
      <c r="AL42" s="8">
        <v>0.5</v>
      </c>
      <c r="AM42" s="8">
        <v>0.49</v>
      </c>
      <c r="AN42" s="8">
        <v>0.44</v>
      </c>
      <c r="AO42" s="8">
        <v>0.43</v>
      </c>
      <c r="AP42" s="8">
        <v>0.42</v>
      </c>
      <c r="AQ42" s="8">
        <v>0.43</v>
      </c>
      <c r="AR42" s="8">
        <v>0.39</v>
      </c>
      <c r="AS42" s="8">
        <v>0.39</v>
      </c>
      <c r="AT42" s="8">
        <v>0.39</v>
      </c>
      <c r="AU42" s="8">
        <v>0.42</v>
      </c>
      <c r="AV42" s="8">
        <v>0.41</v>
      </c>
      <c r="AW42" s="8">
        <v>0.41</v>
      </c>
      <c r="AX42" s="8">
        <v>0.41</v>
      </c>
      <c r="AY42" s="8">
        <v>0.41</v>
      </c>
      <c r="AZ42" s="8">
        <v>0.41</v>
      </c>
      <c r="BA42" s="8">
        <v>0.41</v>
      </c>
      <c r="BB42" s="8">
        <v>0.41</v>
      </c>
      <c r="BC42" s="8">
        <v>0.41</v>
      </c>
      <c r="BD42" s="8">
        <v>0.41</v>
      </c>
      <c r="BE42" s="8">
        <v>0.41</v>
      </c>
    </row>
    <row r="43" spans="3:57" x14ac:dyDescent="0.2">
      <c r="C43" s="18" t="s">
        <v>91</v>
      </c>
      <c r="D43" s="6" t="s">
        <v>58</v>
      </c>
      <c r="E43" s="8"/>
      <c r="F43" s="8"/>
      <c r="G43" s="8"/>
      <c r="H43" s="8"/>
      <c r="I43" s="8"/>
      <c r="J43" s="19"/>
      <c r="K43" s="8"/>
      <c r="L43" s="8"/>
      <c r="M43" s="8"/>
      <c r="N43" s="8"/>
      <c r="O43" s="8"/>
      <c r="P43" s="8"/>
      <c r="Q43" s="8"/>
      <c r="R43" s="8"/>
      <c r="S43" s="8"/>
      <c r="T43" s="8"/>
      <c r="U43" s="8"/>
      <c r="V43" s="8"/>
      <c r="W43" s="8"/>
      <c r="X43" s="8"/>
      <c r="Y43" s="8"/>
      <c r="Z43" s="8"/>
      <c r="AA43" s="8"/>
      <c r="AB43" s="8"/>
      <c r="AC43" s="8"/>
      <c r="AD43" s="8"/>
      <c r="AE43" s="8"/>
      <c r="AF43" s="8"/>
      <c r="AG43" s="8"/>
      <c r="AH43" s="8"/>
      <c r="AI43" s="8"/>
      <c r="AJ43" s="8"/>
      <c r="AK43" s="8"/>
      <c r="AL43" s="8"/>
      <c r="AM43" s="8"/>
      <c r="AN43" s="8"/>
      <c r="AO43" s="8"/>
      <c r="AP43" s="8"/>
      <c r="AQ43" s="8"/>
      <c r="AR43" s="8"/>
      <c r="AS43" s="8"/>
      <c r="AT43" s="8"/>
      <c r="AU43" s="8">
        <v>0.25</v>
      </c>
      <c r="AV43" s="8">
        <v>0.23</v>
      </c>
      <c r="AW43" s="8">
        <v>0.2</v>
      </c>
      <c r="AX43" s="8">
        <v>0.21</v>
      </c>
      <c r="AY43" s="8">
        <v>0.19</v>
      </c>
      <c r="AZ43" s="8">
        <v>0.17</v>
      </c>
      <c r="BA43" s="8">
        <v>0.17</v>
      </c>
      <c r="BB43" s="8">
        <v>0.15</v>
      </c>
      <c r="BC43" s="8">
        <v>0.15</v>
      </c>
      <c r="BD43" s="8">
        <v>0.15</v>
      </c>
      <c r="BE43" s="8">
        <v>0.15</v>
      </c>
    </row>
    <row r="44" spans="3:57" x14ac:dyDescent="0.2">
      <c r="C44" s="18" t="s">
        <v>93</v>
      </c>
      <c r="D44" s="6" t="s">
        <v>58</v>
      </c>
      <c r="E44" s="8">
        <v>0.12</v>
      </c>
      <c r="F44" s="8">
        <v>0.12</v>
      </c>
      <c r="G44" s="8">
        <v>0.12</v>
      </c>
      <c r="H44" s="8">
        <v>0.12</v>
      </c>
      <c r="I44" s="8">
        <v>0.12</v>
      </c>
      <c r="J44" s="19" t="s">
        <v>94</v>
      </c>
      <c r="K44" s="8">
        <v>0.17</v>
      </c>
      <c r="L44" s="8">
        <v>0.17</v>
      </c>
      <c r="M44" s="8">
        <v>0.19</v>
      </c>
      <c r="N44" s="8">
        <v>0.28999999999999998</v>
      </c>
      <c r="O44" s="8">
        <v>0.3</v>
      </c>
      <c r="P44" s="8">
        <v>0.31</v>
      </c>
      <c r="Q44" s="8">
        <v>0.33</v>
      </c>
      <c r="R44" s="8">
        <v>0.33</v>
      </c>
      <c r="S44" s="8">
        <v>0.28999999999999998</v>
      </c>
      <c r="T44" s="8">
        <v>0.28999999999999998</v>
      </c>
      <c r="U44" s="8">
        <v>0.31</v>
      </c>
      <c r="V44" s="8">
        <v>0.31</v>
      </c>
      <c r="W44" s="8">
        <v>0.3</v>
      </c>
      <c r="X44" s="8">
        <v>0.3</v>
      </c>
      <c r="Y44" s="8">
        <v>0.3</v>
      </c>
      <c r="Z44" s="8">
        <v>0.3</v>
      </c>
      <c r="AA44" s="8"/>
      <c r="AB44" s="8"/>
      <c r="AC44" s="17"/>
      <c r="AD44" s="17"/>
      <c r="AE44" s="17"/>
      <c r="AF44" s="17"/>
      <c r="AG44" s="17"/>
      <c r="AH44" s="17"/>
      <c r="AI44" s="8">
        <v>0.27</v>
      </c>
      <c r="AJ44" s="8">
        <v>0.28999999999999998</v>
      </c>
      <c r="AK44" s="8">
        <v>0.28000000000000003</v>
      </c>
      <c r="AL44" s="8">
        <v>0.28999999999999998</v>
      </c>
      <c r="AM44" s="8">
        <v>0.28000000000000003</v>
      </c>
      <c r="AN44" s="8"/>
      <c r="AO44" s="8"/>
      <c r="AP44" s="8"/>
      <c r="AQ44" s="17"/>
      <c r="AR44" s="17"/>
      <c r="AS44" s="17"/>
      <c r="AT44" s="17"/>
      <c r="AU44" s="17"/>
      <c r="AV44" s="17"/>
      <c r="AW44" s="17"/>
      <c r="AX44" s="17"/>
      <c r="AY44" s="17"/>
      <c r="AZ44" s="17"/>
      <c r="BA44" s="17"/>
      <c r="BB44" s="17"/>
      <c r="BC44" s="17"/>
      <c r="BD44" s="17"/>
      <c r="BE44" s="17"/>
    </row>
    <row r="45" spans="3:57" x14ac:dyDescent="0.2">
      <c r="C45" s="16" t="s">
        <v>95</v>
      </c>
      <c r="D45" s="6" t="s">
        <v>58</v>
      </c>
      <c r="E45" s="17">
        <v>0.53</v>
      </c>
      <c r="F45" s="17">
        <v>0.54</v>
      </c>
      <c r="G45" s="17">
        <v>0.56000000000000005</v>
      </c>
      <c r="H45" s="17">
        <v>0.56000000000000005</v>
      </c>
      <c r="I45" s="17">
        <v>0.56000000000000005</v>
      </c>
      <c r="J45" s="17">
        <v>0.56000000000000005</v>
      </c>
      <c r="K45" s="17">
        <v>0.56000000000000005</v>
      </c>
      <c r="L45" s="8">
        <v>0.56000000000000005</v>
      </c>
      <c r="M45" s="8">
        <v>0.56000000000000005</v>
      </c>
      <c r="N45" s="17">
        <v>0.56000000000000005</v>
      </c>
      <c r="O45" s="17">
        <v>0.55000000000000004</v>
      </c>
      <c r="P45" s="8">
        <v>0.55000000000000004</v>
      </c>
      <c r="Q45" s="8">
        <v>0.55000000000000004</v>
      </c>
      <c r="R45" s="8">
        <v>0.52</v>
      </c>
      <c r="S45" s="8">
        <v>0.52</v>
      </c>
      <c r="T45" s="17">
        <v>0.51</v>
      </c>
      <c r="U45" s="8">
        <v>0.49</v>
      </c>
      <c r="V45" s="17">
        <v>0.47</v>
      </c>
      <c r="W45" s="17">
        <v>0.43</v>
      </c>
      <c r="X45" s="8">
        <v>0.44</v>
      </c>
      <c r="Y45" s="17">
        <v>0.44</v>
      </c>
      <c r="Z45" s="17">
        <v>0.44</v>
      </c>
      <c r="AA45" s="17"/>
      <c r="AB45" s="17"/>
      <c r="AC45" s="17"/>
      <c r="AD45" s="17"/>
      <c r="AE45" s="17"/>
      <c r="AF45" s="17"/>
      <c r="AG45" s="17"/>
      <c r="AH45" s="17"/>
      <c r="AI45" s="17">
        <v>0.53</v>
      </c>
      <c r="AJ45" s="17" t="s">
        <v>90</v>
      </c>
      <c r="AK45" s="17">
        <v>0.5</v>
      </c>
      <c r="AL45" s="17">
        <v>0.37</v>
      </c>
      <c r="AM45" s="17">
        <v>0.37</v>
      </c>
      <c r="AN45" s="17">
        <v>0.39</v>
      </c>
      <c r="AO45" s="8">
        <v>0.39</v>
      </c>
      <c r="AP45" s="17">
        <v>0.43</v>
      </c>
      <c r="AQ45" s="17">
        <v>0.39</v>
      </c>
      <c r="AR45" s="17">
        <v>0.47</v>
      </c>
      <c r="AS45" s="17">
        <v>0.47</v>
      </c>
      <c r="AT45" s="17">
        <v>0.47</v>
      </c>
      <c r="AU45" s="17">
        <v>0.48</v>
      </c>
      <c r="AV45" s="17">
        <v>0.48</v>
      </c>
      <c r="AW45" s="17">
        <v>0.43</v>
      </c>
      <c r="AX45" s="17">
        <v>0.38</v>
      </c>
      <c r="AY45" s="17">
        <v>0.38</v>
      </c>
      <c r="AZ45" s="17">
        <v>0.41</v>
      </c>
      <c r="BA45" s="17">
        <v>0.39</v>
      </c>
      <c r="BB45" s="17">
        <v>0.39</v>
      </c>
      <c r="BC45" s="17">
        <v>0.41</v>
      </c>
      <c r="BD45" s="17">
        <v>0.41</v>
      </c>
      <c r="BE45" s="17">
        <v>0.41</v>
      </c>
    </row>
    <row r="46" spans="3:57" x14ac:dyDescent="0.2">
      <c r="C46" s="23" t="s">
        <v>96</v>
      </c>
      <c r="D46" s="6" t="s">
        <v>58</v>
      </c>
      <c r="E46" s="23"/>
      <c r="F46" s="23"/>
      <c r="G46" s="23"/>
      <c r="H46" s="23"/>
      <c r="I46" s="23"/>
      <c r="J46" s="23"/>
      <c r="K46" s="23"/>
      <c r="L46" s="23"/>
      <c r="M46" s="23"/>
      <c r="N46" s="23"/>
      <c r="O46" s="23"/>
      <c r="P46" s="23"/>
      <c r="Q46" s="23"/>
      <c r="R46" s="23"/>
      <c r="S46" s="23"/>
      <c r="T46" s="23"/>
      <c r="U46" s="23"/>
      <c r="V46" s="23"/>
      <c r="W46" s="23"/>
      <c r="X46" s="23"/>
      <c r="Y46" s="23"/>
      <c r="Z46" s="23"/>
      <c r="AA46" s="23"/>
      <c r="AB46" s="23"/>
      <c r="AC46" s="23"/>
      <c r="AD46" s="23"/>
      <c r="AE46" s="23"/>
      <c r="AF46" s="23"/>
      <c r="AG46" s="23"/>
      <c r="AH46" s="23"/>
      <c r="AI46" s="23"/>
      <c r="AJ46" s="23"/>
      <c r="AK46" s="23"/>
      <c r="AL46" s="23"/>
      <c r="AM46" s="23"/>
      <c r="AN46" s="23"/>
      <c r="AO46" s="23"/>
      <c r="AP46" s="23"/>
      <c r="AQ46" s="23"/>
      <c r="AR46" s="23"/>
      <c r="AS46" s="23"/>
      <c r="AT46" s="23"/>
      <c r="AU46" s="23"/>
      <c r="AV46" s="23"/>
      <c r="AW46" s="23"/>
      <c r="AX46" s="23"/>
      <c r="AY46" s="23"/>
      <c r="AZ46" s="23"/>
      <c r="BA46" s="23"/>
      <c r="BB46" s="23"/>
      <c r="BC46" s="23"/>
      <c r="BD46" s="23"/>
      <c r="BE46" s="23"/>
    </row>
    <row r="49" spans="3:57" x14ac:dyDescent="0.2">
      <c r="C49" s="1" t="s">
        <v>1</v>
      </c>
    </row>
    <row r="50" spans="3:57" x14ac:dyDescent="0.2">
      <c r="E50" s="1">
        <v>2004</v>
      </c>
    </row>
    <row r="51" spans="3:57" x14ac:dyDescent="0.2">
      <c r="C51" s="3" t="s">
        <v>2</v>
      </c>
      <c r="D51" s="3" t="s">
        <v>3</v>
      </c>
      <c r="E51" s="4" t="s">
        <v>15</v>
      </c>
      <c r="F51" s="4" t="s">
        <v>16</v>
      </c>
      <c r="G51" s="4" t="s">
        <v>17</v>
      </c>
      <c r="H51" s="4" t="s">
        <v>18</v>
      </c>
      <c r="I51" s="4" t="s">
        <v>19</v>
      </c>
      <c r="J51" s="4" t="s">
        <v>20</v>
      </c>
      <c r="K51" s="4" t="s">
        <v>21</v>
      </c>
      <c r="L51" s="4" t="s">
        <v>22</v>
      </c>
      <c r="M51" s="4" t="s">
        <v>23</v>
      </c>
      <c r="N51" s="4" t="s">
        <v>24</v>
      </c>
      <c r="O51" s="4" t="s">
        <v>25</v>
      </c>
      <c r="P51" s="4" t="s">
        <v>26</v>
      </c>
      <c r="Q51" s="4" t="s">
        <v>27</v>
      </c>
      <c r="R51" s="4" t="s">
        <v>28</v>
      </c>
      <c r="S51" s="4" t="s">
        <v>29</v>
      </c>
      <c r="T51" s="4" t="s">
        <v>30</v>
      </c>
      <c r="U51" s="4" t="s">
        <v>31</v>
      </c>
      <c r="V51" s="4" t="s">
        <v>32</v>
      </c>
      <c r="W51" s="4" t="s">
        <v>33</v>
      </c>
      <c r="X51" s="4" t="s">
        <v>34</v>
      </c>
      <c r="Y51" s="4" t="s">
        <v>35</v>
      </c>
      <c r="Z51" s="4" t="s">
        <v>36</v>
      </c>
      <c r="AA51" s="4" t="s">
        <v>37</v>
      </c>
      <c r="AB51" s="4" t="s">
        <v>38</v>
      </c>
      <c r="AC51" s="4" t="s">
        <v>39</v>
      </c>
      <c r="AD51" s="4" t="s">
        <v>40</v>
      </c>
      <c r="AE51" s="4" t="s">
        <v>41</v>
      </c>
      <c r="AF51" s="4" t="s">
        <v>42</v>
      </c>
      <c r="AG51" s="4" t="s">
        <v>43</v>
      </c>
      <c r="AH51" s="4" t="s">
        <v>44</v>
      </c>
      <c r="AI51" s="4" t="s">
        <v>45</v>
      </c>
      <c r="AJ51" s="4" t="s">
        <v>46</v>
      </c>
      <c r="AK51" s="4" t="s">
        <v>47</v>
      </c>
      <c r="AL51" s="4" t="s">
        <v>48</v>
      </c>
      <c r="AM51" s="4" t="s">
        <v>49</v>
      </c>
      <c r="AN51" s="4" t="s">
        <v>50</v>
      </c>
      <c r="AO51" s="4" t="s">
        <v>51</v>
      </c>
      <c r="AP51" s="4" t="s">
        <v>52</v>
      </c>
      <c r="AQ51" s="4" t="s">
        <v>53</v>
      </c>
      <c r="AR51" s="4" t="s">
        <v>54</v>
      </c>
      <c r="AS51" s="4" t="s">
        <v>55</v>
      </c>
      <c r="AT51" s="4" t="s">
        <v>4</v>
      </c>
      <c r="AU51" s="4" t="s">
        <v>5</v>
      </c>
      <c r="AV51" s="4" t="s">
        <v>6</v>
      </c>
      <c r="AW51" s="4" t="s">
        <v>7</v>
      </c>
      <c r="AX51" s="4" t="s">
        <v>8</v>
      </c>
      <c r="AY51" s="4" t="s">
        <v>9</v>
      </c>
      <c r="AZ51" s="4" t="s">
        <v>10</v>
      </c>
      <c r="BA51" s="4" t="s">
        <v>11</v>
      </c>
      <c r="BB51" s="4" t="s">
        <v>12</v>
      </c>
      <c r="BC51" s="4" t="s">
        <v>13</v>
      </c>
      <c r="BD51" s="4" t="s">
        <v>14</v>
      </c>
      <c r="BE51" s="4" t="s">
        <v>56</v>
      </c>
    </row>
    <row r="52" spans="3:57" x14ac:dyDescent="0.2">
      <c r="C52" s="5" t="s">
        <v>57</v>
      </c>
      <c r="D52" s="6" t="s">
        <v>58</v>
      </c>
      <c r="E52" s="8"/>
      <c r="F52" s="8"/>
      <c r="G52" s="8"/>
      <c r="H52" s="8"/>
      <c r="I52" s="8"/>
      <c r="J52" s="8"/>
      <c r="K52" s="8"/>
      <c r="L52" s="8"/>
      <c r="M52" s="8"/>
      <c r="N52" s="8"/>
      <c r="O52" s="8"/>
      <c r="P52" s="8"/>
      <c r="Q52" s="8"/>
      <c r="R52" s="8"/>
      <c r="S52" s="8"/>
      <c r="T52" s="8"/>
      <c r="U52" s="8"/>
      <c r="V52" s="8"/>
      <c r="W52" s="8"/>
      <c r="X52" s="8"/>
      <c r="Y52" s="8"/>
      <c r="Z52" s="8"/>
      <c r="AA52" s="8"/>
      <c r="AB52" s="8"/>
      <c r="AC52" s="8"/>
      <c r="AD52" s="8"/>
      <c r="AE52" s="8"/>
      <c r="AF52" s="8"/>
      <c r="AG52" s="8"/>
      <c r="AH52" s="8"/>
      <c r="AI52" s="8"/>
      <c r="AJ52" s="8"/>
      <c r="AK52" s="8"/>
      <c r="AL52" s="8"/>
      <c r="AM52" s="8"/>
      <c r="AN52" s="8"/>
      <c r="AO52" s="8"/>
      <c r="AP52" s="8"/>
      <c r="AQ52" s="8"/>
      <c r="AR52" s="8"/>
      <c r="AS52" s="8"/>
      <c r="AT52" s="8"/>
      <c r="AU52" s="8"/>
      <c r="AV52" s="8"/>
      <c r="AW52" s="8"/>
      <c r="AX52" s="8"/>
      <c r="AY52" s="8"/>
      <c r="AZ52" s="8"/>
      <c r="BA52" s="8"/>
      <c r="BB52" s="8"/>
      <c r="BC52" s="8"/>
      <c r="BD52" s="8"/>
      <c r="BE52" s="8"/>
    </row>
    <row r="53" spans="3:57" x14ac:dyDescent="0.2">
      <c r="C53" s="5" t="s">
        <v>59</v>
      </c>
      <c r="D53" s="6" t="s">
        <v>58</v>
      </c>
      <c r="E53" s="8"/>
      <c r="F53" s="8"/>
      <c r="G53" s="8"/>
      <c r="H53" s="8"/>
      <c r="I53" s="8"/>
      <c r="J53" s="8"/>
      <c r="K53" s="8"/>
      <c r="L53" s="8"/>
      <c r="M53" s="8"/>
      <c r="N53" s="8"/>
      <c r="O53" s="8"/>
      <c r="P53" s="8"/>
      <c r="Q53" s="8"/>
      <c r="R53" s="8"/>
      <c r="S53" s="8"/>
      <c r="T53" s="8"/>
      <c r="U53" s="8"/>
      <c r="V53" s="8"/>
      <c r="W53" s="8"/>
      <c r="X53" s="8"/>
      <c r="Y53" s="8"/>
      <c r="Z53" s="8"/>
      <c r="AA53" s="8"/>
      <c r="AB53" s="8"/>
      <c r="AC53" s="8"/>
      <c r="AD53" s="8"/>
      <c r="AE53" s="8"/>
      <c r="AF53" s="8"/>
      <c r="AG53" s="8"/>
      <c r="AH53" s="8"/>
      <c r="AI53" s="8"/>
      <c r="AJ53" s="8"/>
      <c r="AK53" s="8"/>
      <c r="AL53" s="8"/>
      <c r="AM53" s="8"/>
      <c r="AN53" s="8"/>
      <c r="AO53" s="8"/>
      <c r="AP53" s="8"/>
      <c r="AQ53" s="8"/>
      <c r="AR53" s="8"/>
      <c r="AS53" s="8"/>
      <c r="AT53" s="8"/>
      <c r="AU53" s="8"/>
      <c r="AV53" s="8"/>
      <c r="AW53" s="8"/>
      <c r="AX53" s="8"/>
      <c r="AY53" s="8"/>
      <c r="AZ53" s="8"/>
      <c r="BA53" s="8"/>
      <c r="BB53" s="8"/>
      <c r="BC53" s="8"/>
      <c r="BD53" s="8"/>
      <c r="BE53" s="8"/>
    </row>
    <row r="54" spans="3:57" x14ac:dyDescent="0.2">
      <c r="C54" s="5" t="s">
        <v>60</v>
      </c>
      <c r="D54" s="6" t="s">
        <v>58</v>
      </c>
      <c r="E54" s="8"/>
      <c r="F54" s="8"/>
      <c r="G54" s="8"/>
      <c r="H54" s="8"/>
      <c r="I54" s="8"/>
      <c r="J54" s="8"/>
      <c r="K54" s="8"/>
      <c r="L54" s="8"/>
      <c r="M54" s="8"/>
      <c r="N54" s="8"/>
      <c r="O54" s="8"/>
      <c r="P54" s="8"/>
      <c r="Q54" s="8"/>
      <c r="R54" s="8"/>
      <c r="S54" s="8"/>
      <c r="T54" s="8"/>
      <c r="U54" s="8"/>
      <c r="V54" s="8"/>
      <c r="W54" s="8"/>
      <c r="X54" s="8"/>
      <c r="Y54" s="8"/>
      <c r="Z54" s="8"/>
      <c r="AA54" s="8"/>
      <c r="AB54" s="8"/>
      <c r="AC54" s="8"/>
      <c r="AD54" s="8"/>
      <c r="AE54" s="8"/>
      <c r="AF54" s="8"/>
      <c r="AG54" s="8"/>
      <c r="AH54" s="8"/>
      <c r="AI54" s="8"/>
      <c r="AJ54" s="8"/>
      <c r="AK54" s="8"/>
      <c r="AL54" s="8"/>
      <c r="AM54" s="8"/>
      <c r="AN54" s="8"/>
      <c r="AO54" s="8"/>
      <c r="AP54" s="8"/>
      <c r="AQ54" s="8"/>
      <c r="AR54" s="8"/>
      <c r="AS54" s="8"/>
      <c r="AT54" s="8"/>
      <c r="AU54" s="8"/>
      <c r="AV54" s="8"/>
      <c r="AW54" s="8"/>
      <c r="AX54" s="8"/>
      <c r="AY54" s="8"/>
      <c r="AZ54" s="8"/>
      <c r="BA54" s="8"/>
      <c r="BB54" s="8"/>
      <c r="BC54" s="8"/>
      <c r="BD54" s="8"/>
      <c r="BE54" s="8"/>
    </row>
    <row r="55" spans="3:57" x14ac:dyDescent="0.2">
      <c r="C55" s="5" t="s">
        <v>61</v>
      </c>
      <c r="D55" s="6" t="s">
        <v>58</v>
      </c>
      <c r="E55" s="8"/>
      <c r="F55" s="8"/>
      <c r="G55" s="8"/>
      <c r="H55" s="8"/>
      <c r="I55" s="8"/>
      <c r="J55" s="8"/>
      <c r="K55" s="8"/>
      <c r="L55" s="8"/>
      <c r="M55" s="8"/>
      <c r="N55" s="8"/>
      <c r="O55" s="8"/>
      <c r="P55" s="8"/>
      <c r="Q55" s="8"/>
      <c r="R55" s="8"/>
      <c r="S55" s="8"/>
      <c r="T55" s="8"/>
      <c r="U55" s="8"/>
      <c r="V55" s="8"/>
      <c r="W55" s="8"/>
      <c r="X55" s="8"/>
      <c r="Y55" s="8"/>
      <c r="Z55" s="8"/>
      <c r="AA55" s="8"/>
      <c r="AB55" s="8"/>
      <c r="AC55" s="8"/>
      <c r="AD55" s="8"/>
      <c r="AE55" s="8"/>
      <c r="AF55" s="8"/>
      <c r="AG55" s="8"/>
      <c r="AH55" s="8"/>
      <c r="AI55" s="8"/>
      <c r="AJ55" s="8"/>
      <c r="AK55" s="8"/>
      <c r="AL55" s="8"/>
      <c r="AM55" s="8"/>
      <c r="AN55" s="8"/>
      <c r="AO55" s="8"/>
      <c r="AP55" s="8"/>
      <c r="AQ55" s="8"/>
      <c r="AR55" s="8"/>
      <c r="AS55" s="8"/>
      <c r="AT55" s="8"/>
      <c r="AU55" s="8"/>
      <c r="AV55" s="8"/>
      <c r="AW55" s="8"/>
      <c r="AX55" s="8"/>
      <c r="AY55" s="8"/>
      <c r="AZ55" s="8"/>
      <c r="BA55" s="8"/>
      <c r="BB55" s="8"/>
      <c r="BC55" s="8"/>
      <c r="BD55" s="8"/>
      <c r="BE55" s="8"/>
    </row>
    <row r="56" spans="3:57" x14ac:dyDescent="0.2">
      <c r="C56" s="5" t="s">
        <v>62</v>
      </c>
      <c r="D56" s="6" t="s">
        <v>58</v>
      </c>
      <c r="E56" s="8"/>
      <c r="F56" s="8"/>
      <c r="G56" s="8"/>
      <c r="H56" s="8"/>
      <c r="I56" s="8"/>
      <c r="J56" s="8"/>
      <c r="K56" s="8"/>
      <c r="L56" s="8"/>
      <c r="M56" s="8"/>
      <c r="N56" s="8"/>
      <c r="O56" s="8"/>
      <c r="P56" s="8"/>
      <c r="Q56" s="8"/>
      <c r="R56" s="8"/>
      <c r="S56" s="8"/>
      <c r="T56" s="8"/>
      <c r="U56" s="8"/>
      <c r="V56" s="8"/>
      <c r="W56" s="8"/>
      <c r="X56" s="8"/>
      <c r="Y56" s="8"/>
      <c r="Z56" s="8"/>
      <c r="AA56" s="8"/>
      <c r="AB56" s="8"/>
      <c r="AC56" s="8"/>
      <c r="AD56" s="8"/>
      <c r="AE56" s="8"/>
      <c r="AF56" s="8"/>
      <c r="AG56" s="8"/>
      <c r="AH56" s="8"/>
      <c r="AI56" s="8"/>
      <c r="AJ56" s="8"/>
      <c r="AK56" s="8"/>
      <c r="AL56" s="8"/>
      <c r="AM56" s="8"/>
      <c r="AN56" s="8"/>
      <c r="AO56" s="8"/>
      <c r="AP56" s="8"/>
      <c r="AQ56" s="8"/>
      <c r="AR56" s="8"/>
      <c r="AS56" s="8"/>
      <c r="AT56" s="8"/>
      <c r="AU56" s="8"/>
      <c r="AV56" s="8"/>
      <c r="AW56" s="8"/>
      <c r="AX56" s="8"/>
      <c r="AY56" s="8"/>
      <c r="AZ56" s="8"/>
      <c r="BA56" s="8"/>
      <c r="BB56" s="8"/>
      <c r="BC56" s="8"/>
      <c r="BD56" s="8"/>
      <c r="BE56" s="8"/>
    </row>
    <row r="57" spans="3:57" x14ac:dyDescent="0.2">
      <c r="C57" s="5" t="s">
        <v>63</v>
      </c>
      <c r="D57" s="6" t="s">
        <v>58</v>
      </c>
      <c r="E57" s="8">
        <v>12.01</v>
      </c>
      <c r="F57" s="8">
        <v>14.8</v>
      </c>
      <c r="G57" s="8">
        <v>10.57</v>
      </c>
      <c r="H57" s="8">
        <v>9</v>
      </c>
      <c r="I57" s="8">
        <v>8.16</v>
      </c>
      <c r="J57" s="8">
        <v>7.6</v>
      </c>
      <c r="K57" s="8">
        <v>8.48</v>
      </c>
      <c r="L57" s="8">
        <v>8.41</v>
      </c>
      <c r="M57" s="8">
        <v>8.99</v>
      </c>
      <c r="N57" s="8">
        <v>9.64</v>
      </c>
      <c r="O57" s="8">
        <v>9.1199999999999992</v>
      </c>
      <c r="P57" s="8">
        <v>8.1</v>
      </c>
      <c r="Q57" s="8">
        <v>8.26</v>
      </c>
      <c r="R57" s="8">
        <v>7.9535958765089196</v>
      </c>
      <c r="S57" s="8">
        <v>8.59</v>
      </c>
      <c r="T57" s="8">
        <v>8.77</v>
      </c>
      <c r="U57" s="8">
        <v>9.2799999999999994</v>
      </c>
      <c r="V57" s="8">
        <v>8.8000000000000007</v>
      </c>
      <c r="W57" s="8">
        <v>9.23</v>
      </c>
      <c r="X57" s="8">
        <v>8.94</v>
      </c>
      <c r="Y57" s="8">
        <v>8.56</v>
      </c>
      <c r="Z57" s="8">
        <v>7.39</v>
      </c>
      <c r="AA57" s="8">
        <v>7.06</v>
      </c>
      <c r="AB57" s="8">
        <v>7.13</v>
      </c>
      <c r="AC57" s="8">
        <v>7.63</v>
      </c>
      <c r="AD57" s="8">
        <v>7.35</v>
      </c>
      <c r="AE57" s="8">
        <v>7.74</v>
      </c>
      <c r="AF57" s="8">
        <v>8.07</v>
      </c>
      <c r="AG57" s="8">
        <v>7.95</v>
      </c>
      <c r="AH57" s="8">
        <v>7.24</v>
      </c>
      <c r="AI57" s="8">
        <v>5.5</v>
      </c>
      <c r="AJ57" s="8">
        <v>7.13</v>
      </c>
      <c r="AK57" s="8">
        <v>8.56</v>
      </c>
      <c r="AL57" s="8">
        <v>9.16</v>
      </c>
      <c r="AM57" s="8">
        <v>8.6999999999999993</v>
      </c>
      <c r="AN57" s="8">
        <v>8.2200000000000006</v>
      </c>
      <c r="AO57" s="8">
        <v>7.59</v>
      </c>
      <c r="AP57" s="8">
        <v>7.27</v>
      </c>
      <c r="AQ57" s="8">
        <v>8.73</v>
      </c>
      <c r="AR57" s="8">
        <v>8.7899999999999991</v>
      </c>
      <c r="AS57" s="8">
        <v>9.11</v>
      </c>
      <c r="AT57" s="8">
        <v>8.42</v>
      </c>
      <c r="AU57" s="8">
        <v>8.67</v>
      </c>
      <c r="AV57" s="8">
        <v>9.44</v>
      </c>
      <c r="AW57" s="8">
        <v>10.26</v>
      </c>
      <c r="AX57" s="8">
        <v>9.39</v>
      </c>
      <c r="AY57" s="8">
        <v>7.9</v>
      </c>
      <c r="AZ57" s="8">
        <v>8.41</v>
      </c>
      <c r="BA57" s="8">
        <v>8.92</v>
      </c>
      <c r="BB57" s="8">
        <v>8.9600000000000009</v>
      </c>
      <c r="BC57" s="8">
        <v>10.39</v>
      </c>
      <c r="BD57" s="8">
        <v>12.99</v>
      </c>
      <c r="BE57" s="8">
        <v>13.37</v>
      </c>
    </row>
    <row r="58" spans="3:57" x14ac:dyDescent="0.2">
      <c r="C58" s="5" t="s">
        <v>64</v>
      </c>
      <c r="D58" s="6" t="s">
        <v>58</v>
      </c>
      <c r="E58" s="8">
        <v>7.71</v>
      </c>
      <c r="F58" s="8">
        <v>8.27</v>
      </c>
      <c r="G58" s="8">
        <v>8.5299999999999994</v>
      </c>
      <c r="H58" s="8">
        <v>6.19</v>
      </c>
      <c r="I58" s="8">
        <v>5.28</v>
      </c>
      <c r="J58" s="8">
        <v>5.36</v>
      </c>
      <c r="K58" s="8">
        <v>5.35</v>
      </c>
      <c r="L58" s="8">
        <v>4.8</v>
      </c>
      <c r="M58" s="8">
        <v>4.51</v>
      </c>
      <c r="N58" s="8">
        <v>6.29</v>
      </c>
      <c r="O58" s="8">
        <v>5.07</v>
      </c>
      <c r="P58" s="8">
        <v>4.96</v>
      </c>
      <c r="Q58" s="8">
        <v>5.04</v>
      </c>
      <c r="R58" s="8">
        <v>5.3220583678976565</v>
      </c>
      <c r="S58" s="8">
        <v>5.17</v>
      </c>
      <c r="T58" s="8">
        <v>5.03</v>
      </c>
      <c r="U58" s="8">
        <v>5.67</v>
      </c>
      <c r="V58" s="8">
        <v>6.02</v>
      </c>
      <c r="W58" s="8">
        <v>5.18</v>
      </c>
      <c r="X58" s="8">
        <v>5.6</v>
      </c>
      <c r="Y58" s="8">
        <v>4.76</v>
      </c>
      <c r="Z58" s="8">
        <v>4.08</v>
      </c>
      <c r="AA58" s="8">
        <v>3.95</v>
      </c>
      <c r="AB58" s="8">
        <v>4.41</v>
      </c>
      <c r="AC58" s="8">
        <v>4.5</v>
      </c>
      <c r="AD58" s="8">
        <v>3.94</v>
      </c>
      <c r="AE58" s="8">
        <v>4.38</v>
      </c>
      <c r="AF58" s="8">
        <v>4.75</v>
      </c>
      <c r="AG58" s="8">
        <v>4.7300000000000004</v>
      </c>
      <c r="AH58" s="8">
        <v>4.55</v>
      </c>
      <c r="AI58" s="8">
        <v>3.79</v>
      </c>
      <c r="AJ58" s="8">
        <v>4.28</v>
      </c>
      <c r="AK58" s="8">
        <v>5.27</v>
      </c>
      <c r="AL58" s="8">
        <v>5.55</v>
      </c>
      <c r="AM58" s="8">
        <v>5.89</v>
      </c>
      <c r="AN58" s="8">
        <v>5.25</v>
      </c>
      <c r="AO58" s="8">
        <v>5.41</v>
      </c>
      <c r="AP58" s="8">
        <v>4.74</v>
      </c>
      <c r="AQ58" s="8">
        <v>5.88</v>
      </c>
      <c r="AR58" s="8">
        <v>5.48</v>
      </c>
      <c r="AS58" s="8">
        <v>5.65</v>
      </c>
      <c r="AT58" s="8">
        <v>5.69</v>
      </c>
      <c r="AU58" s="8">
        <v>5.64</v>
      </c>
      <c r="AV58" s="8">
        <v>6.46</v>
      </c>
      <c r="AW58" s="8">
        <v>6.81</v>
      </c>
      <c r="AX58" s="8">
        <v>6.02</v>
      </c>
      <c r="AY58" s="8">
        <v>5.23</v>
      </c>
      <c r="AZ58" s="8">
        <v>5.61</v>
      </c>
      <c r="BA58" s="8">
        <v>5.72</v>
      </c>
      <c r="BB58" s="8">
        <v>6.16</v>
      </c>
      <c r="BC58" s="8">
        <v>6.13</v>
      </c>
      <c r="BD58" s="8">
        <v>7.24</v>
      </c>
      <c r="BE58" s="8">
        <v>7.48</v>
      </c>
    </row>
    <row r="59" spans="3:57" x14ac:dyDescent="0.2">
      <c r="C59" s="5" t="s">
        <v>65</v>
      </c>
      <c r="D59" s="6" t="s">
        <v>58</v>
      </c>
      <c r="E59" s="8">
        <v>1.7</v>
      </c>
      <c r="F59" s="8">
        <v>1.71</v>
      </c>
      <c r="G59" s="8">
        <v>1.55</v>
      </c>
      <c r="H59" s="8">
        <v>1.67</v>
      </c>
      <c r="I59" s="8">
        <v>1.46</v>
      </c>
      <c r="J59" s="8">
        <v>1.44</v>
      </c>
      <c r="K59" s="8">
        <v>1.7</v>
      </c>
      <c r="L59" s="8">
        <v>1.77</v>
      </c>
      <c r="M59" s="8">
        <v>1.9</v>
      </c>
      <c r="N59" s="8">
        <v>1.84</v>
      </c>
      <c r="O59" s="8">
        <v>1.58</v>
      </c>
      <c r="P59" s="8">
        <v>1.58</v>
      </c>
      <c r="Q59" s="8">
        <v>1.82</v>
      </c>
      <c r="R59" s="8">
        <v>1.51</v>
      </c>
      <c r="S59" s="8">
        <v>1.45</v>
      </c>
      <c r="T59" s="8">
        <v>1.68</v>
      </c>
      <c r="U59" s="8">
        <v>1.38</v>
      </c>
      <c r="V59" s="8">
        <v>1.45</v>
      </c>
      <c r="W59" s="8">
        <v>1.77</v>
      </c>
      <c r="X59" s="8">
        <v>1.64</v>
      </c>
      <c r="Y59" s="8">
        <v>1.48</v>
      </c>
      <c r="Z59" s="8">
        <v>1.55</v>
      </c>
      <c r="AA59" s="8">
        <v>1.47</v>
      </c>
      <c r="AB59" s="8">
        <v>1.59</v>
      </c>
      <c r="AC59" s="8">
        <v>1.47</v>
      </c>
      <c r="AD59" s="8">
        <v>1.52</v>
      </c>
      <c r="AE59" s="8">
        <v>1.65</v>
      </c>
      <c r="AF59" s="8">
        <v>1.72</v>
      </c>
      <c r="AG59" s="8">
        <v>1.75</v>
      </c>
      <c r="AH59" s="8">
        <v>1.45</v>
      </c>
      <c r="AI59" s="8">
        <v>1.39</v>
      </c>
      <c r="AJ59" s="8">
        <v>1.45</v>
      </c>
      <c r="AK59" s="8">
        <v>1.6</v>
      </c>
      <c r="AL59" s="8">
        <v>1.59</v>
      </c>
      <c r="AM59" s="8">
        <v>1.46</v>
      </c>
      <c r="AN59" s="8">
        <v>1.37</v>
      </c>
      <c r="AO59" s="8">
        <v>1.4</v>
      </c>
      <c r="AP59" s="8">
        <v>1.51</v>
      </c>
      <c r="AQ59" s="8">
        <v>1.1599999999999999</v>
      </c>
      <c r="AR59" s="8">
        <v>1.1299999999999999</v>
      </c>
      <c r="AS59" s="8">
        <v>1.27</v>
      </c>
      <c r="AT59" s="8">
        <v>1.33</v>
      </c>
      <c r="AU59" s="8">
        <v>1.47</v>
      </c>
      <c r="AV59" s="8">
        <v>1.56</v>
      </c>
      <c r="AW59" s="8">
        <v>1.38</v>
      </c>
      <c r="AX59" s="8">
        <v>1.43</v>
      </c>
      <c r="AY59" s="8">
        <v>1.49</v>
      </c>
      <c r="AZ59" s="8">
        <v>1.37</v>
      </c>
      <c r="BA59" s="8">
        <v>1.58</v>
      </c>
      <c r="BB59" s="8">
        <v>1.54</v>
      </c>
      <c r="BC59" s="8">
        <v>1.54</v>
      </c>
      <c r="BD59" s="8">
        <v>2.0099999999999998</v>
      </c>
      <c r="BE59" s="8">
        <v>1.81</v>
      </c>
    </row>
    <row r="60" spans="3:57" x14ac:dyDescent="0.2">
      <c r="C60" s="5" t="s">
        <v>66</v>
      </c>
      <c r="D60" s="6" t="s">
        <v>58</v>
      </c>
      <c r="E60" s="8">
        <v>4.2699999999999996</v>
      </c>
      <c r="F60" s="8">
        <v>3.02</v>
      </c>
      <c r="G60" s="8">
        <v>2.19</v>
      </c>
      <c r="H60" s="8">
        <v>3.38</v>
      </c>
      <c r="I60" s="8">
        <v>3.01</v>
      </c>
      <c r="J60" s="8">
        <v>2.81</v>
      </c>
      <c r="K60" s="8">
        <v>2.84</v>
      </c>
      <c r="L60" s="8">
        <v>2.88</v>
      </c>
      <c r="M60" s="8">
        <v>2.96</v>
      </c>
      <c r="N60" s="8">
        <v>2.72</v>
      </c>
      <c r="O60" s="8">
        <v>2.58</v>
      </c>
      <c r="P60" s="8">
        <v>2.44</v>
      </c>
      <c r="Q60" s="8">
        <v>2.79</v>
      </c>
      <c r="R60" s="8">
        <v>2.6504980965773695</v>
      </c>
      <c r="S60" s="8">
        <v>3.06</v>
      </c>
      <c r="T60" s="8">
        <v>3.52</v>
      </c>
      <c r="U60" s="8">
        <v>2.86</v>
      </c>
      <c r="V60" s="8">
        <v>2.36</v>
      </c>
      <c r="W60" s="8">
        <v>4.2</v>
      </c>
      <c r="X60" s="8">
        <v>2.75</v>
      </c>
      <c r="Y60" s="8">
        <v>2.31</v>
      </c>
      <c r="Z60" s="8">
        <v>2.8</v>
      </c>
      <c r="AA60" s="8">
        <v>2.46</v>
      </c>
      <c r="AB60" s="8">
        <v>2.2999999999999998</v>
      </c>
      <c r="AC60" s="8">
        <v>2.82</v>
      </c>
      <c r="AD60" s="8">
        <v>2.56</v>
      </c>
      <c r="AE60" s="8">
        <v>2.94</v>
      </c>
      <c r="AF60" s="8">
        <v>3.2</v>
      </c>
      <c r="AG60" s="8">
        <v>3.39</v>
      </c>
      <c r="AH60" s="8">
        <v>2.4300000000000002</v>
      </c>
      <c r="AI60" s="8">
        <v>2.85</v>
      </c>
      <c r="AJ60" s="8">
        <v>3.36</v>
      </c>
      <c r="AK60" s="8">
        <v>3.66</v>
      </c>
      <c r="AL60" s="8">
        <v>3.37</v>
      </c>
      <c r="AM60" s="8">
        <v>3.5</v>
      </c>
      <c r="AN60" s="8">
        <v>3.96</v>
      </c>
      <c r="AO60" s="8">
        <v>3.25</v>
      </c>
      <c r="AP60" s="8">
        <v>3.48</v>
      </c>
      <c r="AQ60" s="8">
        <v>2.87</v>
      </c>
      <c r="AR60" s="8">
        <v>2.89</v>
      </c>
      <c r="AS60" s="8">
        <v>2.88</v>
      </c>
      <c r="AT60" s="8">
        <v>3.02</v>
      </c>
      <c r="AU60" s="8">
        <v>2.84</v>
      </c>
      <c r="AV60" s="8">
        <v>3.92</v>
      </c>
      <c r="AW60" s="8">
        <v>3.52</v>
      </c>
      <c r="AX60" s="8">
        <v>3.2</v>
      </c>
      <c r="AY60" s="8">
        <v>3.89</v>
      </c>
      <c r="AZ60" s="8">
        <v>2.84</v>
      </c>
      <c r="BA60" s="8">
        <v>3.29</v>
      </c>
      <c r="BB60" s="8">
        <v>2.91</v>
      </c>
      <c r="BC60" s="8">
        <v>3.16</v>
      </c>
      <c r="BD60" s="8">
        <v>3.94</v>
      </c>
      <c r="BE60" s="8">
        <v>4.2300000000000004</v>
      </c>
    </row>
    <row r="61" spans="3:57" x14ac:dyDescent="0.2">
      <c r="C61" s="5" t="s">
        <v>67</v>
      </c>
      <c r="D61" s="6" t="s">
        <v>58</v>
      </c>
      <c r="E61" s="8">
        <v>6.16</v>
      </c>
      <c r="F61" s="8">
        <v>7.72</v>
      </c>
      <c r="G61" s="8">
        <v>7.32</v>
      </c>
      <c r="H61" s="8">
        <v>7.96</v>
      </c>
      <c r="I61" s="8">
        <v>6.38</v>
      </c>
      <c r="J61" s="8">
        <v>5.6</v>
      </c>
      <c r="K61" s="8">
        <v>6.34</v>
      </c>
      <c r="L61" s="8">
        <v>5.56</v>
      </c>
      <c r="M61" s="8">
        <v>4.6100000000000003</v>
      </c>
      <c r="N61" s="8">
        <v>5.8</v>
      </c>
      <c r="O61" s="8">
        <v>5.7</v>
      </c>
      <c r="P61" s="8">
        <v>5.6</v>
      </c>
      <c r="Q61" s="8">
        <v>6.62</v>
      </c>
      <c r="R61" s="8">
        <v>7.1835544116816363</v>
      </c>
      <c r="S61" s="8">
        <v>5.3</v>
      </c>
      <c r="T61" s="8">
        <v>5.27</v>
      </c>
      <c r="U61" s="8">
        <v>5.46</v>
      </c>
      <c r="V61" s="8">
        <v>5.74</v>
      </c>
      <c r="W61" s="8">
        <v>5.63</v>
      </c>
      <c r="X61" s="8">
        <v>6.24</v>
      </c>
      <c r="Y61" s="8">
        <v>5.17</v>
      </c>
      <c r="Z61" s="8">
        <v>5.0199999999999996</v>
      </c>
      <c r="AA61" s="8">
        <v>4.47</v>
      </c>
      <c r="AB61" s="8">
        <v>4.41</v>
      </c>
      <c r="AC61" s="8">
        <v>4.59</v>
      </c>
      <c r="AD61" s="8">
        <v>3.99</v>
      </c>
      <c r="AE61" s="8">
        <v>4.79</v>
      </c>
      <c r="AF61" s="8">
        <v>5.42</v>
      </c>
      <c r="AG61" s="8">
        <v>5.46</v>
      </c>
      <c r="AH61" s="8">
        <v>4.91</v>
      </c>
      <c r="AI61" s="8">
        <v>4.7</v>
      </c>
      <c r="AJ61" s="8">
        <v>4.95</v>
      </c>
      <c r="AK61" s="8">
        <v>4.75</v>
      </c>
      <c r="AL61" s="8">
        <v>5.28</v>
      </c>
      <c r="AM61" s="8">
        <v>6.01</v>
      </c>
      <c r="AN61" s="8">
        <v>7.14</v>
      </c>
      <c r="AO61" s="8">
        <v>6.28</v>
      </c>
      <c r="AP61" s="8">
        <v>5.0999999999999996</v>
      </c>
      <c r="AQ61" s="8">
        <v>6.29</v>
      </c>
      <c r="AR61" s="8">
        <v>5.93</v>
      </c>
      <c r="AS61" s="8">
        <v>6.01</v>
      </c>
      <c r="AT61" s="8">
        <v>6.34</v>
      </c>
      <c r="AU61" s="8">
        <v>5.26</v>
      </c>
      <c r="AV61" s="8">
        <v>6.42</v>
      </c>
      <c r="AW61" s="8">
        <v>8.24</v>
      </c>
      <c r="AX61" s="8">
        <v>6.89</v>
      </c>
      <c r="AY61" s="8">
        <v>6.13</v>
      </c>
      <c r="AZ61" s="8">
        <v>6.2</v>
      </c>
      <c r="BA61" s="8">
        <v>5.88</v>
      </c>
      <c r="BB61" s="8">
        <v>6.51</v>
      </c>
      <c r="BC61" s="8">
        <v>5.97</v>
      </c>
      <c r="BD61" s="8">
        <v>6.98</v>
      </c>
      <c r="BE61" s="8">
        <v>7.86</v>
      </c>
    </row>
    <row r="62" spans="3:57" x14ac:dyDescent="0.2">
      <c r="C62" s="5" t="s">
        <v>68</v>
      </c>
      <c r="D62" s="6" t="s">
        <v>58</v>
      </c>
      <c r="E62" s="8">
        <v>4.1399999999999997</v>
      </c>
      <c r="F62" s="8">
        <v>2.7</v>
      </c>
      <c r="G62" s="8">
        <v>3.18</v>
      </c>
      <c r="H62" s="8">
        <v>2.2000000000000002</v>
      </c>
      <c r="I62" s="8">
        <v>2.5499999999999998</v>
      </c>
      <c r="J62" s="8">
        <v>2.46</v>
      </c>
      <c r="K62" s="8">
        <v>2.69</v>
      </c>
      <c r="L62" s="8">
        <v>3.18</v>
      </c>
      <c r="M62" s="8">
        <v>3.5</v>
      </c>
      <c r="N62" s="8">
        <v>3.19</v>
      </c>
      <c r="O62" s="8">
        <v>2.44</v>
      </c>
      <c r="P62" s="8">
        <v>2.2799999999999998</v>
      </c>
      <c r="Q62" s="8">
        <v>2.16</v>
      </c>
      <c r="R62" s="8">
        <v>2.5625583575513264</v>
      </c>
      <c r="S62" s="8">
        <v>2.31</v>
      </c>
      <c r="T62" s="8">
        <v>2.4700000000000002</v>
      </c>
      <c r="U62" s="8">
        <v>2.42</v>
      </c>
      <c r="V62" s="8">
        <v>2.12</v>
      </c>
      <c r="W62" s="8">
        <v>2.09</v>
      </c>
      <c r="X62" s="8">
        <v>2.11</v>
      </c>
      <c r="Y62" s="8">
        <v>2.08</v>
      </c>
      <c r="Z62" s="8">
        <v>1.87</v>
      </c>
      <c r="AA62" s="8">
        <v>1.75</v>
      </c>
      <c r="AB62" s="8">
        <v>1.74</v>
      </c>
      <c r="AC62" s="8">
        <v>1.82</v>
      </c>
      <c r="AD62" s="8">
        <v>2.33</v>
      </c>
      <c r="AE62" s="8">
        <v>2.52</v>
      </c>
      <c r="AF62" s="8">
        <v>2.7</v>
      </c>
      <c r="AG62" s="8">
        <v>2.95</v>
      </c>
      <c r="AH62" s="8">
        <v>2.04</v>
      </c>
      <c r="AI62" s="8">
        <v>1.96</v>
      </c>
      <c r="AJ62" s="8">
        <v>1.98</v>
      </c>
      <c r="AK62" s="8">
        <v>2.21</v>
      </c>
      <c r="AL62" s="8">
        <v>2.27</v>
      </c>
      <c r="AM62" s="8">
        <v>2.37</v>
      </c>
      <c r="AN62" s="8">
        <v>2.65</v>
      </c>
      <c r="AO62" s="8">
        <v>2.2599999999999998</v>
      </c>
      <c r="AP62" s="8">
        <v>2.0499999999999998</v>
      </c>
      <c r="AQ62" s="8">
        <v>1.91</v>
      </c>
      <c r="AR62" s="8">
        <v>1.85</v>
      </c>
      <c r="AS62" s="8">
        <v>1.88</v>
      </c>
      <c r="AT62" s="8">
        <v>2.3199999999999998</v>
      </c>
      <c r="AU62" s="8">
        <v>2.48</v>
      </c>
      <c r="AV62" s="8">
        <v>2.64</v>
      </c>
      <c r="AW62" s="8">
        <v>2.72</v>
      </c>
      <c r="AX62" s="8">
        <v>2.25</v>
      </c>
      <c r="AY62" s="8">
        <v>2.52</v>
      </c>
      <c r="AZ62" s="8">
        <v>2.1</v>
      </c>
      <c r="BA62" s="8">
        <v>2.09</v>
      </c>
      <c r="BB62" s="8">
        <v>2.44</v>
      </c>
      <c r="BC62" s="8">
        <v>1.82</v>
      </c>
      <c r="BD62" s="8">
        <v>2.5099999999999998</v>
      </c>
      <c r="BE62" s="8">
        <v>2.61</v>
      </c>
    </row>
    <row r="63" spans="3:57" x14ac:dyDescent="0.2">
      <c r="C63" s="5" t="s">
        <v>69</v>
      </c>
      <c r="D63" s="6" t="s">
        <v>58</v>
      </c>
      <c r="E63" s="8">
        <v>1.95</v>
      </c>
      <c r="F63" s="8">
        <v>1.81</v>
      </c>
      <c r="G63" s="8">
        <v>2.08</v>
      </c>
      <c r="H63" s="8">
        <v>1.6</v>
      </c>
      <c r="I63" s="8">
        <v>1.31</v>
      </c>
      <c r="J63" s="8">
        <v>1.41</v>
      </c>
      <c r="K63" s="8">
        <v>1.65</v>
      </c>
      <c r="L63" s="8">
        <v>1.47</v>
      </c>
      <c r="M63" s="8">
        <v>1.83</v>
      </c>
      <c r="N63" s="8">
        <v>1.98</v>
      </c>
      <c r="O63" s="8">
        <v>1.73</v>
      </c>
      <c r="P63" s="8">
        <v>1.62</v>
      </c>
      <c r="Q63" s="8">
        <v>1.74</v>
      </c>
      <c r="R63" s="8">
        <v>1.5989814950974579</v>
      </c>
      <c r="S63" s="8">
        <v>1.76</v>
      </c>
      <c r="T63" s="8">
        <v>1.83</v>
      </c>
      <c r="U63" s="8">
        <v>1.73</v>
      </c>
      <c r="V63" s="8">
        <v>1.4</v>
      </c>
      <c r="W63" s="8">
        <v>1.82</v>
      </c>
      <c r="X63" s="8">
        <v>1.51</v>
      </c>
      <c r="Y63" s="8">
        <v>1.43</v>
      </c>
      <c r="Z63" s="8">
        <v>1.53</v>
      </c>
      <c r="AA63" s="8">
        <v>1.4</v>
      </c>
      <c r="AB63" s="8">
        <v>1.28</v>
      </c>
      <c r="AC63" s="8">
        <v>1.4</v>
      </c>
      <c r="AD63" s="8">
        <v>1.35</v>
      </c>
      <c r="AE63" s="8">
        <v>1.43</v>
      </c>
      <c r="AF63" s="8">
        <v>1.52</v>
      </c>
      <c r="AG63" s="8">
        <v>1.57</v>
      </c>
      <c r="AH63" s="8">
        <v>1.4</v>
      </c>
      <c r="AI63" s="8">
        <v>1.32</v>
      </c>
      <c r="AJ63" s="8">
        <v>1.31</v>
      </c>
      <c r="AK63" s="8">
        <v>1.44</v>
      </c>
      <c r="AL63" s="8">
        <v>1.48</v>
      </c>
      <c r="AM63" s="8">
        <v>1.6</v>
      </c>
      <c r="AN63" s="8">
        <v>1.49</v>
      </c>
      <c r="AO63" s="8">
        <v>1.23</v>
      </c>
      <c r="AP63" s="8">
        <v>1.22</v>
      </c>
      <c r="AQ63" s="8">
        <v>1.32</v>
      </c>
      <c r="AR63" s="8">
        <v>1.32</v>
      </c>
      <c r="AS63" s="8">
        <v>1.58</v>
      </c>
      <c r="AT63" s="8">
        <v>1.47</v>
      </c>
      <c r="AU63" s="8">
        <v>1.44</v>
      </c>
      <c r="AV63" s="8">
        <v>1.54</v>
      </c>
      <c r="AW63" s="8">
        <v>1.4</v>
      </c>
      <c r="AX63" s="8">
        <v>1.29</v>
      </c>
      <c r="AY63" s="8">
        <v>1.35</v>
      </c>
      <c r="AZ63" s="8">
        <v>1.1399999999999999</v>
      </c>
      <c r="BA63" s="8">
        <v>1.38</v>
      </c>
      <c r="BB63" s="8">
        <v>1.42</v>
      </c>
      <c r="BC63" s="8">
        <v>1.29</v>
      </c>
      <c r="BD63" s="8">
        <v>1.29</v>
      </c>
      <c r="BE63" s="8">
        <v>1.32</v>
      </c>
    </row>
    <row r="64" spans="3:57" x14ac:dyDescent="0.2">
      <c r="C64" s="5" t="s">
        <v>70</v>
      </c>
      <c r="D64" s="6" t="s">
        <v>58</v>
      </c>
      <c r="E64" s="8"/>
      <c r="F64" s="8"/>
      <c r="G64" s="8"/>
      <c r="H64" s="8"/>
      <c r="I64" s="8"/>
      <c r="J64" s="8"/>
      <c r="K64" s="8"/>
      <c r="L64" s="8"/>
      <c r="M64" s="8"/>
      <c r="N64" s="8"/>
      <c r="O64" s="8"/>
      <c r="P64" s="8"/>
      <c r="Q64" s="8"/>
      <c r="R64" s="8"/>
      <c r="S64" s="8"/>
      <c r="T64" s="8"/>
      <c r="U64" s="8"/>
      <c r="V64" s="8"/>
      <c r="W64" s="8"/>
      <c r="X64" s="8"/>
      <c r="Y64" s="8"/>
      <c r="Z64" s="8"/>
      <c r="AA64" s="8"/>
      <c r="AB64" s="8"/>
      <c r="AC64" s="8"/>
      <c r="AD64" s="8"/>
      <c r="AE64" s="8"/>
      <c r="AF64" s="8"/>
      <c r="AG64" s="8"/>
      <c r="AH64" s="8"/>
      <c r="AI64" s="8"/>
      <c r="AJ64" s="8"/>
      <c r="AK64" s="8"/>
      <c r="AL64" s="8"/>
      <c r="AM64" s="8"/>
      <c r="AN64" s="8"/>
      <c r="AO64" s="8"/>
      <c r="AP64" s="8"/>
      <c r="AQ64" s="8"/>
      <c r="AR64" s="8"/>
      <c r="AS64" s="8"/>
      <c r="AT64" s="8"/>
      <c r="AU64" s="8"/>
      <c r="AV64" s="8"/>
      <c r="AW64" s="8"/>
      <c r="AX64" s="8"/>
      <c r="AY64" s="8"/>
      <c r="AZ64" s="8"/>
      <c r="BA64" s="8"/>
      <c r="BB64" s="8"/>
      <c r="BC64" s="8"/>
      <c r="BD64" s="8"/>
      <c r="BE64" s="8"/>
    </row>
    <row r="65" spans="3:57" x14ac:dyDescent="0.2">
      <c r="C65" s="5" t="s">
        <v>71</v>
      </c>
      <c r="D65" s="6" t="s">
        <v>58</v>
      </c>
      <c r="E65" s="8">
        <v>2.0099999999999998</v>
      </c>
      <c r="F65" s="8">
        <v>2.02</v>
      </c>
      <c r="G65" s="8">
        <v>2.1800000000000002</v>
      </c>
      <c r="H65" s="8">
        <v>2.0299999999999998</v>
      </c>
      <c r="I65" s="8">
        <v>2.0499999999999998</v>
      </c>
      <c r="J65" s="8">
        <v>2.06</v>
      </c>
      <c r="K65" s="8">
        <v>2.0499999999999998</v>
      </c>
      <c r="L65" s="8">
        <v>2.0699999999999998</v>
      </c>
      <c r="M65" s="8">
        <v>2.0699999999999998</v>
      </c>
      <c r="N65" s="8">
        <v>2.0299999999999998</v>
      </c>
      <c r="O65" s="8">
        <v>2.04</v>
      </c>
      <c r="P65" s="8">
        <v>1.99</v>
      </c>
      <c r="Q65" s="8">
        <v>2.0099999999999998</v>
      </c>
      <c r="R65" s="8">
        <v>1.981562237174096</v>
      </c>
      <c r="S65" s="8">
        <v>1.96</v>
      </c>
      <c r="T65" s="8">
        <v>1.97</v>
      </c>
      <c r="U65" s="8">
        <v>2.1</v>
      </c>
      <c r="V65" s="8">
        <v>2</v>
      </c>
      <c r="W65" s="8">
        <v>2.04</v>
      </c>
      <c r="X65" s="8">
        <v>2.02</v>
      </c>
      <c r="Y65" s="8">
        <v>2.02</v>
      </c>
      <c r="Z65" s="8">
        <v>2.02</v>
      </c>
      <c r="AA65" s="8">
        <v>2.0099999999999998</v>
      </c>
      <c r="AB65" s="8">
        <v>2</v>
      </c>
      <c r="AC65" s="8">
        <v>1.98</v>
      </c>
      <c r="AD65" s="8">
        <v>1.95</v>
      </c>
      <c r="AE65" s="8">
        <v>1.92</v>
      </c>
      <c r="AF65" s="8">
        <v>1.96</v>
      </c>
      <c r="AG65" s="8">
        <v>1.97</v>
      </c>
      <c r="AH65" s="8">
        <v>1.96</v>
      </c>
      <c r="AI65" s="8">
        <v>1.95</v>
      </c>
      <c r="AJ65" s="8">
        <v>1.93</v>
      </c>
      <c r="AK65" s="8">
        <v>1.97</v>
      </c>
      <c r="AL65" s="8">
        <v>2.0299999999999998</v>
      </c>
      <c r="AM65" s="8">
        <v>2.02</v>
      </c>
      <c r="AN65" s="8">
        <v>2.06</v>
      </c>
      <c r="AO65" s="8">
        <v>2.13</v>
      </c>
      <c r="AP65" s="8">
        <v>2.17</v>
      </c>
      <c r="AQ65" s="8">
        <v>2.16</v>
      </c>
      <c r="AR65" s="8">
        <v>2.13</v>
      </c>
      <c r="AS65" s="8">
        <v>2.14</v>
      </c>
      <c r="AT65" s="8">
        <v>2.13</v>
      </c>
      <c r="AU65" s="8">
        <v>2.14</v>
      </c>
      <c r="AV65" s="8">
        <v>2.16</v>
      </c>
      <c r="AW65" s="8">
        <v>2.15</v>
      </c>
      <c r="AX65" s="8">
        <v>2.09</v>
      </c>
      <c r="AY65" s="8">
        <v>2.12</v>
      </c>
      <c r="AZ65" s="8">
        <v>2.13</v>
      </c>
      <c r="BA65" s="8">
        <v>2.13</v>
      </c>
      <c r="BB65" s="8">
        <v>2.13</v>
      </c>
      <c r="BC65" s="8">
        <v>2.11</v>
      </c>
      <c r="BD65" s="8">
        <v>2.13</v>
      </c>
      <c r="BE65" s="8">
        <v>2.13</v>
      </c>
    </row>
    <row r="66" spans="3:57" x14ac:dyDescent="0.2">
      <c r="C66" s="5" t="s">
        <v>72</v>
      </c>
      <c r="D66" s="6" t="s">
        <v>58</v>
      </c>
      <c r="E66" s="8">
        <v>3.26</v>
      </c>
      <c r="F66" s="8">
        <v>3.36</v>
      </c>
      <c r="G66" s="8">
        <v>2.81</v>
      </c>
      <c r="H66" s="8">
        <v>3.03</v>
      </c>
      <c r="I66" s="8">
        <v>2.93</v>
      </c>
      <c r="J66" s="8">
        <v>3.07</v>
      </c>
      <c r="K66" s="8">
        <v>3.06</v>
      </c>
      <c r="L66" s="8">
        <v>3.06</v>
      </c>
      <c r="M66" s="8">
        <v>3.2</v>
      </c>
      <c r="N66" s="8">
        <v>3.21</v>
      </c>
      <c r="O66" s="8">
        <v>3.31</v>
      </c>
      <c r="P66" s="8">
        <v>3.25</v>
      </c>
      <c r="Q66" s="8">
        <v>3.43</v>
      </c>
      <c r="R66" s="8">
        <v>3.6606681354470996</v>
      </c>
      <c r="S66" s="8">
        <v>3.71</v>
      </c>
      <c r="T66" s="8">
        <v>3.89</v>
      </c>
      <c r="U66" s="8">
        <v>3.78</v>
      </c>
      <c r="V66" s="8">
        <v>3.68</v>
      </c>
      <c r="W66" s="8">
        <v>3.75</v>
      </c>
      <c r="X66" s="8">
        <v>3.73</v>
      </c>
      <c r="Y66" s="8">
        <v>3.73</v>
      </c>
      <c r="Z66" s="8">
        <v>3.7</v>
      </c>
      <c r="AA66" s="8">
        <v>3.7</v>
      </c>
      <c r="AB66" s="8">
        <v>3.64</v>
      </c>
      <c r="AC66" s="8">
        <v>3.55</v>
      </c>
      <c r="AD66" s="8">
        <v>3.39</v>
      </c>
      <c r="AE66" s="8">
        <v>3.35</v>
      </c>
      <c r="AF66" s="8">
        <v>3.26</v>
      </c>
      <c r="AG66" s="8">
        <v>3.21</v>
      </c>
      <c r="AH66" s="8">
        <v>3.19</v>
      </c>
      <c r="AI66" s="8">
        <v>3.24</v>
      </c>
      <c r="AJ66" s="8">
        <v>3.44</v>
      </c>
      <c r="AK66" s="8">
        <v>3.52</v>
      </c>
      <c r="AL66" s="8">
        <v>3.5</v>
      </c>
      <c r="AM66" s="8">
        <v>3.36</v>
      </c>
      <c r="AN66" s="8">
        <v>3.34</v>
      </c>
      <c r="AO66" s="8">
        <v>3.34</v>
      </c>
      <c r="AP66" s="8">
        <v>3.31</v>
      </c>
      <c r="AQ66" s="8">
        <v>3.39</v>
      </c>
      <c r="AR66" s="8">
        <v>3.35</v>
      </c>
      <c r="AS66" s="8">
        <v>3.45</v>
      </c>
      <c r="AT66" s="8">
        <v>3.23</v>
      </c>
      <c r="AU66" s="8">
        <v>3.3</v>
      </c>
      <c r="AV66" s="8">
        <v>3.08</v>
      </c>
      <c r="AW66" s="8">
        <v>3.16</v>
      </c>
      <c r="AX66" s="8">
        <v>3.2</v>
      </c>
      <c r="AY66" s="8">
        <v>3.06</v>
      </c>
      <c r="AZ66" s="8">
        <v>3.14</v>
      </c>
      <c r="BA66" s="8">
        <v>3.28</v>
      </c>
      <c r="BB66" s="8">
        <v>3.31</v>
      </c>
      <c r="BC66" s="8">
        <v>3.32</v>
      </c>
      <c r="BD66" s="8">
        <v>3.62</v>
      </c>
      <c r="BE66" s="8">
        <v>3.51</v>
      </c>
    </row>
    <row r="67" spans="3:57" x14ac:dyDescent="0.2">
      <c r="C67" s="5" t="s">
        <v>73</v>
      </c>
      <c r="D67" s="6" t="s">
        <v>58</v>
      </c>
      <c r="E67" s="8">
        <v>3.84</v>
      </c>
      <c r="F67" s="8">
        <v>4.82</v>
      </c>
      <c r="G67" s="8">
        <v>4.16</v>
      </c>
      <c r="H67" s="8">
        <v>4.7699999999999996</v>
      </c>
      <c r="I67" s="8">
        <v>5.13</v>
      </c>
      <c r="J67" s="8">
        <v>4.17</v>
      </c>
      <c r="K67" s="8">
        <v>4.34</v>
      </c>
      <c r="L67" s="8">
        <v>4.3099999999999996</v>
      </c>
      <c r="M67" s="8">
        <v>4.9800000000000004</v>
      </c>
      <c r="N67" s="8">
        <v>5.53</v>
      </c>
      <c r="O67" s="8">
        <v>5.59</v>
      </c>
      <c r="P67" s="8">
        <v>5.83</v>
      </c>
      <c r="Q67" s="8">
        <v>5.04</v>
      </c>
      <c r="R67" s="8">
        <v>4.8694005972440433</v>
      </c>
      <c r="S67" s="8">
        <v>5.57</v>
      </c>
      <c r="T67" s="8">
        <v>6</v>
      </c>
      <c r="U67" s="8">
        <v>5.78</v>
      </c>
      <c r="V67" s="8">
        <v>5.1100000000000003</v>
      </c>
      <c r="W67" s="8">
        <v>5.3</v>
      </c>
      <c r="X67" s="8">
        <v>5.43</v>
      </c>
      <c r="Y67" s="8">
        <v>6.04</v>
      </c>
      <c r="Z67" s="8">
        <v>5.81</v>
      </c>
      <c r="AA67" s="8">
        <v>5.24</v>
      </c>
      <c r="AB67" s="8">
        <v>5.74</v>
      </c>
      <c r="AC67" s="8">
        <v>6.05</v>
      </c>
      <c r="AD67" s="8">
        <v>5.0999999999999996</v>
      </c>
      <c r="AE67" s="8">
        <v>4.2699999999999996</v>
      </c>
      <c r="AF67" s="8">
        <v>4.68</v>
      </c>
      <c r="AG67" s="8">
        <v>4.68</v>
      </c>
      <c r="AH67" s="8">
        <v>4.24</v>
      </c>
      <c r="AI67" s="8">
        <v>4.07</v>
      </c>
      <c r="AJ67" s="8">
        <v>4.82</v>
      </c>
      <c r="AK67" s="8">
        <v>4.18</v>
      </c>
      <c r="AL67" s="8">
        <v>4.1900000000000004</v>
      </c>
      <c r="AM67" s="8">
        <v>3.84</v>
      </c>
      <c r="AN67" s="8">
        <v>3.71</v>
      </c>
      <c r="AO67" s="8">
        <v>4.0999999999999996</v>
      </c>
      <c r="AP67" s="8">
        <v>3.89</v>
      </c>
      <c r="AQ67" s="8">
        <v>3.68</v>
      </c>
      <c r="AR67" s="8">
        <v>3.44</v>
      </c>
      <c r="AS67" s="8">
        <v>3.76</v>
      </c>
      <c r="AT67" s="8">
        <v>3.94</v>
      </c>
      <c r="AU67" s="8">
        <v>3.94</v>
      </c>
      <c r="AV67" s="8">
        <v>3.4</v>
      </c>
      <c r="AW67" s="8">
        <v>3.73</v>
      </c>
      <c r="AX67" s="8">
        <v>3.27</v>
      </c>
      <c r="AY67" s="8">
        <v>3.73</v>
      </c>
      <c r="AZ67" s="8">
        <v>3.27</v>
      </c>
      <c r="BA67" s="8">
        <v>3</v>
      </c>
      <c r="BB67" s="8">
        <v>4.1500000000000004</v>
      </c>
      <c r="BC67" s="8">
        <v>3.85</v>
      </c>
      <c r="BD67" s="8">
        <v>4.25</v>
      </c>
      <c r="BE67" s="8">
        <v>4.32</v>
      </c>
    </row>
    <row r="68" spans="3:57" x14ac:dyDescent="0.2">
      <c r="C68" s="5" t="s">
        <v>74</v>
      </c>
      <c r="D68" s="6" t="s">
        <v>58</v>
      </c>
      <c r="E68" s="8">
        <v>1.65</v>
      </c>
      <c r="F68" s="8">
        <v>1.55</v>
      </c>
      <c r="G68" s="8">
        <v>1.58</v>
      </c>
      <c r="H68" s="8">
        <v>1.58</v>
      </c>
      <c r="I68" s="8">
        <v>1.57</v>
      </c>
      <c r="J68" s="8">
        <v>1.52</v>
      </c>
      <c r="K68" s="8">
        <v>1.54</v>
      </c>
      <c r="L68" s="8">
        <v>1.53</v>
      </c>
      <c r="M68" s="8">
        <v>1.49</v>
      </c>
      <c r="N68" s="8">
        <v>1.52</v>
      </c>
      <c r="O68" s="8">
        <v>1.54</v>
      </c>
      <c r="P68" s="8">
        <v>1.52</v>
      </c>
      <c r="Q68" s="8">
        <v>1.54</v>
      </c>
      <c r="R68" s="8">
        <v>1.5151526042581345</v>
      </c>
      <c r="S68" s="8">
        <v>1.5</v>
      </c>
      <c r="T68" s="8">
        <v>1.53</v>
      </c>
      <c r="U68" s="8">
        <v>1.55</v>
      </c>
      <c r="V68" s="8">
        <v>1.56</v>
      </c>
      <c r="W68" s="8">
        <v>1.56</v>
      </c>
      <c r="X68" s="8">
        <v>1.56</v>
      </c>
      <c r="Y68" s="8">
        <v>1.55</v>
      </c>
      <c r="Z68" s="8">
        <v>1.52</v>
      </c>
      <c r="AA68" s="8">
        <v>1.52</v>
      </c>
      <c r="AB68" s="8">
        <v>1.53</v>
      </c>
      <c r="AC68" s="8">
        <v>1.53</v>
      </c>
      <c r="AD68" s="8">
        <v>1.51</v>
      </c>
      <c r="AE68" s="8">
        <v>1.5</v>
      </c>
      <c r="AF68" s="8">
        <v>1.52</v>
      </c>
      <c r="AG68" s="8">
        <v>1.52</v>
      </c>
      <c r="AH68" s="8">
        <v>1.51</v>
      </c>
      <c r="AI68" s="8">
        <v>1.51</v>
      </c>
      <c r="AJ68" s="8">
        <v>1.5</v>
      </c>
      <c r="AK68" s="8">
        <v>1.53</v>
      </c>
      <c r="AL68" s="8">
        <v>1.5</v>
      </c>
      <c r="AM68" s="8">
        <v>1.52</v>
      </c>
      <c r="AN68" s="8">
        <v>1.53</v>
      </c>
      <c r="AO68" s="8">
        <v>1.46</v>
      </c>
      <c r="AP68" s="8">
        <v>1.46</v>
      </c>
      <c r="AQ68" s="8">
        <v>1.47</v>
      </c>
      <c r="AR68" s="8">
        <v>1.46</v>
      </c>
      <c r="AS68" s="8">
        <v>1.46</v>
      </c>
      <c r="AT68" s="8">
        <v>1.45</v>
      </c>
      <c r="AU68" s="8">
        <v>1.47</v>
      </c>
      <c r="AV68" s="8">
        <v>1.46</v>
      </c>
      <c r="AW68" s="8">
        <v>1.45</v>
      </c>
      <c r="AX68" s="8">
        <v>1.45</v>
      </c>
      <c r="AY68" s="8">
        <v>1.47</v>
      </c>
      <c r="AZ68" s="8">
        <v>1.46</v>
      </c>
      <c r="BA68" s="8">
        <v>1.51</v>
      </c>
      <c r="BB68" s="8">
        <v>1.52</v>
      </c>
      <c r="BC68" s="8">
        <v>1.55</v>
      </c>
      <c r="BD68" s="8">
        <v>1.63</v>
      </c>
      <c r="BE68" s="8">
        <v>1.63</v>
      </c>
    </row>
    <row r="69" spans="3:57" x14ac:dyDescent="0.2">
      <c r="C69" s="5" t="s">
        <v>75</v>
      </c>
      <c r="D69" s="15" t="s">
        <v>76</v>
      </c>
      <c r="E69" s="8"/>
      <c r="F69" s="8"/>
      <c r="G69" s="8"/>
      <c r="H69" s="8"/>
      <c r="I69" s="8"/>
      <c r="J69" s="8"/>
      <c r="K69" s="8"/>
      <c r="L69" s="8"/>
      <c r="M69" s="8"/>
      <c r="N69" s="8"/>
      <c r="O69" s="8"/>
      <c r="P69" s="8"/>
      <c r="Q69" s="8"/>
      <c r="R69" s="8"/>
      <c r="S69" s="8"/>
      <c r="T69" s="8"/>
      <c r="U69" s="8"/>
      <c r="V69" s="8"/>
      <c r="W69" s="8"/>
      <c r="X69" s="8"/>
      <c r="Y69" s="8"/>
      <c r="Z69" s="8"/>
      <c r="AA69" s="8"/>
      <c r="AB69" s="8"/>
      <c r="AC69" s="8"/>
      <c r="AD69" s="8"/>
      <c r="AE69" s="8"/>
      <c r="AF69" s="8"/>
      <c r="AG69" s="8"/>
      <c r="AH69" s="8"/>
      <c r="AI69" s="8" t="s">
        <v>77</v>
      </c>
      <c r="AJ69" s="8"/>
      <c r="AK69" s="8"/>
      <c r="AL69" s="8"/>
      <c r="AM69" s="8"/>
      <c r="AN69" s="8"/>
      <c r="AO69" s="8"/>
      <c r="AP69" s="8"/>
      <c r="AQ69" s="8"/>
      <c r="AR69" s="8"/>
      <c r="AS69" s="8"/>
      <c r="AT69" s="8"/>
      <c r="AU69" s="8"/>
      <c r="AV69" s="8"/>
      <c r="AW69" s="8"/>
      <c r="AX69" s="8"/>
      <c r="AY69" s="8"/>
      <c r="AZ69" s="8"/>
      <c r="BA69" s="8"/>
      <c r="BB69" s="8"/>
      <c r="BC69" s="8"/>
      <c r="BD69" s="8"/>
      <c r="BE69" s="8"/>
    </row>
    <row r="70" spans="3:57" x14ac:dyDescent="0.2">
      <c r="C70" s="16" t="s">
        <v>78</v>
      </c>
      <c r="D70" s="6" t="s">
        <v>58</v>
      </c>
      <c r="E70" s="8">
        <v>0.28999999999999998</v>
      </c>
      <c r="F70" s="8">
        <v>0.28999999999999998</v>
      </c>
      <c r="G70" s="8">
        <v>0.3</v>
      </c>
      <c r="H70" s="8">
        <v>0.3</v>
      </c>
      <c r="I70" s="8">
        <v>0.3</v>
      </c>
      <c r="J70" s="8">
        <v>0.28999999999999998</v>
      </c>
      <c r="K70" s="8">
        <v>0.28999999999999998</v>
      </c>
      <c r="L70" s="8">
        <v>0.3</v>
      </c>
      <c r="M70" s="8">
        <v>0.3</v>
      </c>
      <c r="N70" s="8">
        <v>0.3</v>
      </c>
      <c r="O70" s="8">
        <v>0.31</v>
      </c>
      <c r="P70" s="8">
        <v>0.31</v>
      </c>
      <c r="Q70" s="8">
        <v>0.34</v>
      </c>
      <c r="R70" s="8">
        <v>0.3646702553371382</v>
      </c>
      <c r="S70" s="8">
        <v>0.43</v>
      </c>
      <c r="T70" s="8">
        <v>0.44</v>
      </c>
      <c r="U70" s="8">
        <v>0.46</v>
      </c>
      <c r="V70" s="8">
        <v>0.45</v>
      </c>
      <c r="W70" s="8">
        <v>0.44</v>
      </c>
      <c r="X70" s="8">
        <v>0.48</v>
      </c>
      <c r="Y70" s="8">
        <v>0.47</v>
      </c>
      <c r="Z70" s="8">
        <v>0.43</v>
      </c>
      <c r="AA70" s="8">
        <v>0.32</v>
      </c>
      <c r="AB70" s="8">
        <v>0.31</v>
      </c>
      <c r="AC70" s="8">
        <v>0.31</v>
      </c>
      <c r="AD70" s="8">
        <v>0.31</v>
      </c>
      <c r="AE70" s="8">
        <v>0.32</v>
      </c>
      <c r="AF70" s="8">
        <v>0.32</v>
      </c>
      <c r="AG70" s="8">
        <v>0.32</v>
      </c>
      <c r="AH70" s="8">
        <v>0.33</v>
      </c>
      <c r="AI70" s="8">
        <v>0.33</v>
      </c>
      <c r="AJ70" s="8">
        <v>0.32</v>
      </c>
      <c r="AK70" s="8">
        <v>0.3</v>
      </c>
      <c r="AL70" s="8">
        <v>0.28999999999999998</v>
      </c>
      <c r="AM70" s="8">
        <v>0.27</v>
      </c>
      <c r="AN70" s="8">
        <v>0.24</v>
      </c>
      <c r="AO70" s="8">
        <v>0.23</v>
      </c>
      <c r="AP70" s="8">
        <v>0.21</v>
      </c>
      <c r="AQ70" s="8">
        <v>0.2</v>
      </c>
      <c r="AR70" s="8">
        <v>0.19</v>
      </c>
      <c r="AS70" s="8">
        <v>0.19</v>
      </c>
      <c r="AT70" s="8">
        <v>0.19</v>
      </c>
      <c r="AU70" s="8">
        <v>0.2</v>
      </c>
      <c r="AV70" s="8">
        <v>0.19</v>
      </c>
      <c r="AW70" s="8">
        <v>0.19</v>
      </c>
      <c r="AX70" s="8">
        <v>0.19</v>
      </c>
      <c r="AY70" s="8">
        <v>0.19</v>
      </c>
      <c r="AZ70" s="8">
        <v>0.19</v>
      </c>
      <c r="BA70" s="8">
        <v>0.19</v>
      </c>
      <c r="BB70" s="8">
        <v>0.19</v>
      </c>
      <c r="BC70" s="8">
        <v>0.2</v>
      </c>
      <c r="BD70" s="8">
        <v>0.19</v>
      </c>
      <c r="BE70" s="8">
        <v>0.18</v>
      </c>
    </row>
    <row r="71" spans="3:57" x14ac:dyDescent="0.2">
      <c r="C71" s="16" t="s">
        <v>79</v>
      </c>
      <c r="D71" s="6" t="s">
        <v>58</v>
      </c>
      <c r="E71" s="8">
        <v>0.49</v>
      </c>
      <c r="F71" s="8">
        <v>0.61</v>
      </c>
      <c r="G71" s="8">
        <v>0.57999999999999996</v>
      </c>
      <c r="H71" s="8">
        <v>0.6</v>
      </c>
      <c r="I71" s="8">
        <v>0.42</v>
      </c>
      <c r="J71" s="8">
        <v>0.5</v>
      </c>
      <c r="K71" s="8">
        <v>0.48</v>
      </c>
      <c r="L71" s="8">
        <v>0.41</v>
      </c>
      <c r="M71" s="8">
        <v>0.39</v>
      </c>
      <c r="N71" s="8">
        <v>0.49</v>
      </c>
      <c r="O71" s="8">
        <v>0.5</v>
      </c>
      <c r="P71" s="8">
        <v>0.45</v>
      </c>
      <c r="Q71" s="8">
        <v>0.44</v>
      </c>
      <c r="R71" s="8">
        <v>0.45992146537626888</v>
      </c>
      <c r="S71" s="8">
        <v>0.46</v>
      </c>
      <c r="T71" s="8">
        <v>0.39</v>
      </c>
      <c r="U71" s="8">
        <v>0.44</v>
      </c>
      <c r="V71" s="8">
        <v>0.4</v>
      </c>
      <c r="W71" s="8">
        <v>0.41</v>
      </c>
      <c r="X71" s="8">
        <v>0.41</v>
      </c>
      <c r="Y71" s="8">
        <v>0.41</v>
      </c>
      <c r="Z71" s="8">
        <v>0.46</v>
      </c>
      <c r="AA71" s="8">
        <v>0.47</v>
      </c>
      <c r="AB71" s="8">
        <v>0.48</v>
      </c>
      <c r="AC71" s="8">
        <v>0.46</v>
      </c>
      <c r="AD71" s="8">
        <v>0.52</v>
      </c>
      <c r="AE71" s="8">
        <v>0.52</v>
      </c>
      <c r="AF71" s="8">
        <v>0.52</v>
      </c>
      <c r="AG71" s="8">
        <v>0.49</v>
      </c>
      <c r="AH71" s="8">
        <v>0.47</v>
      </c>
      <c r="AI71" s="8">
        <v>0.45</v>
      </c>
      <c r="AJ71" s="8">
        <v>0.44</v>
      </c>
      <c r="AK71" s="8">
        <v>0.42</v>
      </c>
      <c r="AL71" s="8">
        <v>0.39</v>
      </c>
      <c r="AM71" s="8">
        <v>0.4</v>
      </c>
      <c r="AN71" s="8">
        <v>0.36</v>
      </c>
      <c r="AO71" s="8">
        <v>0.36</v>
      </c>
      <c r="AP71" s="8">
        <v>0.41</v>
      </c>
      <c r="AQ71" s="8">
        <v>0.36</v>
      </c>
      <c r="AR71" s="8">
        <v>0.35</v>
      </c>
      <c r="AS71" s="8">
        <v>0.36</v>
      </c>
      <c r="AT71" s="8">
        <v>0.36</v>
      </c>
      <c r="AU71" s="8">
        <v>0.35</v>
      </c>
      <c r="AV71" s="8">
        <v>0.34</v>
      </c>
      <c r="AW71" s="8">
        <v>0.34</v>
      </c>
      <c r="AX71" s="8">
        <v>0.35</v>
      </c>
      <c r="AY71" s="8">
        <v>0.35</v>
      </c>
      <c r="AZ71" s="8">
        <v>0.34</v>
      </c>
      <c r="BA71" s="8">
        <v>0.34</v>
      </c>
      <c r="BB71" s="8">
        <v>0.35</v>
      </c>
      <c r="BC71" s="8">
        <v>0.4</v>
      </c>
      <c r="BD71" s="8">
        <v>0.4</v>
      </c>
      <c r="BE71" s="8">
        <v>0.42</v>
      </c>
    </row>
    <row r="72" spans="3:57" x14ac:dyDescent="0.2">
      <c r="C72" s="16" t="s">
        <v>80</v>
      </c>
      <c r="D72" s="6" t="s">
        <v>58</v>
      </c>
      <c r="E72" s="8"/>
      <c r="F72" s="8"/>
      <c r="G72" s="8"/>
      <c r="H72" s="8"/>
      <c r="I72" s="8"/>
      <c r="J72" s="8"/>
      <c r="K72" s="8"/>
      <c r="L72" s="8"/>
      <c r="M72" s="8"/>
      <c r="N72" s="8"/>
      <c r="O72" s="8"/>
      <c r="P72" s="8"/>
      <c r="Q72" s="8"/>
      <c r="R72" s="8"/>
      <c r="S72" s="8"/>
      <c r="T72" s="8"/>
      <c r="U72" s="8"/>
      <c r="V72" s="8"/>
      <c r="W72" s="8"/>
      <c r="X72" s="8"/>
      <c r="Y72" s="8"/>
      <c r="Z72" s="8"/>
      <c r="AA72" s="8"/>
      <c r="AB72" s="8"/>
      <c r="AC72" s="8"/>
      <c r="AD72" s="8"/>
      <c r="AE72" s="8"/>
      <c r="AF72" s="8"/>
      <c r="AG72" s="8"/>
      <c r="AH72" s="8"/>
      <c r="AI72" s="8"/>
      <c r="AJ72" s="8"/>
      <c r="AK72" s="8"/>
      <c r="AL72" s="8"/>
      <c r="AM72" s="8"/>
      <c r="AN72" s="8"/>
      <c r="AO72" s="8"/>
      <c r="AP72" s="8"/>
      <c r="AQ72" s="8"/>
      <c r="AR72" s="8"/>
      <c r="AS72" s="8"/>
      <c r="AT72" s="8"/>
      <c r="AU72" s="8"/>
      <c r="AV72" s="8"/>
      <c r="AW72" s="8"/>
      <c r="AX72" s="8"/>
      <c r="AY72" s="8"/>
      <c r="AZ72" s="8"/>
      <c r="BA72" s="8"/>
      <c r="BB72" s="8"/>
      <c r="BC72" s="8"/>
      <c r="BD72" s="8"/>
      <c r="BE72" s="8"/>
    </row>
    <row r="73" spans="3:57" x14ac:dyDescent="0.2">
      <c r="C73" s="16" t="s">
        <v>81</v>
      </c>
      <c r="D73" s="6" t="s">
        <v>58</v>
      </c>
      <c r="E73" s="8">
        <v>0.36</v>
      </c>
      <c r="F73" s="8">
        <v>0.38</v>
      </c>
      <c r="G73" s="8">
        <v>0.37</v>
      </c>
      <c r="H73" s="8">
        <v>0.39</v>
      </c>
      <c r="I73" s="8">
        <v>0.4</v>
      </c>
      <c r="J73" s="8">
        <v>0.4</v>
      </c>
      <c r="K73" s="8">
        <v>0.43</v>
      </c>
      <c r="L73" s="8">
        <v>0.43</v>
      </c>
      <c r="M73" s="8">
        <v>0.44</v>
      </c>
      <c r="N73" s="8">
        <v>0.44</v>
      </c>
      <c r="O73" s="8">
        <v>0.45</v>
      </c>
      <c r="P73" s="8">
        <v>0.44</v>
      </c>
      <c r="Q73" s="8">
        <v>0.45</v>
      </c>
      <c r="R73" s="8">
        <v>0.45079141549135582</v>
      </c>
      <c r="S73" s="8">
        <v>0.48</v>
      </c>
      <c r="T73" s="8">
        <v>0.47</v>
      </c>
      <c r="U73" s="8">
        <v>0.43</v>
      </c>
      <c r="V73" s="8">
        <v>0.4</v>
      </c>
      <c r="W73" s="8">
        <v>0.36</v>
      </c>
      <c r="X73" s="8">
        <v>0.34</v>
      </c>
      <c r="Y73" s="8">
        <v>0.32</v>
      </c>
      <c r="Z73" s="8">
        <v>0.32</v>
      </c>
      <c r="AA73" s="8">
        <v>0.3</v>
      </c>
      <c r="AB73" s="8">
        <v>0.27</v>
      </c>
      <c r="AC73" s="8">
        <v>0.27</v>
      </c>
      <c r="AD73" s="8">
        <v>0.28000000000000003</v>
      </c>
      <c r="AE73" s="8">
        <v>0.27</v>
      </c>
      <c r="AF73" s="8">
        <v>0.26</v>
      </c>
      <c r="AG73" s="8">
        <v>0.25</v>
      </c>
      <c r="AH73" s="8">
        <v>0.25</v>
      </c>
      <c r="AI73" s="8">
        <v>0.24</v>
      </c>
      <c r="AJ73" s="8">
        <v>0.23</v>
      </c>
      <c r="AK73" s="8">
        <v>0.23</v>
      </c>
      <c r="AL73" s="8">
        <v>0.22</v>
      </c>
      <c r="AM73" s="8">
        <v>0.21</v>
      </c>
      <c r="AN73" s="8">
        <v>0.2</v>
      </c>
      <c r="AO73" s="8">
        <v>0.19</v>
      </c>
      <c r="AP73" s="8">
        <v>0.19</v>
      </c>
      <c r="AQ73" s="8">
        <v>0.19</v>
      </c>
      <c r="AR73" s="8">
        <v>0.19</v>
      </c>
      <c r="AS73" s="8">
        <v>0.18</v>
      </c>
      <c r="AT73" s="8">
        <v>0.18</v>
      </c>
      <c r="AU73" s="8">
        <v>0.18</v>
      </c>
      <c r="AV73" s="8">
        <v>0.18</v>
      </c>
      <c r="AW73" s="8">
        <v>0.18</v>
      </c>
      <c r="AX73" s="8">
        <v>0.18</v>
      </c>
      <c r="AY73" s="8">
        <v>0.18</v>
      </c>
      <c r="AZ73" s="8">
        <v>0.18</v>
      </c>
      <c r="BA73" s="8">
        <v>0.17</v>
      </c>
      <c r="BB73" s="8">
        <v>0.17</v>
      </c>
      <c r="BC73" s="8">
        <v>0.17</v>
      </c>
      <c r="BD73" s="8">
        <v>0.17</v>
      </c>
      <c r="BE73" s="8">
        <v>0.17</v>
      </c>
    </row>
    <row r="74" spans="3:57" x14ac:dyDescent="0.2">
      <c r="C74" s="16" t="s">
        <v>82</v>
      </c>
      <c r="D74" s="6" t="s">
        <v>58</v>
      </c>
      <c r="E74" s="8">
        <v>1.93</v>
      </c>
      <c r="F74" s="8">
        <v>2.2200000000000002</v>
      </c>
      <c r="G74" s="8">
        <v>2.23</v>
      </c>
      <c r="H74" s="8">
        <v>2.1800000000000002</v>
      </c>
      <c r="I74" s="8">
        <v>2.0499999999999998</v>
      </c>
      <c r="J74" s="8">
        <v>1.8</v>
      </c>
      <c r="K74" s="8">
        <v>1.84</v>
      </c>
      <c r="L74" s="8">
        <v>1.8</v>
      </c>
      <c r="M74" s="8">
        <v>1.95</v>
      </c>
      <c r="N74" s="8">
        <v>2.04</v>
      </c>
      <c r="O74" s="8">
        <v>2.0099999999999998</v>
      </c>
      <c r="P74" s="8">
        <v>1.9</v>
      </c>
      <c r="Q74" s="8">
        <v>1.96</v>
      </c>
      <c r="R74" s="8">
        <v>2.2010622338645462</v>
      </c>
      <c r="S74" s="8">
        <v>2.13</v>
      </c>
      <c r="T74" s="8">
        <v>2.08</v>
      </c>
      <c r="U74" s="8">
        <v>1.99</v>
      </c>
      <c r="V74" s="8">
        <v>2.09</v>
      </c>
      <c r="W74" s="8">
        <v>2.21</v>
      </c>
      <c r="X74" s="8">
        <v>2.39</v>
      </c>
      <c r="Y74" s="8">
        <v>1.97</v>
      </c>
      <c r="Z74" s="8">
        <v>1.52</v>
      </c>
      <c r="AA74" s="8">
        <v>1.27</v>
      </c>
      <c r="AB74" s="8">
        <v>1.48</v>
      </c>
      <c r="AC74" s="8">
        <v>1.78</v>
      </c>
      <c r="AD74" s="8">
        <v>1.68</v>
      </c>
      <c r="AE74" s="8">
        <v>1.56</v>
      </c>
      <c r="AF74" s="8">
        <v>1.46</v>
      </c>
      <c r="AG74" s="8">
        <v>1.67</v>
      </c>
      <c r="AH74" s="8">
        <v>1.64</v>
      </c>
      <c r="AI74" s="8">
        <v>1.56</v>
      </c>
      <c r="AJ74" s="8">
        <v>1.23</v>
      </c>
      <c r="AK74" s="8">
        <v>1.06</v>
      </c>
      <c r="AL74" s="8">
        <v>1.42</v>
      </c>
      <c r="AM74" s="8">
        <v>1.91</v>
      </c>
      <c r="AN74" s="8">
        <v>1.43</v>
      </c>
      <c r="AO74" s="8">
        <v>1.37</v>
      </c>
      <c r="AP74" s="8">
        <v>1.68</v>
      </c>
      <c r="AQ74" s="8">
        <v>2.17</v>
      </c>
      <c r="AR74" s="8">
        <v>2.0099999999999998</v>
      </c>
      <c r="AS74" s="8">
        <v>1.75</v>
      </c>
      <c r="AT74" s="8">
        <v>1.59</v>
      </c>
      <c r="AU74" s="8">
        <v>2.81</v>
      </c>
      <c r="AV74" s="8">
        <v>2.23</v>
      </c>
      <c r="AW74" s="8">
        <v>1.98</v>
      </c>
      <c r="AX74" s="8">
        <v>2.13</v>
      </c>
      <c r="AY74" s="8">
        <v>2</v>
      </c>
      <c r="AZ74" s="8">
        <v>1.96</v>
      </c>
      <c r="BA74" s="8">
        <v>2.0099999999999998</v>
      </c>
      <c r="BB74" s="8">
        <v>1.92</v>
      </c>
      <c r="BC74" s="8">
        <v>1.97</v>
      </c>
      <c r="BD74" s="8">
        <v>2.11</v>
      </c>
      <c r="BE74" s="8">
        <v>2.1</v>
      </c>
    </row>
    <row r="75" spans="3:57" x14ac:dyDescent="0.2">
      <c r="C75" s="16" t="s">
        <v>84</v>
      </c>
      <c r="D75" s="6" t="s">
        <v>85</v>
      </c>
      <c r="E75" s="8">
        <v>0.41</v>
      </c>
      <c r="F75" s="8">
        <v>0.44</v>
      </c>
      <c r="G75" s="8">
        <v>0.47</v>
      </c>
      <c r="H75" s="8">
        <v>0.5</v>
      </c>
      <c r="I75" s="8">
        <v>0.4</v>
      </c>
      <c r="J75" s="8">
        <v>0.39</v>
      </c>
      <c r="K75" s="8">
        <v>0.38</v>
      </c>
      <c r="L75" s="8">
        <v>0.3</v>
      </c>
      <c r="M75" s="8">
        <v>0.28000000000000003</v>
      </c>
      <c r="N75" s="8">
        <v>0.26</v>
      </c>
      <c r="O75" s="8">
        <v>0.31</v>
      </c>
      <c r="P75" s="8">
        <v>0.32</v>
      </c>
      <c r="Q75" s="8">
        <v>0.3</v>
      </c>
      <c r="R75" s="8">
        <v>0.31370480611473234</v>
      </c>
      <c r="S75" s="8">
        <v>0.3</v>
      </c>
      <c r="T75" s="8">
        <v>0.31</v>
      </c>
      <c r="U75" s="8">
        <v>0.41</v>
      </c>
      <c r="V75" s="8">
        <v>0.48</v>
      </c>
      <c r="W75" s="8">
        <v>0.5</v>
      </c>
      <c r="X75" s="8">
        <v>0.48</v>
      </c>
      <c r="Y75" s="8">
        <v>0.42</v>
      </c>
      <c r="Z75" s="8">
        <v>0.37</v>
      </c>
      <c r="AA75" s="8">
        <v>0.32</v>
      </c>
      <c r="AB75" s="8">
        <v>0.32</v>
      </c>
      <c r="AC75" s="8">
        <v>0.32</v>
      </c>
      <c r="AD75" s="8">
        <v>0.31</v>
      </c>
      <c r="AE75" s="8">
        <v>0.32</v>
      </c>
      <c r="AF75" s="8">
        <v>0.32</v>
      </c>
      <c r="AG75" s="8">
        <v>0.3</v>
      </c>
      <c r="AH75" s="8">
        <v>0.28999999999999998</v>
      </c>
      <c r="AI75" s="8">
        <v>0.28999999999999998</v>
      </c>
      <c r="AJ75" s="8">
        <v>0.3</v>
      </c>
      <c r="AK75" s="8">
        <v>0.31</v>
      </c>
      <c r="AL75" s="8">
        <v>0.34</v>
      </c>
      <c r="AM75" s="8">
        <v>0.32</v>
      </c>
      <c r="AN75" s="8">
        <v>0.32</v>
      </c>
      <c r="AO75" s="8">
        <v>0.32</v>
      </c>
      <c r="AP75" s="8">
        <v>0.32</v>
      </c>
      <c r="AQ75" s="8">
        <v>0.33</v>
      </c>
      <c r="AR75" s="8">
        <v>0.33</v>
      </c>
      <c r="AS75" s="8">
        <v>0.34</v>
      </c>
      <c r="AT75" s="8">
        <v>0.37</v>
      </c>
      <c r="AU75" s="8">
        <v>0.4</v>
      </c>
      <c r="AV75" s="8">
        <v>0.39</v>
      </c>
      <c r="AW75" s="8">
        <v>0.39</v>
      </c>
      <c r="AX75" s="8">
        <v>0.38</v>
      </c>
      <c r="AY75" s="8">
        <v>0.38</v>
      </c>
      <c r="AZ75" s="8">
        <v>0.38</v>
      </c>
      <c r="BA75" s="8">
        <v>0.43</v>
      </c>
      <c r="BB75" s="8">
        <v>0.43</v>
      </c>
      <c r="BC75" s="8">
        <v>0.43</v>
      </c>
      <c r="BD75" s="8">
        <v>0.39</v>
      </c>
      <c r="BE75" s="8">
        <v>0.39</v>
      </c>
    </row>
    <row r="76" spans="3:57" x14ac:dyDescent="0.2">
      <c r="C76" s="16" t="s">
        <v>86</v>
      </c>
      <c r="D76" s="6" t="s">
        <v>58</v>
      </c>
      <c r="E76" s="8">
        <v>1.1499999999999999</v>
      </c>
      <c r="F76" s="8">
        <v>1.1200000000000001</v>
      </c>
      <c r="G76" s="8">
        <v>1.01</v>
      </c>
      <c r="H76" s="8">
        <v>1</v>
      </c>
      <c r="I76" s="8">
        <v>0.92</v>
      </c>
      <c r="J76" s="8">
        <v>0.97</v>
      </c>
      <c r="K76" s="8">
        <v>1.02</v>
      </c>
      <c r="L76" s="8">
        <v>1.03</v>
      </c>
      <c r="M76" s="8">
        <v>1.1499999999999999</v>
      </c>
      <c r="N76" s="8">
        <v>1.26</v>
      </c>
      <c r="O76" s="8">
        <v>1.64</v>
      </c>
      <c r="P76" s="8">
        <v>1.51</v>
      </c>
      <c r="Q76" s="8">
        <v>1.71</v>
      </c>
      <c r="R76" s="8">
        <v>1.9233837437138679</v>
      </c>
      <c r="S76" s="8">
        <v>1.91</v>
      </c>
      <c r="T76" s="8">
        <v>1.62</v>
      </c>
      <c r="U76" s="8">
        <v>1.02</v>
      </c>
      <c r="V76" s="8">
        <v>1.43</v>
      </c>
      <c r="W76" s="8">
        <v>1.34</v>
      </c>
      <c r="X76" s="8">
        <v>1.31</v>
      </c>
      <c r="Y76" s="8">
        <v>1.1000000000000001</v>
      </c>
      <c r="Z76" s="8">
        <v>0.82</v>
      </c>
      <c r="AA76" s="8">
        <v>0.82</v>
      </c>
      <c r="AB76" s="8">
        <v>0.88</v>
      </c>
      <c r="AC76" s="8">
        <v>0.81</v>
      </c>
      <c r="AD76" s="8">
        <v>0.78</v>
      </c>
      <c r="AE76" s="8">
        <v>0.83</v>
      </c>
      <c r="AF76" s="8">
        <v>0.9</v>
      </c>
      <c r="AG76" s="8">
        <v>0.8</v>
      </c>
      <c r="AH76" s="8">
        <v>0.65</v>
      </c>
      <c r="AI76" s="8">
        <v>0.54</v>
      </c>
      <c r="AJ76" s="8">
        <v>0.5</v>
      </c>
      <c r="AK76" s="8">
        <v>0.47</v>
      </c>
      <c r="AL76" s="8">
        <v>0.37</v>
      </c>
      <c r="AM76" s="8">
        <v>0.39</v>
      </c>
      <c r="AN76" s="8">
        <v>0.47</v>
      </c>
      <c r="AO76" s="8">
        <v>0.56999999999999995</v>
      </c>
      <c r="AP76" s="8">
        <v>0.6</v>
      </c>
      <c r="AQ76" s="8">
        <v>0.63</v>
      </c>
      <c r="AR76" s="8">
        <v>0.65</v>
      </c>
      <c r="AS76" s="8">
        <v>0.78</v>
      </c>
      <c r="AT76" s="8">
        <v>0.99</v>
      </c>
      <c r="AU76" s="8">
        <v>1.04</v>
      </c>
      <c r="AV76" s="8">
        <v>1.02</v>
      </c>
      <c r="AW76" s="8">
        <v>1.1000000000000001</v>
      </c>
      <c r="AX76" s="8">
        <v>1.01</v>
      </c>
      <c r="AY76" s="8">
        <v>1.17</v>
      </c>
      <c r="AZ76" s="8">
        <v>1.17</v>
      </c>
      <c r="BA76" s="8">
        <v>1.26</v>
      </c>
      <c r="BB76" s="8">
        <v>1.65</v>
      </c>
      <c r="BC76" s="8">
        <v>1.57</v>
      </c>
      <c r="BD76" s="8">
        <v>1.28</v>
      </c>
      <c r="BE76" s="8">
        <v>1.38</v>
      </c>
    </row>
    <row r="77" spans="3:57" x14ac:dyDescent="0.2">
      <c r="C77" s="16" t="s">
        <v>104</v>
      </c>
      <c r="D77" s="6" t="s">
        <v>58</v>
      </c>
      <c r="E77" s="8">
        <v>0.86</v>
      </c>
      <c r="F77" s="8">
        <v>0.76</v>
      </c>
      <c r="G77" s="8">
        <v>0.65</v>
      </c>
      <c r="H77" s="8">
        <v>0.71</v>
      </c>
      <c r="I77" s="8">
        <v>0.68</v>
      </c>
      <c r="J77" s="8">
        <v>0.74</v>
      </c>
      <c r="K77" s="8">
        <v>0.74</v>
      </c>
      <c r="L77" s="8">
        <v>0.85</v>
      </c>
      <c r="M77" s="8">
        <v>0.87</v>
      </c>
      <c r="N77" s="8">
        <v>0.91</v>
      </c>
      <c r="O77" s="8">
        <v>0.95</v>
      </c>
      <c r="P77" s="8">
        <v>0.83</v>
      </c>
      <c r="Q77" s="8">
        <v>0.81</v>
      </c>
      <c r="R77" s="8">
        <v>0.91297860938770159</v>
      </c>
      <c r="S77" s="8">
        <v>0.95</v>
      </c>
      <c r="T77" s="8">
        <v>1</v>
      </c>
      <c r="U77" s="8">
        <v>1.02</v>
      </c>
      <c r="V77" s="8">
        <v>1.01</v>
      </c>
      <c r="W77" s="8">
        <v>0.92</v>
      </c>
      <c r="X77" s="8">
        <v>0.9</v>
      </c>
      <c r="Y77" s="8">
        <v>0.92</v>
      </c>
      <c r="Z77" s="8">
        <v>0.87</v>
      </c>
      <c r="AA77" s="8">
        <v>0.76</v>
      </c>
      <c r="AB77" s="8">
        <v>0.72</v>
      </c>
      <c r="AC77" s="8">
        <v>0.8</v>
      </c>
      <c r="AD77" s="8">
        <v>0.89</v>
      </c>
      <c r="AE77" s="8">
        <v>0.74</v>
      </c>
      <c r="AF77" s="8">
        <v>0.66</v>
      </c>
      <c r="AG77" s="8">
        <v>0.69</v>
      </c>
      <c r="AH77" s="8">
        <v>0.69</v>
      </c>
      <c r="AI77" s="8">
        <v>0.63</v>
      </c>
      <c r="AJ77" s="8">
        <v>0.51</v>
      </c>
      <c r="AK77" s="8">
        <v>0.43</v>
      </c>
      <c r="AL77" s="8">
        <v>0.42</v>
      </c>
      <c r="AM77" s="8">
        <v>0.38</v>
      </c>
      <c r="AN77" s="8">
        <v>0.42</v>
      </c>
      <c r="AO77" s="8">
        <v>0.63</v>
      </c>
      <c r="AP77" s="8">
        <v>0.79</v>
      </c>
      <c r="AQ77" s="8">
        <v>0.7</v>
      </c>
      <c r="AR77" s="8">
        <v>0.7</v>
      </c>
      <c r="AS77" s="8">
        <v>0.74</v>
      </c>
      <c r="AT77" s="8">
        <v>0.79</v>
      </c>
      <c r="AU77" s="8">
        <v>0.82</v>
      </c>
      <c r="AV77" s="8">
        <v>0.84</v>
      </c>
      <c r="AW77" s="8">
        <v>0.91</v>
      </c>
      <c r="AX77" s="8">
        <v>1.07</v>
      </c>
      <c r="AY77" s="8">
        <v>1.2</v>
      </c>
      <c r="AZ77" s="8">
        <v>1.4</v>
      </c>
      <c r="BA77" s="8">
        <v>1.46</v>
      </c>
      <c r="BB77" s="8">
        <v>1.35</v>
      </c>
      <c r="BC77" s="8">
        <v>1.34</v>
      </c>
      <c r="BD77" s="8">
        <v>1.18</v>
      </c>
      <c r="BE77" s="8">
        <v>0.87</v>
      </c>
    </row>
    <row r="78" spans="3:57" x14ac:dyDescent="0.2">
      <c r="C78" s="16" t="s">
        <v>87</v>
      </c>
      <c r="D78" s="6" t="s">
        <v>58</v>
      </c>
      <c r="E78" s="8">
        <v>0.42</v>
      </c>
      <c r="F78" s="8">
        <v>0.42</v>
      </c>
      <c r="G78" s="8">
        <v>0.43</v>
      </c>
      <c r="H78" s="8">
        <v>0.48</v>
      </c>
      <c r="I78" s="8">
        <v>0.48</v>
      </c>
      <c r="J78" s="8">
        <v>0.48</v>
      </c>
      <c r="K78" s="8">
        <v>0.46</v>
      </c>
      <c r="L78" s="8">
        <v>0.48</v>
      </c>
      <c r="M78" s="8">
        <v>0.46</v>
      </c>
      <c r="N78" s="8">
        <v>0.52</v>
      </c>
      <c r="O78" s="8">
        <v>0.49</v>
      </c>
      <c r="P78" s="8">
        <v>0.47</v>
      </c>
      <c r="Q78" s="8">
        <v>0.46</v>
      </c>
      <c r="R78" s="8">
        <v>0.43495390818664659</v>
      </c>
      <c r="S78" s="8">
        <v>0.45</v>
      </c>
      <c r="T78" s="8">
        <v>0.43</v>
      </c>
      <c r="U78" s="8">
        <v>0.43</v>
      </c>
      <c r="V78" s="8">
        <v>0.43</v>
      </c>
      <c r="W78" s="8">
        <v>0.42</v>
      </c>
      <c r="X78" s="8">
        <v>0.41</v>
      </c>
      <c r="Y78" s="8">
        <v>0.4</v>
      </c>
      <c r="Z78" s="8">
        <v>0.41</v>
      </c>
      <c r="AA78" s="8">
        <v>0.41</v>
      </c>
      <c r="AB78" s="8">
        <v>0.42</v>
      </c>
      <c r="AC78" s="8">
        <v>0.42</v>
      </c>
      <c r="AD78" s="8">
        <v>0.44</v>
      </c>
      <c r="AE78" s="8">
        <v>0.44</v>
      </c>
      <c r="AF78" s="8">
        <v>0.45</v>
      </c>
      <c r="AG78" s="8">
        <v>0.43</v>
      </c>
      <c r="AH78" s="8">
        <v>0.43</v>
      </c>
      <c r="AI78" s="8">
        <v>0.39</v>
      </c>
      <c r="AJ78" s="8">
        <v>0.38</v>
      </c>
      <c r="AK78" s="8">
        <v>0.4</v>
      </c>
      <c r="AL78" s="8">
        <v>0.43</v>
      </c>
      <c r="AM78" s="8">
        <v>0.38</v>
      </c>
      <c r="AN78" s="8">
        <v>0.37</v>
      </c>
      <c r="AO78" s="8">
        <v>0.36</v>
      </c>
      <c r="AP78" s="8">
        <v>0.36</v>
      </c>
      <c r="AQ78" s="8">
        <v>0.37</v>
      </c>
      <c r="AR78" s="8">
        <v>0.36</v>
      </c>
      <c r="AS78" s="8">
        <v>0.37</v>
      </c>
      <c r="AT78" s="8">
        <v>0.36</v>
      </c>
      <c r="AU78" s="8">
        <v>0.36</v>
      </c>
      <c r="AV78" s="8">
        <v>0.36</v>
      </c>
      <c r="AW78" s="8">
        <v>0.38</v>
      </c>
      <c r="AX78" s="8">
        <v>0.37</v>
      </c>
      <c r="AY78" s="8">
        <v>0.39</v>
      </c>
      <c r="AZ78" s="8">
        <v>0.39</v>
      </c>
      <c r="BA78" s="8">
        <v>0.4</v>
      </c>
      <c r="BB78" s="8">
        <v>0.4</v>
      </c>
      <c r="BC78" s="8">
        <v>0.4</v>
      </c>
      <c r="BD78" s="8">
        <v>0.39</v>
      </c>
      <c r="BE78" s="8">
        <v>0.4</v>
      </c>
    </row>
    <row r="79" spans="3:57" x14ac:dyDescent="0.2">
      <c r="C79" s="16" t="s">
        <v>88</v>
      </c>
      <c r="D79" s="6" t="s">
        <v>58</v>
      </c>
      <c r="E79" s="8">
        <v>0.71</v>
      </c>
      <c r="F79" s="8">
        <v>0.66</v>
      </c>
      <c r="G79" s="8">
        <v>0.67</v>
      </c>
      <c r="H79" s="8">
        <v>0.66</v>
      </c>
      <c r="I79" s="8">
        <v>0.67</v>
      </c>
      <c r="J79" s="8">
        <v>0.66</v>
      </c>
      <c r="K79" s="8">
        <v>0.66</v>
      </c>
      <c r="L79" s="8">
        <v>0.65</v>
      </c>
      <c r="M79" s="8">
        <v>0.65</v>
      </c>
      <c r="N79" s="8">
        <v>0.64</v>
      </c>
      <c r="O79" s="8">
        <v>0.55000000000000004</v>
      </c>
      <c r="P79" s="8">
        <v>0.53</v>
      </c>
      <c r="Q79" s="8">
        <v>0.52</v>
      </c>
      <c r="R79" s="8">
        <v>0.53789989072979183</v>
      </c>
      <c r="S79" s="8">
        <v>0.55000000000000004</v>
      </c>
      <c r="T79" s="8">
        <v>0.52</v>
      </c>
      <c r="U79" s="8">
        <v>0.52</v>
      </c>
      <c r="V79" s="8">
        <v>0.52</v>
      </c>
      <c r="W79" s="8">
        <v>0.51</v>
      </c>
      <c r="X79" s="8">
        <v>0.52</v>
      </c>
      <c r="Y79" s="8">
        <v>0.51</v>
      </c>
      <c r="Z79" s="8">
        <v>0.51</v>
      </c>
      <c r="AA79" s="8">
        <v>0.51</v>
      </c>
      <c r="AB79" s="8">
        <v>0.51</v>
      </c>
      <c r="AC79" s="8">
        <v>0.51</v>
      </c>
      <c r="AD79" s="8">
        <v>0.56000000000000005</v>
      </c>
      <c r="AE79" s="8">
        <v>0.56999999999999995</v>
      </c>
      <c r="AF79" s="8">
        <v>0.56999999999999995</v>
      </c>
      <c r="AG79" s="8">
        <v>0.6</v>
      </c>
      <c r="AH79" s="8">
        <v>0.57999999999999996</v>
      </c>
      <c r="AI79" s="8">
        <v>0.57999999999999996</v>
      </c>
      <c r="AJ79" s="8">
        <v>0.57999999999999996</v>
      </c>
      <c r="AK79" s="8">
        <v>0.57999999999999996</v>
      </c>
      <c r="AL79" s="8">
        <v>0.6</v>
      </c>
      <c r="AM79" s="8">
        <v>0.6</v>
      </c>
      <c r="AN79" s="8">
        <v>0.6</v>
      </c>
      <c r="AO79" s="8">
        <v>0.61</v>
      </c>
      <c r="AP79" s="8">
        <v>0.6</v>
      </c>
      <c r="AQ79" s="8">
        <v>0.62</v>
      </c>
      <c r="AR79" s="8">
        <v>0.6</v>
      </c>
      <c r="AS79" s="8">
        <v>0.61</v>
      </c>
      <c r="AT79" s="8">
        <v>0.6</v>
      </c>
      <c r="AU79" s="8">
        <v>0.61</v>
      </c>
      <c r="AV79" s="8">
        <v>0.59</v>
      </c>
      <c r="AW79" s="8">
        <v>0.6</v>
      </c>
      <c r="AX79" s="8">
        <v>0.6</v>
      </c>
      <c r="AY79" s="8">
        <v>0.64</v>
      </c>
      <c r="AZ79" s="8">
        <v>0.6</v>
      </c>
      <c r="BA79" s="8">
        <v>0.59</v>
      </c>
      <c r="BB79" s="8">
        <v>0.6</v>
      </c>
      <c r="BC79" s="8">
        <v>0.59</v>
      </c>
      <c r="BD79" s="8">
        <v>0.59</v>
      </c>
      <c r="BE79" s="8">
        <v>0.56999999999999995</v>
      </c>
    </row>
    <row r="80" spans="3:57" x14ac:dyDescent="0.2">
      <c r="C80" s="16" t="s">
        <v>89</v>
      </c>
      <c r="D80" s="6" t="s">
        <v>58</v>
      </c>
      <c r="E80" s="8">
        <v>0.67</v>
      </c>
      <c r="F80" s="8">
        <v>0.66</v>
      </c>
      <c r="G80" s="8">
        <v>0.67</v>
      </c>
      <c r="H80" s="8">
        <v>0.66</v>
      </c>
      <c r="I80" s="8">
        <v>0.67</v>
      </c>
      <c r="J80" s="8">
        <v>0.66</v>
      </c>
      <c r="K80" s="8">
        <v>0.66</v>
      </c>
      <c r="L80" s="8">
        <v>0.67</v>
      </c>
      <c r="M80" s="8">
        <v>0.68</v>
      </c>
      <c r="N80" s="8">
        <v>0.68</v>
      </c>
      <c r="O80" s="8">
        <v>0.66</v>
      </c>
      <c r="P80" s="8">
        <v>0.66</v>
      </c>
      <c r="Q80" s="8">
        <v>0.65</v>
      </c>
      <c r="R80" s="8">
        <v>0.65324328654587283</v>
      </c>
      <c r="S80" s="8">
        <v>0.66</v>
      </c>
      <c r="T80" s="8">
        <v>0.65</v>
      </c>
      <c r="U80" s="8">
        <v>0.63</v>
      </c>
      <c r="V80" s="8">
        <v>0.64</v>
      </c>
      <c r="W80" s="8">
        <v>0.61</v>
      </c>
      <c r="X80" s="8">
        <v>0.63</v>
      </c>
      <c r="Y80" s="8">
        <v>0.62</v>
      </c>
      <c r="Z80" s="8">
        <v>0.62</v>
      </c>
      <c r="AA80" s="8">
        <v>0.64</v>
      </c>
      <c r="AB80" s="8">
        <v>0.63</v>
      </c>
      <c r="AC80" s="8">
        <v>0.65</v>
      </c>
      <c r="AD80" s="8">
        <v>0.65</v>
      </c>
      <c r="AE80" s="8">
        <v>0.66</v>
      </c>
      <c r="AF80" s="8">
        <v>0.73</v>
      </c>
      <c r="AG80" s="8">
        <v>0.79</v>
      </c>
      <c r="AH80" s="8">
        <v>0.9</v>
      </c>
      <c r="AI80" s="8">
        <v>0.89</v>
      </c>
      <c r="AJ80" s="8">
        <v>0.89</v>
      </c>
      <c r="AK80" s="8">
        <v>0.87</v>
      </c>
      <c r="AL80" s="8">
        <v>0.83</v>
      </c>
      <c r="AM80" s="8">
        <v>0.82</v>
      </c>
      <c r="AN80" s="8">
        <v>0.85</v>
      </c>
      <c r="AO80" s="8">
        <v>0.88</v>
      </c>
      <c r="AP80" s="8">
        <v>0.9</v>
      </c>
      <c r="AQ80" s="8">
        <v>0.89</v>
      </c>
      <c r="AR80" s="8">
        <v>0.88</v>
      </c>
      <c r="AS80" s="8">
        <v>0.87</v>
      </c>
      <c r="AT80" s="8">
        <v>0.85</v>
      </c>
      <c r="AU80" s="8">
        <v>0.82</v>
      </c>
      <c r="AV80" s="8">
        <v>0.82</v>
      </c>
      <c r="AW80" s="8">
        <v>0.82</v>
      </c>
      <c r="AX80" s="8">
        <v>0.79</v>
      </c>
      <c r="AY80" s="8">
        <v>0.76</v>
      </c>
      <c r="AZ80" s="8">
        <v>0.76</v>
      </c>
      <c r="BA80" s="8">
        <v>0.76</v>
      </c>
      <c r="BB80" s="8">
        <v>0.76</v>
      </c>
      <c r="BC80" s="8">
        <v>0.72</v>
      </c>
      <c r="BD80" s="8">
        <v>0.73</v>
      </c>
      <c r="BE80" s="8">
        <v>0.74</v>
      </c>
    </row>
    <row r="81" spans="3:57" x14ac:dyDescent="0.2">
      <c r="C81" s="18" t="s">
        <v>91</v>
      </c>
      <c r="D81" s="6" t="s">
        <v>58</v>
      </c>
      <c r="E81" s="8"/>
      <c r="F81" s="8"/>
      <c r="G81" s="8"/>
      <c r="H81" s="8"/>
      <c r="I81" s="8"/>
      <c r="J81" s="8"/>
      <c r="K81" s="8"/>
      <c r="L81" s="8"/>
      <c r="M81" s="8"/>
      <c r="N81" s="8"/>
      <c r="O81" s="8"/>
      <c r="P81" s="8"/>
      <c r="Q81" s="8"/>
      <c r="R81" s="8"/>
      <c r="S81" s="8"/>
      <c r="T81" s="8"/>
      <c r="U81" s="8"/>
      <c r="V81" s="8"/>
      <c r="W81" s="8"/>
      <c r="X81" s="8"/>
      <c r="Y81" s="8"/>
      <c r="Z81" s="8"/>
      <c r="AA81" s="8"/>
      <c r="AB81" s="8"/>
      <c r="AC81" s="8"/>
      <c r="AD81" s="8"/>
      <c r="AE81" s="8"/>
      <c r="AF81" s="8"/>
      <c r="AG81" s="8"/>
      <c r="AH81" s="8"/>
      <c r="AI81" s="8"/>
      <c r="AJ81" s="8"/>
      <c r="AK81" s="8"/>
      <c r="AL81" s="8"/>
      <c r="AM81" s="8"/>
      <c r="AN81" s="8"/>
      <c r="AO81" s="8"/>
      <c r="AP81" s="8"/>
      <c r="AQ81" s="8"/>
      <c r="AR81" s="8"/>
      <c r="AS81" s="8" t="s">
        <v>92</v>
      </c>
      <c r="AT81" s="8"/>
      <c r="AU81" s="8">
        <v>0.67</v>
      </c>
      <c r="AV81" s="8">
        <v>0.7</v>
      </c>
      <c r="AW81" s="8">
        <v>0.64</v>
      </c>
      <c r="AX81" s="8">
        <v>0.66</v>
      </c>
      <c r="AY81" s="8">
        <v>0.65</v>
      </c>
      <c r="AZ81" s="8">
        <v>0.63</v>
      </c>
      <c r="BA81" s="8">
        <v>0.61</v>
      </c>
      <c r="BB81" s="8">
        <v>0.61</v>
      </c>
      <c r="BC81" s="8">
        <v>0.59</v>
      </c>
      <c r="BD81" s="8">
        <v>0.59</v>
      </c>
      <c r="BE81" s="8">
        <v>0.61</v>
      </c>
    </row>
    <row r="82" spans="3:57" x14ac:dyDescent="0.2">
      <c r="C82" s="18" t="s">
        <v>93</v>
      </c>
      <c r="D82" s="6" t="s">
        <v>58</v>
      </c>
      <c r="E82" s="8">
        <v>0.54</v>
      </c>
      <c r="F82" s="8">
        <v>0.56000000000000005</v>
      </c>
      <c r="G82" s="8">
        <v>0.51</v>
      </c>
      <c r="H82" s="8">
        <v>0.53</v>
      </c>
      <c r="I82" s="8">
        <v>0.55000000000000004</v>
      </c>
      <c r="J82" s="8">
        <v>0.53</v>
      </c>
      <c r="K82" s="8">
        <v>0.55000000000000004</v>
      </c>
      <c r="L82" s="8">
        <v>0.54</v>
      </c>
      <c r="M82" s="8">
        <v>0.56999999999999995</v>
      </c>
      <c r="N82" s="8">
        <v>0.56000000000000005</v>
      </c>
      <c r="O82" s="8">
        <v>0.56000000000000005</v>
      </c>
      <c r="P82" s="8">
        <v>0.61</v>
      </c>
      <c r="Q82" s="8">
        <v>0.64</v>
      </c>
      <c r="R82" s="8">
        <v>0.63862430660198088</v>
      </c>
      <c r="S82" s="8">
        <v>0.65</v>
      </c>
      <c r="T82" s="8">
        <v>0.65</v>
      </c>
      <c r="U82" s="8">
        <v>0.67</v>
      </c>
      <c r="V82" s="8">
        <v>0.69</v>
      </c>
      <c r="W82" s="8">
        <v>0.69</v>
      </c>
      <c r="X82" s="8">
        <v>0.72</v>
      </c>
      <c r="Y82" s="8">
        <v>0.7</v>
      </c>
      <c r="Z82" s="8">
        <v>0.69</v>
      </c>
      <c r="AA82" s="8">
        <v>0.67</v>
      </c>
      <c r="AB82" s="8">
        <v>0.67</v>
      </c>
      <c r="AC82" s="8">
        <v>0.66</v>
      </c>
      <c r="AD82" s="8">
        <v>0.61</v>
      </c>
      <c r="AE82" s="8">
        <v>0.62</v>
      </c>
      <c r="AF82" s="8">
        <v>0.65</v>
      </c>
      <c r="AG82" s="8">
        <v>0.64</v>
      </c>
      <c r="AH82" s="8">
        <v>0.66</v>
      </c>
      <c r="AI82" s="8">
        <v>0.69</v>
      </c>
      <c r="AJ82" s="8">
        <v>0.7</v>
      </c>
      <c r="AK82" s="8">
        <v>0.79</v>
      </c>
      <c r="AL82" s="8">
        <v>0.8</v>
      </c>
      <c r="AM82" s="8">
        <v>0.8</v>
      </c>
      <c r="AN82" s="8">
        <v>0.79</v>
      </c>
      <c r="AO82" s="8"/>
      <c r="AP82" s="8"/>
      <c r="AQ82" s="8"/>
      <c r="AR82" s="8"/>
      <c r="AS82" s="8"/>
      <c r="AT82" s="8"/>
      <c r="AU82" s="8"/>
      <c r="AV82" s="8"/>
      <c r="AW82" s="17"/>
      <c r="AX82" s="17"/>
      <c r="AY82" s="17"/>
      <c r="AZ82" s="17"/>
      <c r="BA82" s="17"/>
      <c r="BB82" s="17"/>
      <c r="BC82" s="17"/>
      <c r="BD82" s="17"/>
      <c r="BE82" s="17"/>
    </row>
    <row r="83" spans="3:57" x14ac:dyDescent="0.2">
      <c r="C83" s="16" t="s">
        <v>95</v>
      </c>
      <c r="D83" s="6" t="s">
        <v>58</v>
      </c>
      <c r="E83" s="8">
        <v>0.91</v>
      </c>
      <c r="F83" s="8">
        <v>1.01</v>
      </c>
      <c r="G83" s="8">
        <v>1.03</v>
      </c>
      <c r="H83" s="8">
        <v>1.1499999999999999</v>
      </c>
      <c r="I83" s="8">
        <v>1.1399999999999999</v>
      </c>
      <c r="J83" s="8">
        <v>1.02</v>
      </c>
      <c r="K83" s="8">
        <v>0.95</v>
      </c>
      <c r="L83" s="8">
        <v>0.95</v>
      </c>
      <c r="M83" s="8">
        <v>1.01</v>
      </c>
      <c r="N83" s="8">
        <v>1.02</v>
      </c>
      <c r="O83" s="8">
        <v>1.03</v>
      </c>
      <c r="P83" s="8">
        <v>0.97</v>
      </c>
      <c r="Q83" s="8">
        <v>0.97</v>
      </c>
      <c r="R83" s="8">
        <v>0.99145773138726123</v>
      </c>
      <c r="S83" s="8">
        <v>1.05</v>
      </c>
      <c r="T83" s="8">
        <v>0.98</v>
      </c>
      <c r="U83" s="8">
        <v>0.91</v>
      </c>
      <c r="V83" s="8">
        <v>0.91</v>
      </c>
      <c r="W83" s="8">
        <v>0.91</v>
      </c>
      <c r="X83" s="8">
        <v>0.83</v>
      </c>
      <c r="Y83" s="8">
        <v>0.82</v>
      </c>
      <c r="Z83" s="8">
        <v>0.81</v>
      </c>
      <c r="AA83" s="8">
        <v>0.75</v>
      </c>
      <c r="AB83" s="8">
        <v>0.74</v>
      </c>
      <c r="AC83" s="8">
        <v>0.77</v>
      </c>
      <c r="AD83" s="8">
        <v>0.81</v>
      </c>
      <c r="AE83" s="8">
        <v>0.85</v>
      </c>
      <c r="AF83" s="8">
        <v>0.88</v>
      </c>
      <c r="AG83" s="8">
        <v>0.87</v>
      </c>
      <c r="AH83" s="8">
        <v>0.86</v>
      </c>
      <c r="AI83" s="17">
        <v>0.85333261482085954</v>
      </c>
      <c r="AJ83" s="17">
        <v>0.85607296177567815</v>
      </c>
      <c r="AK83" s="17">
        <v>0.86106726720845983</v>
      </c>
      <c r="AL83" s="17">
        <v>0.84728920657806117</v>
      </c>
      <c r="AM83" s="17">
        <v>0.84701316171860874</v>
      </c>
      <c r="AN83" s="8">
        <v>0.89</v>
      </c>
      <c r="AO83" s="8">
        <v>0.88</v>
      </c>
      <c r="AP83" s="8">
        <v>0.86</v>
      </c>
      <c r="AQ83" s="8">
        <v>0.88</v>
      </c>
      <c r="AR83" s="8">
        <v>0.85</v>
      </c>
      <c r="AS83" s="17">
        <v>0.79</v>
      </c>
      <c r="AT83" s="8">
        <v>0.79</v>
      </c>
      <c r="AU83" s="8">
        <v>0.77</v>
      </c>
      <c r="AV83" s="8">
        <v>0.79</v>
      </c>
      <c r="AW83" s="8">
        <v>0.78</v>
      </c>
      <c r="AX83" s="17">
        <v>0.78</v>
      </c>
      <c r="AY83" s="17">
        <v>0.78</v>
      </c>
      <c r="AZ83" s="17">
        <v>0.75</v>
      </c>
      <c r="BA83" s="17">
        <v>0.74</v>
      </c>
      <c r="BB83" s="17">
        <v>0.79</v>
      </c>
      <c r="BC83" s="17">
        <v>0.79</v>
      </c>
      <c r="BD83" s="17">
        <v>0.78</v>
      </c>
      <c r="BE83" s="17">
        <v>0.77</v>
      </c>
    </row>
    <row r="84" spans="3:57" x14ac:dyDescent="0.2">
      <c r="C84" s="23" t="s">
        <v>96</v>
      </c>
      <c r="D84" s="6" t="s">
        <v>58</v>
      </c>
      <c r="E84" s="23"/>
      <c r="F84" s="23"/>
      <c r="G84" s="23"/>
      <c r="H84" s="23"/>
      <c r="I84" s="23"/>
      <c r="J84" s="23"/>
      <c r="K84" s="23"/>
      <c r="L84" s="23"/>
      <c r="M84" s="23"/>
      <c r="N84" s="23"/>
      <c r="O84" s="23"/>
      <c r="P84" s="23"/>
      <c r="Q84" s="23"/>
      <c r="R84" s="23"/>
      <c r="S84" s="23"/>
      <c r="T84" s="23"/>
      <c r="U84" s="23"/>
      <c r="V84" s="23"/>
      <c r="W84" s="23"/>
      <c r="X84" s="23"/>
      <c r="Y84" s="23"/>
      <c r="Z84" s="23"/>
      <c r="AA84" s="23"/>
      <c r="AB84" s="23"/>
      <c r="AC84" s="23"/>
      <c r="AD84" s="23"/>
      <c r="AE84" s="23"/>
      <c r="AF84" s="23"/>
      <c r="AG84" s="23"/>
      <c r="AH84" s="23"/>
      <c r="AI84" s="23"/>
      <c r="AJ84" s="23"/>
      <c r="AK84" s="23"/>
      <c r="AL84" s="23"/>
      <c r="AM84" s="23"/>
      <c r="AN84" s="23"/>
      <c r="AO84" s="23"/>
      <c r="AP84" s="23"/>
      <c r="AQ84" s="23"/>
      <c r="AR84" s="23"/>
      <c r="AS84" s="23"/>
      <c r="AT84" s="23"/>
      <c r="AU84" s="23"/>
      <c r="AV84" s="23"/>
      <c r="AW84" s="23"/>
      <c r="AX84" s="23"/>
      <c r="AY84" s="23"/>
      <c r="AZ84" s="23"/>
      <c r="BA84" s="23"/>
      <c r="BB84" s="23"/>
      <c r="BC84" s="23"/>
      <c r="BD84" s="23"/>
      <c r="BE84" s="23"/>
    </row>
    <row r="87" spans="3:57" x14ac:dyDescent="0.2">
      <c r="C87" s="1" t="s">
        <v>97</v>
      </c>
    </row>
    <row r="88" spans="3:57" x14ac:dyDescent="0.2">
      <c r="E88" s="1">
        <v>2004</v>
      </c>
    </row>
    <row r="89" spans="3:57" x14ac:dyDescent="0.2">
      <c r="C89" s="3" t="s">
        <v>2</v>
      </c>
      <c r="D89" s="3" t="s">
        <v>3</v>
      </c>
      <c r="E89" s="4" t="s">
        <v>15</v>
      </c>
      <c r="F89" s="4" t="s">
        <v>16</v>
      </c>
      <c r="G89" s="4" t="s">
        <v>17</v>
      </c>
      <c r="H89" s="4" t="s">
        <v>18</v>
      </c>
      <c r="I89" s="4" t="s">
        <v>19</v>
      </c>
      <c r="J89" s="4" t="s">
        <v>20</v>
      </c>
      <c r="K89" s="4" t="s">
        <v>21</v>
      </c>
      <c r="L89" s="4" t="s">
        <v>22</v>
      </c>
      <c r="M89" s="4" t="s">
        <v>23</v>
      </c>
      <c r="N89" s="4" t="s">
        <v>24</v>
      </c>
      <c r="O89" s="4" t="s">
        <v>25</v>
      </c>
      <c r="P89" s="4" t="s">
        <v>26</v>
      </c>
      <c r="Q89" s="4" t="s">
        <v>27</v>
      </c>
      <c r="R89" s="4" t="s">
        <v>28</v>
      </c>
      <c r="S89" s="4" t="s">
        <v>29</v>
      </c>
      <c r="T89" s="4" t="s">
        <v>30</v>
      </c>
      <c r="U89" s="4" t="s">
        <v>31</v>
      </c>
      <c r="V89" s="4" t="s">
        <v>32</v>
      </c>
      <c r="W89" s="4" t="s">
        <v>33</v>
      </c>
      <c r="X89" s="4" t="s">
        <v>34</v>
      </c>
      <c r="Y89" s="4" t="s">
        <v>35</v>
      </c>
      <c r="Z89" s="4" t="s">
        <v>36</v>
      </c>
      <c r="AA89" s="4" t="s">
        <v>37</v>
      </c>
      <c r="AB89" s="4" t="s">
        <v>38</v>
      </c>
      <c r="AC89" s="4" t="s">
        <v>39</v>
      </c>
      <c r="AD89" s="4" t="s">
        <v>40</v>
      </c>
      <c r="AE89" s="4" t="s">
        <v>41</v>
      </c>
      <c r="AF89" s="4" t="s">
        <v>42</v>
      </c>
      <c r="AG89" s="4" t="s">
        <v>43</v>
      </c>
      <c r="AH89" s="4" t="s">
        <v>44</v>
      </c>
      <c r="AI89" s="4" t="s">
        <v>45</v>
      </c>
      <c r="AJ89" s="4" t="s">
        <v>46</v>
      </c>
      <c r="AK89" s="4" t="s">
        <v>47</v>
      </c>
      <c r="AL89" s="4" t="s">
        <v>48</v>
      </c>
      <c r="AM89" s="4" t="s">
        <v>49</v>
      </c>
      <c r="AN89" s="4" t="s">
        <v>50</v>
      </c>
      <c r="AO89" s="4" t="s">
        <v>51</v>
      </c>
      <c r="AP89" s="4" t="s">
        <v>52</v>
      </c>
      <c r="AQ89" s="4" t="s">
        <v>53</v>
      </c>
      <c r="AR89" s="4" t="s">
        <v>54</v>
      </c>
      <c r="AS89" s="4" t="s">
        <v>55</v>
      </c>
      <c r="AT89" s="4" t="s">
        <v>4</v>
      </c>
      <c r="AU89" s="4" t="s">
        <v>5</v>
      </c>
      <c r="AV89" s="4" t="s">
        <v>6</v>
      </c>
      <c r="AW89" s="4" t="s">
        <v>7</v>
      </c>
      <c r="AX89" s="4" t="s">
        <v>8</v>
      </c>
      <c r="AY89" s="4" t="s">
        <v>9</v>
      </c>
      <c r="AZ89" s="4" t="s">
        <v>10</v>
      </c>
      <c r="BA89" s="4" t="s">
        <v>11</v>
      </c>
      <c r="BB89" s="4" t="s">
        <v>12</v>
      </c>
      <c r="BC89" s="4" t="s">
        <v>13</v>
      </c>
      <c r="BD89" s="4" t="s">
        <v>14</v>
      </c>
      <c r="BE89" s="4" t="s">
        <v>56</v>
      </c>
    </row>
    <row r="90" spans="3:57" x14ac:dyDescent="0.2">
      <c r="C90" s="5" t="s">
        <v>57</v>
      </c>
      <c r="D90" s="6" t="s">
        <v>58</v>
      </c>
      <c r="E90" s="8">
        <v>10.49</v>
      </c>
      <c r="F90" s="8">
        <v>10.48</v>
      </c>
      <c r="G90" s="8">
        <v>10.48</v>
      </c>
      <c r="H90" s="8">
        <v>10.48</v>
      </c>
      <c r="I90" s="8">
        <v>10.56</v>
      </c>
      <c r="J90" s="8">
        <v>10.56</v>
      </c>
      <c r="K90" s="8">
        <v>10.56</v>
      </c>
      <c r="L90" s="8">
        <v>10.56</v>
      </c>
      <c r="M90" s="8">
        <v>10.56</v>
      </c>
      <c r="N90" s="8">
        <v>10.56</v>
      </c>
      <c r="O90" s="8">
        <v>10.56</v>
      </c>
      <c r="P90" s="8">
        <v>10.56</v>
      </c>
      <c r="Q90" s="8">
        <v>10.57</v>
      </c>
      <c r="R90" s="8">
        <v>10.57</v>
      </c>
      <c r="S90" s="8">
        <v>10.57</v>
      </c>
      <c r="T90" s="8">
        <v>10.58</v>
      </c>
      <c r="U90" s="8">
        <v>10.58</v>
      </c>
      <c r="V90" s="8">
        <v>10.58</v>
      </c>
      <c r="W90" s="8">
        <v>10.58</v>
      </c>
      <c r="X90" s="8">
        <v>10.58</v>
      </c>
      <c r="Y90" s="8">
        <v>10.58</v>
      </c>
      <c r="Z90" s="8">
        <v>10.58</v>
      </c>
      <c r="AA90" s="8">
        <v>10.59</v>
      </c>
      <c r="AB90" s="8">
        <v>10.59</v>
      </c>
      <c r="AC90" s="8">
        <v>10.59</v>
      </c>
      <c r="AD90" s="8">
        <v>10.56</v>
      </c>
      <c r="AE90" s="8">
        <v>10.57</v>
      </c>
      <c r="AF90" s="8">
        <v>10.59</v>
      </c>
      <c r="AG90" s="8">
        <v>10.59</v>
      </c>
      <c r="AH90" s="8">
        <v>10.59</v>
      </c>
      <c r="AI90" s="8">
        <v>10.59</v>
      </c>
      <c r="AJ90" s="8">
        <v>10.59</v>
      </c>
      <c r="AK90" s="8">
        <v>10.59</v>
      </c>
      <c r="AL90" s="8">
        <v>10.59</v>
      </c>
      <c r="AM90" s="8">
        <v>10.59</v>
      </c>
      <c r="AN90" s="8">
        <v>10.59</v>
      </c>
      <c r="AO90" s="8">
        <v>10.59</v>
      </c>
      <c r="AP90" s="8">
        <v>10.72</v>
      </c>
      <c r="AQ90" s="8">
        <v>10.72</v>
      </c>
      <c r="AR90" s="8">
        <v>10.72</v>
      </c>
      <c r="AS90" s="8">
        <v>10.76</v>
      </c>
      <c r="AT90" s="8">
        <v>10.76</v>
      </c>
      <c r="AU90" s="8">
        <v>10.76</v>
      </c>
      <c r="AV90" s="8">
        <v>10.8</v>
      </c>
      <c r="AW90" s="8">
        <v>10.8</v>
      </c>
      <c r="AX90" s="8">
        <v>10.8</v>
      </c>
      <c r="AY90" s="8">
        <v>10.8</v>
      </c>
      <c r="AZ90" s="8">
        <v>10.82</v>
      </c>
      <c r="BA90" s="8">
        <v>10.83</v>
      </c>
      <c r="BB90" s="8">
        <v>10.96</v>
      </c>
      <c r="BC90" s="8">
        <v>10.96</v>
      </c>
      <c r="BD90" s="8">
        <v>10.96</v>
      </c>
      <c r="BE90" s="8">
        <v>10.96</v>
      </c>
    </row>
    <row r="91" spans="3:57" x14ac:dyDescent="0.2">
      <c r="C91" s="5" t="s">
        <v>59</v>
      </c>
      <c r="D91" s="6" t="s">
        <v>58</v>
      </c>
      <c r="E91" s="8">
        <v>9.2200000000000006</v>
      </c>
      <c r="F91" s="8">
        <v>9.1</v>
      </c>
      <c r="G91" s="8">
        <v>9.15</v>
      </c>
      <c r="H91" s="8">
        <v>8.9700000000000006</v>
      </c>
      <c r="I91" s="8">
        <v>8.66</v>
      </c>
      <c r="J91" s="8">
        <v>8.06</v>
      </c>
      <c r="K91" s="8">
        <v>8.6300000000000008</v>
      </c>
      <c r="L91" s="8">
        <v>8.64</v>
      </c>
      <c r="M91" s="8">
        <v>8.56</v>
      </c>
      <c r="N91" s="8">
        <v>8.51</v>
      </c>
      <c r="O91" s="8">
        <v>8.49</v>
      </c>
      <c r="P91" s="8">
        <v>8.4600000000000009</v>
      </c>
      <c r="Q91" s="8">
        <v>8.4</v>
      </c>
      <c r="R91" s="8">
        <v>8.41</v>
      </c>
      <c r="S91" s="8">
        <v>8.41</v>
      </c>
      <c r="T91" s="8">
        <v>8.42</v>
      </c>
      <c r="U91" s="8">
        <v>8.27</v>
      </c>
      <c r="V91" s="8">
        <v>8.27</v>
      </c>
      <c r="W91" s="8">
        <v>8.26</v>
      </c>
      <c r="X91" s="8">
        <v>8.24</v>
      </c>
      <c r="Y91" s="8">
        <v>8.24</v>
      </c>
      <c r="Z91" s="8">
        <v>8.23</v>
      </c>
      <c r="AA91" s="8">
        <v>8.23</v>
      </c>
      <c r="AB91" s="8">
        <v>8.2200000000000006</v>
      </c>
      <c r="AC91" s="8">
        <v>8.14</v>
      </c>
      <c r="AD91" s="8">
        <v>8.1300000000000008</v>
      </c>
      <c r="AE91" s="8">
        <v>8.1300000000000008</v>
      </c>
      <c r="AF91" s="8">
        <v>8.17</v>
      </c>
      <c r="AG91" s="8">
        <v>8.16</v>
      </c>
      <c r="AH91" s="8">
        <v>8.1199999999999992</v>
      </c>
      <c r="AI91" s="8">
        <v>8.1300000000000008</v>
      </c>
      <c r="AJ91" s="8">
        <v>8.14</v>
      </c>
      <c r="AK91" s="8">
        <v>8.14</v>
      </c>
      <c r="AL91" s="8">
        <v>8.14</v>
      </c>
      <c r="AM91" s="8">
        <v>8.24</v>
      </c>
      <c r="AN91" s="8">
        <v>8.25</v>
      </c>
      <c r="AO91" s="8">
        <v>8.3800000000000008</v>
      </c>
      <c r="AP91" s="8">
        <v>8.3699999999999992</v>
      </c>
      <c r="AQ91" s="8">
        <v>8.3800000000000008</v>
      </c>
      <c r="AR91" s="8">
        <v>8.44</v>
      </c>
      <c r="AS91" s="8">
        <v>8.56</v>
      </c>
      <c r="AT91" s="8">
        <v>8.6300000000000008</v>
      </c>
      <c r="AU91" s="8">
        <v>8.75</v>
      </c>
      <c r="AV91" s="8">
        <v>9.19</v>
      </c>
      <c r="AW91" s="8">
        <v>9.23</v>
      </c>
      <c r="AX91" s="8">
        <v>9.31</v>
      </c>
      <c r="AY91" s="8">
        <v>9.32</v>
      </c>
      <c r="AZ91" s="8">
        <v>9.2899999999999991</v>
      </c>
      <c r="BA91" s="8">
        <v>9.3800000000000008</v>
      </c>
      <c r="BB91" s="8">
        <v>9.4600000000000009</v>
      </c>
      <c r="BC91" s="8">
        <v>9.4700000000000006</v>
      </c>
      <c r="BD91" s="8">
        <v>9.48</v>
      </c>
      <c r="BE91" s="8">
        <v>9.48</v>
      </c>
    </row>
    <row r="92" spans="3:57" x14ac:dyDescent="0.2">
      <c r="C92" s="5" t="s">
        <v>60</v>
      </c>
      <c r="D92" s="6" t="s">
        <v>58</v>
      </c>
      <c r="E92" s="8">
        <v>5.21</v>
      </c>
      <c r="F92" s="8">
        <v>5.18</v>
      </c>
      <c r="G92" s="8">
        <v>5.19</v>
      </c>
      <c r="H92" s="8">
        <v>5.2</v>
      </c>
      <c r="I92" s="8">
        <v>5.23</v>
      </c>
      <c r="J92" s="8">
        <v>5.21</v>
      </c>
      <c r="K92" s="8">
        <v>5.19</v>
      </c>
      <c r="L92" s="8">
        <v>5.18</v>
      </c>
      <c r="M92" s="8">
        <v>5.17</v>
      </c>
      <c r="N92" s="8">
        <v>5.18</v>
      </c>
      <c r="O92" s="8">
        <v>5.19</v>
      </c>
      <c r="P92" s="8">
        <v>5.22</v>
      </c>
      <c r="Q92" s="8">
        <v>5.25</v>
      </c>
      <c r="R92" s="8">
        <v>5.25</v>
      </c>
      <c r="S92" s="8">
        <v>5.26</v>
      </c>
      <c r="T92" s="8">
        <v>5.27</v>
      </c>
      <c r="U92" s="8">
        <v>5.26</v>
      </c>
      <c r="V92" s="8">
        <v>5.27</v>
      </c>
      <c r="W92" s="8">
        <v>5.28</v>
      </c>
      <c r="X92" s="8">
        <v>5.28</v>
      </c>
      <c r="Y92" s="8">
        <v>5.28</v>
      </c>
      <c r="Z92" s="8">
        <v>5.27</v>
      </c>
      <c r="AA92" s="8">
        <v>5.28</v>
      </c>
      <c r="AB92" s="8">
        <v>5.31</v>
      </c>
      <c r="AC92" s="8">
        <v>5.33</v>
      </c>
      <c r="AD92" s="8">
        <v>5.35</v>
      </c>
      <c r="AE92" s="8">
        <v>5.39</v>
      </c>
      <c r="AF92" s="8">
        <v>5.4</v>
      </c>
      <c r="AG92" s="8">
        <v>5.4</v>
      </c>
      <c r="AH92" s="8">
        <v>5.44</v>
      </c>
      <c r="AI92" s="8">
        <v>5.45</v>
      </c>
      <c r="AJ92" s="8">
        <v>5.46</v>
      </c>
      <c r="AK92" s="8">
        <v>5.47</v>
      </c>
      <c r="AL92" s="8">
        <v>5.47</v>
      </c>
      <c r="AM92" s="8">
        <v>5.48</v>
      </c>
      <c r="AN92" s="8">
        <v>5.46</v>
      </c>
      <c r="AO92" s="8">
        <v>5.44</v>
      </c>
      <c r="AP92" s="8">
        <v>5.44</v>
      </c>
      <c r="AQ92" s="8">
        <v>5.45</v>
      </c>
      <c r="AR92" s="8">
        <v>5.46</v>
      </c>
      <c r="AS92" s="8">
        <v>5.47</v>
      </c>
      <c r="AT92" s="8">
        <v>5.47</v>
      </c>
      <c r="AU92" s="8">
        <v>5.46</v>
      </c>
      <c r="AV92" s="8">
        <v>5.45</v>
      </c>
      <c r="AW92" s="8">
        <v>5.45</v>
      </c>
      <c r="AX92" s="8">
        <v>5.45</v>
      </c>
      <c r="AY92" s="8">
        <v>5.44</v>
      </c>
      <c r="AZ92" s="8">
        <v>5.42</v>
      </c>
      <c r="BA92" s="8">
        <v>5.42</v>
      </c>
      <c r="BB92" s="8">
        <v>5.44</v>
      </c>
      <c r="BC92" s="8">
        <v>5.44</v>
      </c>
      <c r="BD92" s="8">
        <v>5.45</v>
      </c>
      <c r="BE92" s="8">
        <v>5.45</v>
      </c>
    </row>
    <row r="93" spans="3:57" x14ac:dyDescent="0.2">
      <c r="C93" s="5" t="s">
        <v>61</v>
      </c>
      <c r="D93" s="6" t="s">
        <v>58</v>
      </c>
      <c r="E93" s="8">
        <v>2.2799999999999998</v>
      </c>
      <c r="F93" s="8">
        <v>2.2200000000000002</v>
      </c>
      <c r="G93" s="8">
        <v>2.16</v>
      </c>
      <c r="H93" s="8">
        <v>2.1800000000000002</v>
      </c>
      <c r="I93" s="8">
        <v>2.1800000000000002</v>
      </c>
      <c r="J93" s="8">
        <v>2.19</v>
      </c>
      <c r="K93" s="8">
        <v>2.19</v>
      </c>
      <c r="L93" s="8">
        <v>2.17</v>
      </c>
      <c r="M93" s="8">
        <v>2.12</v>
      </c>
      <c r="N93" s="8">
        <v>2.19</v>
      </c>
      <c r="O93" s="8">
        <v>2.23</v>
      </c>
      <c r="P93" s="8">
        <v>2.2400000000000002</v>
      </c>
      <c r="Q93" s="8">
        <v>2.2599999999999998</v>
      </c>
      <c r="R93" s="8">
        <v>2.23</v>
      </c>
      <c r="S93" s="8">
        <v>2.23</v>
      </c>
      <c r="T93" s="8">
        <v>2.2599999999999998</v>
      </c>
      <c r="U93" s="8">
        <v>2.27</v>
      </c>
      <c r="V93" s="8">
        <v>2.31</v>
      </c>
      <c r="W93" s="8">
        <v>2.35</v>
      </c>
      <c r="X93" s="8">
        <v>2.38</v>
      </c>
      <c r="Y93" s="8">
        <v>2.41</v>
      </c>
      <c r="Z93" s="8">
        <v>2.4</v>
      </c>
      <c r="AA93" s="8">
        <v>2.39</v>
      </c>
      <c r="AB93" s="8">
        <v>2.4</v>
      </c>
      <c r="AC93" s="8">
        <v>2.39</v>
      </c>
      <c r="AD93" s="8">
        <v>2.4</v>
      </c>
      <c r="AE93" s="8">
        <v>2.4</v>
      </c>
      <c r="AF93" s="8">
        <v>2.4900000000000002</v>
      </c>
      <c r="AG93" s="8">
        <v>2.54</v>
      </c>
      <c r="AH93" s="8">
        <v>2.58</v>
      </c>
      <c r="AI93" s="8">
        <v>2.58</v>
      </c>
      <c r="AJ93" s="8">
        <v>2.6</v>
      </c>
      <c r="AK93" s="8">
        <v>2.6</v>
      </c>
      <c r="AL93" s="8">
        <v>2.61</v>
      </c>
      <c r="AM93" s="8">
        <v>2.5499999999999998</v>
      </c>
      <c r="AN93" s="8">
        <v>2.5099999999999998</v>
      </c>
      <c r="AO93" s="8">
        <v>2.5299999999999998</v>
      </c>
      <c r="AP93" s="8">
        <v>2.5099999999999998</v>
      </c>
      <c r="AQ93" s="8">
        <v>2.5299999999999998</v>
      </c>
      <c r="AR93" s="8">
        <v>2.54</v>
      </c>
      <c r="AS93" s="8">
        <v>2.5299999999999998</v>
      </c>
      <c r="AT93" s="8">
        <v>2.5299999999999998</v>
      </c>
      <c r="AU93" s="8">
        <v>2.5299999999999998</v>
      </c>
      <c r="AV93" s="8">
        <v>2.57</v>
      </c>
      <c r="AW93" s="8">
        <v>2.57</v>
      </c>
      <c r="AX93" s="8">
        <v>2.58</v>
      </c>
      <c r="AY93" s="8">
        <v>2.59</v>
      </c>
      <c r="AZ93" s="8">
        <v>2.58</v>
      </c>
      <c r="BA93" s="8">
        <v>2.57</v>
      </c>
      <c r="BB93" s="8">
        <v>2.57</v>
      </c>
      <c r="BC93" s="8">
        <v>2.58</v>
      </c>
      <c r="BD93" s="8">
        <v>2.58</v>
      </c>
      <c r="BE93" s="8">
        <v>2.59</v>
      </c>
    </row>
    <row r="94" spans="3:57" x14ac:dyDescent="0.2">
      <c r="C94" s="5" t="s">
        <v>62</v>
      </c>
      <c r="D94" s="6" t="s">
        <v>58</v>
      </c>
      <c r="E94" s="8"/>
      <c r="F94" s="8"/>
      <c r="G94" s="8"/>
      <c r="H94" s="8"/>
      <c r="I94" s="8"/>
      <c r="J94" s="8"/>
      <c r="K94" s="8"/>
      <c r="L94" s="8"/>
      <c r="M94" s="8"/>
      <c r="N94" s="8"/>
      <c r="O94" s="8"/>
      <c r="P94" s="8"/>
      <c r="Q94" s="8"/>
      <c r="R94" s="8"/>
      <c r="S94" s="8"/>
      <c r="T94" s="8"/>
      <c r="U94" s="8"/>
      <c r="V94" s="8"/>
      <c r="W94" s="8"/>
      <c r="X94" s="8"/>
      <c r="Y94" s="8"/>
      <c r="Z94" s="8"/>
      <c r="AA94" s="8"/>
      <c r="AB94" s="8"/>
      <c r="AC94" s="8"/>
      <c r="AD94" s="8"/>
      <c r="AE94" s="8"/>
      <c r="AF94" s="8"/>
      <c r="AG94" s="8"/>
      <c r="AH94" s="8"/>
      <c r="AI94" s="8"/>
      <c r="AJ94" s="8"/>
      <c r="AK94" s="8"/>
      <c r="AL94" s="8"/>
      <c r="AM94" s="8"/>
      <c r="AN94" s="8"/>
      <c r="AO94" s="8"/>
      <c r="AP94" s="8"/>
      <c r="AQ94" s="8"/>
      <c r="AR94" s="8"/>
      <c r="AS94" s="8"/>
      <c r="AT94" s="8"/>
      <c r="AU94" s="8"/>
      <c r="AV94" s="8"/>
      <c r="AW94" s="8"/>
      <c r="AX94" s="8"/>
      <c r="AY94" s="8"/>
      <c r="AZ94" s="8"/>
      <c r="BA94" s="8"/>
      <c r="BB94" s="8"/>
      <c r="BC94" s="8"/>
      <c r="BD94" s="8"/>
      <c r="BE94" s="8"/>
    </row>
    <row r="95" spans="3:57" x14ac:dyDescent="0.2">
      <c r="C95" s="5" t="s">
        <v>63</v>
      </c>
      <c r="D95" s="6" t="s">
        <v>58</v>
      </c>
      <c r="E95" s="8">
        <v>19.07</v>
      </c>
      <c r="F95" s="8">
        <v>18.25</v>
      </c>
      <c r="G95" s="8">
        <v>18.71</v>
      </c>
      <c r="H95" s="8">
        <v>18.45</v>
      </c>
      <c r="I95" s="8">
        <v>17.5</v>
      </c>
      <c r="J95" s="8">
        <v>17.28</v>
      </c>
      <c r="K95" s="8">
        <v>17.32</v>
      </c>
      <c r="L95" s="8">
        <v>17.82</v>
      </c>
      <c r="M95" s="8">
        <v>17.41</v>
      </c>
      <c r="N95" s="8">
        <v>17.87</v>
      </c>
      <c r="O95" s="8">
        <v>17.32</v>
      </c>
      <c r="P95" s="8">
        <v>17.25</v>
      </c>
      <c r="Q95" s="8">
        <v>16.96</v>
      </c>
      <c r="R95" s="8">
        <v>17.75</v>
      </c>
      <c r="S95" s="8">
        <v>18.09</v>
      </c>
      <c r="T95" s="8">
        <v>17.7</v>
      </c>
      <c r="U95" s="8">
        <v>17.79</v>
      </c>
      <c r="V95" s="8">
        <v>17.690000000000001</v>
      </c>
      <c r="W95" s="8">
        <v>17.93</v>
      </c>
      <c r="X95" s="8">
        <v>17.82</v>
      </c>
      <c r="Y95" s="8">
        <v>17.809999999999999</v>
      </c>
      <c r="Z95" s="8">
        <v>17.29</v>
      </c>
      <c r="AA95" s="8">
        <v>17.37</v>
      </c>
      <c r="AB95" s="8">
        <v>17.899999999999999</v>
      </c>
      <c r="AC95" s="8">
        <v>17.739999999999998</v>
      </c>
      <c r="AD95" s="8">
        <v>17.66</v>
      </c>
      <c r="AE95" s="8">
        <v>16.84</v>
      </c>
      <c r="AF95" s="8">
        <v>17.170000000000002</v>
      </c>
      <c r="AG95" s="8">
        <v>17.190000000000001</v>
      </c>
      <c r="AH95" s="8">
        <v>17.79</v>
      </c>
      <c r="AI95" s="8">
        <v>17.7</v>
      </c>
      <c r="AJ95" s="8">
        <v>17.71</v>
      </c>
      <c r="AK95" s="8">
        <v>17.89</v>
      </c>
      <c r="AL95" s="8">
        <v>17.89</v>
      </c>
      <c r="AM95" s="8">
        <v>17.96</v>
      </c>
      <c r="AN95" s="8">
        <v>18.22</v>
      </c>
      <c r="AO95" s="8">
        <v>18.16</v>
      </c>
      <c r="AP95" s="8">
        <v>18.05</v>
      </c>
      <c r="AQ95" s="8">
        <v>17.34</v>
      </c>
      <c r="AR95" s="8">
        <v>17.46</v>
      </c>
      <c r="AS95" s="8">
        <v>16.899999999999999</v>
      </c>
      <c r="AT95" s="8">
        <v>17.010000000000002</v>
      </c>
      <c r="AU95" s="8">
        <v>17.14</v>
      </c>
      <c r="AV95" s="8">
        <v>17.32</v>
      </c>
      <c r="AW95" s="8">
        <v>17.34</v>
      </c>
      <c r="AX95" s="8">
        <v>17.37</v>
      </c>
      <c r="AY95" s="8">
        <v>17.059999999999999</v>
      </c>
      <c r="AZ95" s="8">
        <v>17.04</v>
      </c>
      <c r="BA95" s="8">
        <v>16.8</v>
      </c>
      <c r="BB95" s="8">
        <v>17.77</v>
      </c>
      <c r="BC95" s="8">
        <v>18.02</v>
      </c>
      <c r="BD95" s="8">
        <v>19.670000000000002</v>
      </c>
      <c r="BE95" s="8">
        <v>19.72</v>
      </c>
    </row>
    <row r="96" spans="3:57" x14ac:dyDescent="0.2">
      <c r="C96" s="5" t="s">
        <v>64</v>
      </c>
      <c r="D96" s="6" t="s">
        <v>58</v>
      </c>
      <c r="E96" s="8">
        <v>10.77</v>
      </c>
      <c r="F96" s="8">
        <v>10.5</v>
      </c>
      <c r="G96" s="8">
        <v>10.76</v>
      </c>
      <c r="H96" s="8">
        <v>10.91</v>
      </c>
      <c r="I96" s="8">
        <v>10.33</v>
      </c>
      <c r="J96" s="8">
        <v>10.23</v>
      </c>
      <c r="K96" s="8">
        <v>9.9499999999999993</v>
      </c>
      <c r="L96" s="8">
        <v>10.119999999999999</v>
      </c>
      <c r="M96" s="8">
        <v>9.85</v>
      </c>
      <c r="N96" s="8">
        <v>9.82</v>
      </c>
      <c r="O96" s="8">
        <v>10.32</v>
      </c>
      <c r="P96" s="8">
        <v>10.25</v>
      </c>
      <c r="Q96" s="8">
        <v>10.029999999999999</v>
      </c>
      <c r="R96" s="8">
        <v>10.18</v>
      </c>
      <c r="S96" s="8">
        <v>10.14</v>
      </c>
      <c r="T96" s="8">
        <v>9.84</v>
      </c>
      <c r="U96" s="8">
        <v>9.9499999999999993</v>
      </c>
      <c r="V96" s="8">
        <v>10</v>
      </c>
      <c r="W96" s="8">
        <v>9.9499999999999993</v>
      </c>
      <c r="X96" s="8">
        <v>9.8800000000000008</v>
      </c>
      <c r="Y96" s="8">
        <v>9.8800000000000008</v>
      </c>
      <c r="Z96" s="8">
        <v>9.64</v>
      </c>
      <c r="AA96" s="8">
        <v>9.42</v>
      </c>
      <c r="AB96" s="8">
        <v>9.66</v>
      </c>
      <c r="AC96" s="8">
        <v>9.7200000000000006</v>
      </c>
      <c r="AD96" s="8">
        <v>9.5399999999999991</v>
      </c>
      <c r="AE96" s="8">
        <v>9.56</v>
      </c>
      <c r="AF96" s="8">
        <v>9.2899999999999991</v>
      </c>
      <c r="AG96" s="8">
        <v>9.18</v>
      </c>
      <c r="AH96" s="8">
        <v>9.41</v>
      </c>
      <c r="AI96" s="8">
        <v>9.01</v>
      </c>
      <c r="AJ96" s="8">
        <v>9.0500000000000007</v>
      </c>
      <c r="AK96" s="8">
        <v>9.16</v>
      </c>
      <c r="AL96" s="8">
        <v>9.19</v>
      </c>
      <c r="AM96" s="8">
        <v>9.27</v>
      </c>
      <c r="AN96" s="8">
        <v>9.32</v>
      </c>
      <c r="AO96" s="8">
        <v>9.58</v>
      </c>
      <c r="AP96" s="8">
        <v>9.8000000000000007</v>
      </c>
      <c r="AQ96" s="8">
        <v>9.7100000000000009</v>
      </c>
      <c r="AR96" s="8">
        <v>9.73</v>
      </c>
      <c r="AS96" s="8">
        <v>9.66</v>
      </c>
      <c r="AT96" s="8">
        <v>9.73</v>
      </c>
      <c r="AU96" s="8">
        <v>9.73</v>
      </c>
      <c r="AV96" s="8">
        <v>9.94</v>
      </c>
      <c r="AW96" s="8">
        <v>10.35</v>
      </c>
      <c r="AX96" s="8">
        <v>10.210000000000001</v>
      </c>
      <c r="AY96" s="8">
        <v>9.69</v>
      </c>
      <c r="AZ96" s="8">
        <v>9.58</v>
      </c>
      <c r="BA96" s="8">
        <v>9.6199999999999992</v>
      </c>
      <c r="BB96" s="8">
        <v>9.83</v>
      </c>
      <c r="BC96" s="8">
        <v>10.02</v>
      </c>
      <c r="BD96" s="8">
        <v>10.64</v>
      </c>
      <c r="BE96" s="8">
        <v>10.77</v>
      </c>
    </row>
    <row r="97" spans="3:57" x14ac:dyDescent="0.2">
      <c r="C97" s="5" t="s">
        <v>65</v>
      </c>
      <c r="D97" s="6" t="s">
        <v>58</v>
      </c>
      <c r="E97" s="8">
        <v>3.24</v>
      </c>
      <c r="F97" s="8">
        <v>3.23</v>
      </c>
      <c r="G97" s="8">
        <v>3.16</v>
      </c>
      <c r="H97" s="8">
        <v>3.3</v>
      </c>
      <c r="I97" s="8">
        <v>3.23</v>
      </c>
      <c r="J97" s="8">
        <v>3.2</v>
      </c>
      <c r="K97" s="8">
        <v>3.2</v>
      </c>
      <c r="L97" s="8">
        <v>3.21</v>
      </c>
      <c r="M97" s="8">
        <v>3.27</v>
      </c>
      <c r="N97" s="8">
        <v>3.33</v>
      </c>
      <c r="O97" s="8">
        <v>3.41</v>
      </c>
      <c r="P97" s="8">
        <v>3.4</v>
      </c>
      <c r="Q97" s="8">
        <v>3.58</v>
      </c>
      <c r="R97" s="8">
        <v>3.51</v>
      </c>
      <c r="S97" s="8">
        <v>3.58</v>
      </c>
      <c r="T97" s="8">
        <v>3.41</v>
      </c>
      <c r="U97" s="8">
        <v>3.32</v>
      </c>
      <c r="V97" s="8">
        <v>3.37</v>
      </c>
      <c r="W97" s="8">
        <v>3.45</v>
      </c>
      <c r="X97" s="8">
        <v>3.4</v>
      </c>
      <c r="Y97" s="8">
        <v>3.19</v>
      </c>
      <c r="Z97" s="8">
        <v>3.18</v>
      </c>
      <c r="AA97" s="8">
        <v>3.3</v>
      </c>
      <c r="AB97" s="8">
        <v>3.26</v>
      </c>
      <c r="AC97" s="8">
        <v>3.22</v>
      </c>
      <c r="AD97" s="8">
        <v>3.32</v>
      </c>
      <c r="AE97" s="8">
        <v>3.35</v>
      </c>
      <c r="AF97" s="8">
        <v>3.26</v>
      </c>
      <c r="AG97" s="8">
        <v>3.23</v>
      </c>
      <c r="AH97" s="8">
        <v>3.31</v>
      </c>
      <c r="AI97" s="8">
        <v>3.14</v>
      </c>
      <c r="AJ97" s="8">
        <v>3.08</v>
      </c>
      <c r="AK97" s="8">
        <v>3.24</v>
      </c>
      <c r="AL97" s="8">
        <v>3.2</v>
      </c>
      <c r="AM97" s="8">
        <v>3.33</v>
      </c>
      <c r="AN97" s="8">
        <v>3.28</v>
      </c>
      <c r="AO97" s="8">
        <v>3.22</v>
      </c>
      <c r="AP97" s="8">
        <v>3.31</v>
      </c>
      <c r="AQ97" s="8">
        <v>3.27</v>
      </c>
      <c r="AR97" s="8">
        <v>3.24</v>
      </c>
      <c r="AS97" s="8">
        <v>3.11</v>
      </c>
      <c r="AT97" s="8">
        <v>3.14</v>
      </c>
      <c r="AU97" s="8">
        <v>3.1</v>
      </c>
      <c r="AV97" s="8">
        <v>3.05</v>
      </c>
      <c r="AW97" s="8">
        <v>3.17</v>
      </c>
      <c r="AX97" s="8">
        <v>3.13</v>
      </c>
      <c r="AY97" s="8">
        <v>3.25</v>
      </c>
      <c r="AZ97" s="8">
        <v>3.19</v>
      </c>
      <c r="BA97" s="8">
        <v>3.21</v>
      </c>
      <c r="BB97" s="8">
        <v>3.27</v>
      </c>
      <c r="BC97" s="8">
        <v>3.31</v>
      </c>
      <c r="BD97" s="8">
        <v>3.47</v>
      </c>
      <c r="BE97" s="8">
        <v>3.47</v>
      </c>
    </row>
    <row r="98" spans="3:57" x14ac:dyDescent="0.2">
      <c r="C98" s="5" t="s">
        <v>66</v>
      </c>
      <c r="D98" s="6" t="s">
        <v>58</v>
      </c>
      <c r="E98" s="8">
        <v>5.95</v>
      </c>
      <c r="F98" s="8">
        <v>5.87</v>
      </c>
      <c r="G98" s="8">
        <v>5.84</v>
      </c>
      <c r="H98" s="8">
        <v>5.79</v>
      </c>
      <c r="I98" s="8">
        <v>6.03</v>
      </c>
      <c r="J98" s="8">
        <v>5.83</v>
      </c>
      <c r="K98" s="8">
        <v>5.76</v>
      </c>
      <c r="L98" s="8">
        <v>5.51</v>
      </c>
      <c r="M98" s="8">
        <v>6.19</v>
      </c>
      <c r="N98" s="8">
        <v>6.04</v>
      </c>
      <c r="O98" s="8">
        <v>5.91</v>
      </c>
      <c r="P98" s="8">
        <v>5.85</v>
      </c>
      <c r="Q98" s="8">
        <v>6.29</v>
      </c>
      <c r="R98" s="8">
        <v>6.41</v>
      </c>
      <c r="S98" s="8">
        <v>6.16</v>
      </c>
      <c r="T98" s="8">
        <v>6.29</v>
      </c>
      <c r="U98" s="8">
        <v>6.33</v>
      </c>
      <c r="V98" s="8">
        <v>6</v>
      </c>
      <c r="W98" s="8">
        <v>6.63</v>
      </c>
      <c r="X98" s="8">
        <v>5.94</v>
      </c>
      <c r="Y98" s="8">
        <v>5.69</v>
      </c>
      <c r="Z98" s="8">
        <v>5.65</v>
      </c>
      <c r="AA98" s="8">
        <v>5.37</v>
      </c>
      <c r="AB98" s="8">
        <v>5.32</v>
      </c>
      <c r="AC98" s="8">
        <v>5.45</v>
      </c>
      <c r="AD98" s="8">
        <v>5.51</v>
      </c>
      <c r="AE98" s="8">
        <v>5.51</v>
      </c>
      <c r="AF98" s="8">
        <v>5.8</v>
      </c>
      <c r="AG98" s="8">
        <v>6.26</v>
      </c>
      <c r="AH98" s="8">
        <v>6.15</v>
      </c>
      <c r="AI98" s="8">
        <v>5.9</v>
      </c>
      <c r="AJ98" s="8">
        <v>5.95</v>
      </c>
      <c r="AK98" s="8">
        <v>6.26</v>
      </c>
      <c r="AL98" s="8">
        <v>6.28</v>
      </c>
      <c r="AM98" s="8">
        <v>6.28</v>
      </c>
      <c r="AN98" s="8">
        <v>6.34</v>
      </c>
      <c r="AO98" s="8">
        <v>6.22</v>
      </c>
      <c r="AP98" s="8">
        <v>6.28</v>
      </c>
      <c r="AQ98" s="8">
        <v>6.12</v>
      </c>
      <c r="AR98" s="8">
        <v>6.19</v>
      </c>
      <c r="AS98" s="8">
        <v>6.1</v>
      </c>
      <c r="AT98" s="8">
        <v>5.89</v>
      </c>
      <c r="AU98" s="8">
        <v>6.3</v>
      </c>
      <c r="AV98" s="8">
        <v>6.78</v>
      </c>
      <c r="AW98" s="8">
        <v>7.02</v>
      </c>
      <c r="AX98" s="8">
        <v>6.75</v>
      </c>
      <c r="AY98" s="8">
        <v>6.98</v>
      </c>
      <c r="AZ98" s="8">
        <v>6.38</v>
      </c>
      <c r="BA98" s="8">
        <v>6.35</v>
      </c>
      <c r="BB98" s="8">
        <v>6.22</v>
      </c>
      <c r="BC98" s="8">
        <v>6.38</v>
      </c>
      <c r="BD98" s="8">
        <v>6.43</v>
      </c>
      <c r="BE98" s="8">
        <v>6.5</v>
      </c>
    </row>
    <row r="99" spans="3:57" x14ac:dyDescent="0.2">
      <c r="C99" s="5" t="s">
        <v>67</v>
      </c>
      <c r="D99" s="6" t="s">
        <v>58</v>
      </c>
      <c r="E99" s="8">
        <v>11.15</v>
      </c>
      <c r="F99" s="8">
        <v>11.75</v>
      </c>
      <c r="G99" s="8">
        <v>12.36</v>
      </c>
      <c r="H99" s="8">
        <v>12.59</v>
      </c>
      <c r="I99" s="8">
        <v>11.95</v>
      </c>
      <c r="J99" s="8">
        <v>11.83</v>
      </c>
      <c r="K99" s="8">
        <v>12.15</v>
      </c>
      <c r="L99" s="8">
        <v>12.41</v>
      </c>
      <c r="M99" s="8">
        <v>11.48</v>
      </c>
      <c r="N99" s="8">
        <v>11.73</v>
      </c>
      <c r="O99" s="8">
        <v>11.58</v>
      </c>
      <c r="P99" s="8">
        <v>12.08</v>
      </c>
      <c r="Q99" s="8">
        <v>12.45</v>
      </c>
      <c r="R99" s="8">
        <v>12.63</v>
      </c>
      <c r="S99" s="8">
        <v>12.15</v>
      </c>
      <c r="T99" s="8">
        <v>11.72</v>
      </c>
      <c r="U99" s="8">
        <v>11.8</v>
      </c>
      <c r="V99" s="8">
        <v>11.88</v>
      </c>
      <c r="W99" s="8">
        <v>11.88</v>
      </c>
      <c r="X99" s="8">
        <v>11.93</v>
      </c>
      <c r="Y99" s="8">
        <v>11.76</v>
      </c>
      <c r="Z99" s="8">
        <v>11.4</v>
      </c>
      <c r="AA99" s="8">
        <v>11.11</v>
      </c>
      <c r="AB99" s="8">
        <v>10.93</v>
      </c>
      <c r="AC99" s="8">
        <v>10.95</v>
      </c>
      <c r="AD99" s="8">
        <v>10.87</v>
      </c>
      <c r="AE99" s="8">
        <v>10.85</v>
      </c>
      <c r="AF99" s="8">
        <v>11.13</v>
      </c>
      <c r="AG99" s="8">
        <v>11.12</v>
      </c>
      <c r="AH99" s="8">
        <v>11.46</v>
      </c>
      <c r="AI99" s="8">
        <v>11.3</v>
      </c>
      <c r="AJ99" s="8">
        <v>11.01</v>
      </c>
      <c r="AK99" s="8">
        <v>10.89</v>
      </c>
      <c r="AL99" s="8">
        <v>10.59</v>
      </c>
      <c r="AM99" s="8">
        <v>10.47</v>
      </c>
      <c r="AN99" s="8">
        <v>10.95</v>
      </c>
      <c r="AO99" s="8">
        <v>11.23</v>
      </c>
      <c r="AP99" s="8">
        <v>11.39</v>
      </c>
      <c r="AQ99" s="8">
        <v>11.5</v>
      </c>
      <c r="AR99" s="8">
        <v>11.73</v>
      </c>
      <c r="AS99" s="8">
        <v>12.11</v>
      </c>
      <c r="AT99" s="8">
        <v>11.89</v>
      </c>
      <c r="AU99" s="8">
        <v>12.19</v>
      </c>
      <c r="AV99" s="8">
        <v>12.87</v>
      </c>
      <c r="AW99" s="8">
        <v>12.96</v>
      </c>
      <c r="AX99" s="8">
        <v>13.08</v>
      </c>
      <c r="AY99" s="8">
        <v>12.81</v>
      </c>
      <c r="AZ99" s="8">
        <v>12.6</v>
      </c>
      <c r="BA99" s="8">
        <v>12.64</v>
      </c>
      <c r="BB99" s="8">
        <v>12.38</v>
      </c>
      <c r="BC99" s="8">
        <v>12.36</v>
      </c>
      <c r="BD99" s="8">
        <v>12.8</v>
      </c>
      <c r="BE99" s="8">
        <v>12.77</v>
      </c>
    </row>
    <row r="100" spans="3:57" x14ac:dyDescent="0.2">
      <c r="C100" s="5" t="s">
        <v>68</v>
      </c>
      <c r="D100" s="6" t="s">
        <v>58</v>
      </c>
      <c r="E100" s="8">
        <v>4.7</v>
      </c>
      <c r="F100" s="8">
        <v>4.5999999999999996</v>
      </c>
      <c r="G100" s="8">
        <v>4.72</v>
      </c>
      <c r="H100" s="8">
        <v>4.67</v>
      </c>
      <c r="I100" s="8">
        <v>4.49</v>
      </c>
      <c r="J100" s="8">
        <v>4.41</v>
      </c>
      <c r="K100" s="8">
        <v>4.45</v>
      </c>
      <c r="L100" s="8">
        <v>4.46</v>
      </c>
      <c r="M100" s="8">
        <v>4.38</v>
      </c>
      <c r="N100" s="8">
        <v>4.41</v>
      </c>
      <c r="O100" s="8">
        <v>4.58</v>
      </c>
      <c r="P100" s="8">
        <v>4.59</v>
      </c>
      <c r="Q100" s="8">
        <v>4.32</v>
      </c>
      <c r="R100" s="8">
        <v>4.4400000000000004</v>
      </c>
      <c r="S100" s="8">
        <v>4.54</v>
      </c>
      <c r="T100" s="8">
        <v>5.03</v>
      </c>
      <c r="U100" s="8">
        <v>4.83</v>
      </c>
      <c r="V100" s="8">
        <v>4.6900000000000004</v>
      </c>
      <c r="W100" s="8">
        <v>4.63</v>
      </c>
      <c r="X100" s="8">
        <v>4.49</v>
      </c>
      <c r="Y100" s="8">
        <v>4.42</v>
      </c>
      <c r="Z100" s="8">
        <v>4.32</v>
      </c>
      <c r="AA100" s="8">
        <v>4.49</v>
      </c>
      <c r="AB100" s="8">
        <v>4.47</v>
      </c>
      <c r="AC100" s="8">
        <v>4.41</v>
      </c>
      <c r="AD100" s="8">
        <v>4.24</v>
      </c>
      <c r="AE100" s="8">
        <v>4.25</v>
      </c>
      <c r="AF100" s="8">
        <v>4.3499999999999996</v>
      </c>
      <c r="AG100" s="8">
        <v>4.51</v>
      </c>
      <c r="AH100" s="8">
        <v>4.51</v>
      </c>
      <c r="AI100" s="8">
        <v>4.34</v>
      </c>
      <c r="AJ100" s="8">
        <v>4.28</v>
      </c>
      <c r="AK100" s="8">
        <v>4.1399999999999997</v>
      </c>
      <c r="AL100" s="8">
        <v>4.17</v>
      </c>
      <c r="AM100" s="8">
        <v>4.16</v>
      </c>
      <c r="AN100" s="8">
        <v>4.1900000000000004</v>
      </c>
      <c r="AO100" s="8">
        <v>4.28</v>
      </c>
      <c r="AP100" s="8">
        <v>4.4800000000000004</v>
      </c>
      <c r="AQ100" s="8">
        <v>4.0599999999999996</v>
      </c>
      <c r="AR100" s="8">
        <v>4.0599999999999996</v>
      </c>
      <c r="AS100" s="8">
        <v>3.99</v>
      </c>
      <c r="AT100" s="8">
        <v>4.0199999999999996</v>
      </c>
      <c r="AU100" s="8">
        <v>4.03</v>
      </c>
      <c r="AV100" s="8">
        <v>4.12</v>
      </c>
      <c r="AW100" s="8">
        <v>4.5</v>
      </c>
      <c r="AX100" s="8">
        <v>4.49</v>
      </c>
      <c r="AY100" s="8">
        <v>4.3499999999999996</v>
      </c>
      <c r="AZ100" s="8">
        <v>4.34</v>
      </c>
      <c r="BA100" s="8">
        <v>4.33</v>
      </c>
      <c r="BB100" s="8">
        <v>4.28</v>
      </c>
      <c r="BC100" s="8">
        <v>4.6100000000000003</v>
      </c>
      <c r="BD100" s="8">
        <v>4.72</v>
      </c>
      <c r="BE100" s="8">
        <v>4.76</v>
      </c>
    </row>
    <row r="101" spans="3:57" x14ac:dyDescent="0.2">
      <c r="C101" s="5" t="s">
        <v>69</v>
      </c>
      <c r="D101" s="6" t="s">
        <v>58</v>
      </c>
      <c r="E101" s="8">
        <v>3.49</v>
      </c>
      <c r="F101" s="8">
        <v>3.7</v>
      </c>
      <c r="G101" s="8">
        <v>3.65</v>
      </c>
      <c r="H101" s="8">
        <v>3.74</v>
      </c>
      <c r="I101" s="8">
        <v>3.54</v>
      </c>
      <c r="J101" s="8">
        <v>3.48</v>
      </c>
      <c r="K101" s="8">
        <v>3.59</v>
      </c>
      <c r="L101" s="8">
        <v>3.45</v>
      </c>
      <c r="M101" s="8">
        <v>3.7</v>
      </c>
      <c r="N101" s="8">
        <v>3.49</v>
      </c>
      <c r="O101" s="8">
        <v>3.96</v>
      </c>
      <c r="P101" s="8">
        <v>3.93</v>
      </c>
      <c r="Q101" s="8">
        <v>3.78</v>
      </c>
      <c r="R101" s="8">
        <v>3.78</v>
      </c>
      <c r="S101" s="8">
        <v>3.81</v>
      </c>
      <c r="T101" s="8">
        <v>3.64</v>
      </c>
      <c r="U101" s="8">
        <v>3.65</v>
      </c>
      <c r="V101" s="8">
        <v>3.55</v>
      </c>
      <c r="W101" s="8">
        <v>3.52</v>
      </c>
      <c r="X101" s="8">
        <v>3.49</v>
      </c>
      <c r="Y101" s="8">
        <v>3.45</v>
      </c>
      <c r="Z101" s="8">
        <v>3.57</v>
      </c>
      <c r="AA101" s="8">
        <v>3.6</v>
      </c>
      <c r="AB101" s="8">
        <v>3.38</v>
      </c>
      <c r="AC101" s="8">
        <v>3.39</v>
      </c>
      <c r="AD101" s="8">
        <v>3.32</v>
      </c>
      <c r="AE101" s="8">
        <v>3.18</v>
      </c>
      <c r="AF101" s="8">
        <v>3.24</v>
      </c>
      <c r="AG101" s="8">
        <v>3.31</v>
      </c>
      <c r="AH101" s="8">
        <v>3.49</v>
      </c>
      <c r="AI101" s="8">
        <v>3.38</v>
      </c>
      <c r="AJ101" s="8">
        <v>3.39</v>
      </c>
      <c r="AK101" s="8">
        <v>3.44</v>
      </c>
      <c r="AL101" s="8">
        <v>3.4</v>
      </c>
      <c r="AM101" s="8">
        <v>3.39</v>
      </c>
      <c r="AN101" s="8">
        <v>3.41</v>
      </c>
      <c r="AO101" s="8">
        <v>3.32</v>
      </c>
      <c r="AP101" s="8">
        <v>3.4</v>
      </c>
      <c r="AQ101" s="8">
        <v>3.21</v>
      </c>
      <c r="AR101" s="8">
        <v>3.26</v>
      </c>
      <c r="AS101" s="8">
        <v>3.27</v>
      </c>
      <c r="AT101" s="8">
        <v>3.27</v>
      </c>
      <c r="AU101" s="8">
        <v>3.3</v>
      </c>
      <c r="AV101" s="8">
        <v>3.15</v>
      </c>
      <c r="AW101" s="8">
        <v>3.21</v>
      </c>
      <c r="AX101" s="8">
        <v>3.17</v>
      </c>
      <c r="AY101" s="8">
        <v>3.22</v>
      </c>
      <c r="AZ101" s="8">
        <v>3.21</v>
      </c>
      <c r="BA101" s="8">
        <v>3.19</v>
      </c>
      <c r="BB101" s="8">
        <v>3.17</v>
      </c>
      <c r="BC101" s="8">
        <v>3.16</v>
      </c>
      <c r="BD101" s="8">
        <v>3.22</v>
      </c>
      <c r="BE101" s="8">
        <v>3.22</v>
      </c>
    </row>
    <row r="102" spans="3:57" x14ac:dyDescent="0.2">
      <c r="C102" s="5" t="s">
        <v>70</v>
      </c>
      <c r="D102" s="6" t="s">
        <v>58</v>
      </c>
      <c r="E102" s="8"/>
      <c r="F102" s="8"/>
      <c r="G102" s="8"/>
      <c r="H102" s="8"/>
      <c r="I102" s="8"/>
      <c r="J102" s="8"/>
      <c r="K102" s="8"/>
      <c r="L102" s="8"/>
      <c r="M102" s="8"/>
      <c r="N102" s="8"/>
      <c r="O102" s="8"/>
      <c r="P102" s="8"/>
      <c r="Q102" s="8"/>
      <c r="R102" s="8"/>
      <c r="S102" s="8"/>
      <c r="T102" s="8"/>
      <c r="U102" s="8"/>
      <c r="V102" s="8"/>
      <c r="W102" s="8"/>
      <c r="X102" s="8"/>
      <c r="Y102" s="8"/>
      <c r="Z102" s="8"/>
      <c r="AA102" s="8"/>
      <c r="AB102" s="8"/>
      <c r="AC102" s="8"/>
      <c r="AD102" s="8"/>
      <c r="AE102" s="8"/>
      <c r="AF102" s="8"/>
      <c r="AG102" s="8"/>
      <c r="AH102" s="8"/>
      <c r="AI102" s="8"/>
      <c r="AJ102" s="8"/>
      <c r="AK102" s="8"/>
      <c r="AL102" s="8"/>
      <c r="AM102" s="8"/>
      <c r="AN102" s="8"/>
      <c r="AO102" s="8"/>
      <c r="AP102" s="8"/>
      <c r="AQ102" s="8"/>
      <c r="AR102" s="8"/>
      <c r="AS102" s="8"/>
      <c r="AT102" s="8"/>
      <c r="AU102" s="8"/>
      <c r="AV102" s="8"/>
      <c r="AW102" s="8"/>
      <c r="AX102" s="8"/>
      <c r="AY102" s="8"/>
      <c r="AZ102" s="8"/>
      <c r="BA102" s="8"/>
      <c r="BB102" s="8"/>
      <c r="BC102" s="8"/>
      <c r="BD102" s="8"/>
      <c r="BE102" s="8"/>
    </row>
    <row r="103" spans="3:57" x14ac:dyDescent="0.2">
      <c r="C103" s="5" t="s">
        <v>71</v>
      </c>
      <c r="D103" s="6" t="s">
        <v>58</v>
      </c>
      <c r="E103" s="8">
        <v>3.91</v>
      </c>
      <c r="F103" s="8">
        <v>3.95</v>
      </c>
      <c r="G103" s="8">
        <v>3.88</v>
      </c>
      <c r="H103" s="8">
        <v>3.9</v>
      </c>
      <c r="I103" s="8">
        <v>3.95</v>
      </c>
      <c r="J103" s="8">
        <v>3.95</v>
      </c>
      <c r="K103" s="8">
        <v>3.95</v>
      </c>
      <c r="L103" s="8">
        <v>3.96</v>
      </c>
      <c r="M103" s="8">
        <v>3.96</v>
      </c>
      <c r="N103" s="8">
        <v>3.95</v>
      </c>
      <c r="O103" s="8">
        <v>3.97</v>
      </c>
      <c r="P103" s="8">
        <v>3.97</v>
      </c>
      <c r="Q103" s="8">
        <v>3.99</v>
      </c>
      <c r="R103" s="8">
        <v>4.01</v>
      </c>
      <c r="S103" s="8">
        <v>3.99</v>
      </c>
      <c r="T103" s="8">
        <v>3.98</v>
      </c>
      <c r="U103" s="8">
        <v>3.96</v>
      </c>
      <c r="V103" s="8">
        <v>3.94</v>
      </c>
      <c r="W103" s="8">
        <v>3.92</v>
      </c>
      <c r="X103" s="8">
        <v>3.92</v>
      </c>
      <c r="Y103" s="8">
        <v>3.95</v>
      </c>
      <c r="Z103" s="8">
        <v>3.98</v>
      </c>
      <c r="AA103" s="8">
        <v>3.96</v>
      </c>
      <c r="AB103" s="8">
        <v>3.95</v>
      </c>
      <c r="AC103" s="8">
        <v>3.94</v>
      </c>
      <c r="AD103" s="8">
        <v>3.92</v>
      </c>
      <c r="AE103" s="8">
        <v>3.95</v>
      </c>
      <c r="AF103" s="8">
        <v>3.9</v>
      </c>
      <c r="AG103" s="8">
        <v>3.91</v>
      </c>
      <c r="AH103" s="8">
        <v>3.91</v>
      </c>
      <c r="AI103" s="8">
        <v>3.89</v>
      </c>
      <c r="AJ103" s="8">
        <v>3.94</v>
      </c>
      <c r="AK103" s="8">
        <v>3.94</v>
      </c>
      <c r="AL103" s="8">
        <v>3.94</v>
      </c>
      <c r="AM103" s="8">
        <v>3.9</v>
      </c>
      <c r="AN103" s="8">
        <v>3.84</v>
      </c>
      <c r="AO103" s="8">
        <v>3.8</v>
      </c>
      <c r="AP103" s="8">
        <v>3.74</v>
      </c>
      <c r="AQ103" s="8">
        <v>3.74</v>
      </c>
      <c r="AR103" s="8">
        <v>3.74</v>
      </c>
      <c r="AS103" s="8">
        <v>3.77</v>
      </c>
      <c r="AT103" s="8">
        <v>3.77</v>
      </c>
      <c r="AU103" s="8">
        <v>3.78</v>
      </c>
      <c r="AV103" s="8">
        <v>3.79</v>
      </c>
      <c r="AW103" s="8">
        <v>3.78</v>
      </c>
      <c r="AX103" s="8">
        <v>3.79</v>
      </c>
      <c r="AY103" s="8">
        <v>3.8</v>
      </c>
      <c r="AZ103" s="8">
        <v>3.78</v>
      </c>
      <c r="BA103" s="8">
        <v>3.78</v>
      </c>
      <c r="BB103" s="8">
        <v>3.91</v>
      </c>
      <c r="BC103" s="8">
        <v>3.89</v>
      </c>
      <c r="BD103" s="8">
        <v>3.85</v>
      </c>
      <c r="BE103" s="8">
        <v>3.85</v>
      </c>
    </row>
    <row r="104" spans="3:57" x14ac:dyDescent="0.2">
      <c r="C104" s="5" t="s">
        <v>72</v>
      </c>
      <c r="D104" s="6" t="s">
        <v>58</v>
      </c>
      <c r="E104" s="8">
        <v>7.76</v>
      </c>
      <c r="F104" s="8">
        <v>7.67</v>
      </c>
      <c r="G104" s="8">
        <v>7.61</v>
      </c>
      <c r="H104" s="8">
        <v>7.58</v>
      </c>
      <c r="I104" s="8">
        <v>7.59</v>
      </c>
      <c r="J104" s="8">
        <v>7.59</v>
      </c>
      <c r="K104" s="8">
        <v>7.58</v>
      </c>
      <c r="L104" s="8">
        <v>7.62</v>
      </c>
      <c r="M104" s="8">
        <v>7.65</v>
      </c>
      <c r="N104" s="8">
        <v>7.58</v>
      </c>
      <c r="O104" s="8">
        <v>7.54</v>
      </c>
      <c r="P104" s="8">
        <v>7.56</v>
      </c>
      <c r="Q104" s="8">
        <v>7.56</v>
      </c>
      <c r="R104" s="8">
        <v>7.56</v>
      </c>
      <c r="S104" s="8">
        <v>7.66</v>
      </c>
      <c r="T104" s="8">
        <v>7.65</v>
      </c>
      <c r="U104" s="8">
        <v>7.62</v>
      </c>
      <c r="V104" s="8">
        <v>7.62</v>
      </c>
      <c r="W104" s="8">
        <v>7.61</v>
      </c>
      <c r="X104" s="8">
        <v>7.57</v>
      </c>
      <c r="Y104" s="8">
        <v>7.65</v>
      </c>
      <c r="Z104" s="8">
        <v>7.66</v>
      </c>
      <c r="AA104" s="8">
        <v>7.64</v>
      </c>
      <c r="AB104" s="8">
        <v>7.63</v>
      </c>
      <c r="AC104" s="8">
        <v>7.57</v>
      </c>
      <c r="AD104" s="8">
        <v>7.5</v>
      </c>
      <c r="AE104" s="8">
        <v>7.46</v>
      </c>
      <c r="AF104" s="8">
        <v>7.48</v>
      </c>
      <c r="AG104" s="8">
        <v>7.51</v>
      </c>
      <c r="AH104" s="8">
        <v>7.6</v>
      </c>
      <c r="AI104" s="8">
        <v>7.57</v>
      </c>
      <c r="AJ104" s="8">
        <v>7.58</v>
      </c>
      <c r="AK104" s="8">
        <v>7.57</v>
      </c>
      <c r="AL104" s="8">
        <v>7.62</v>
      </c>
      <c r="AM104" s="8">
        <v>7.67</v>
      </c>
      <c r="AN104" s="8">
        <v>7.76</v>
      </c>
      <c r="AO104" s="8">
        <v>7.66</v>
      </c>
      <c r="AP104" s="8">
        <v>7.59</v>
      </c>
      <c r="AQ104" s="8">
        <v>7.6</v>
      </c>
      <c r="AR104" s="8">
        <v>7.66</v>
      </c>
      <c r="AS104" s="8">
        <v>7.61</v>
      </c>
      <c r="AT104" s="8">
        <v>7.42</v>
      </c>
      <c r="AU104" s="8">
        <v>7.42</v>
      </c>
      <c r="AV104" s="8">
        <v>7.35</v>
      </c>
      <c r="AW104" s="8">
        <v>7.43</v>
      </c>
      <c r="AX104" s="8">
        <v>7.43</v>
      </c>
      <c r="AY104" s="8">
        <v>7.38</v>
      </c>
      <c r="AZ104" s="8">
        <v>7.36</v>
      </c>
      <c r="BA104" s="8">
        <v>7.42</v>
      </c>
      <c r="BB104" s="8">
        <v>7.43</v>
      </c>
      <c r="BC104" s="8">
        <v>7.41</v>
      </c>
      <c r="BD104" s="8">
        <v>7.49</v>
      </c>
      <c r="BE104" s="8">
        <v>7.48</v>
      </c>
    </row>
    <row r="105" spans="3:57" x14ac:dyDescent="0.2">
      <c r="C105" s="5" t="s">
        <v>73</v>
      </c>
      <c r="D105" s="6" t="s">
        <v>58</v>
      </c>
      <c r="E105" s="8">
        <v>9.42</v>
      </c>
      <c r="F105" s="8">
        <v>9.4499999999999993</v>
      </c>
      <c r="G105" s="8">
        <v>9.17</v>
      </c>
      <c r="H105" s="8">
        <v>8.85</v>
      </c>
      <c r="I105" s="8">
        <v>9.09</v>
      </c>
      <c r="J105" s="8">
        <v>9.1</v>
      </c>
      <c r="K105" s="8">
        <v>9.18</v>
      </c>
      <c r="L105" s="8">
        <v>9.16</v>
      </c>
      <c r="M105" s="8">
        <v>8.85</v>
      </c>
      <c r="N105" s="8">
        <v>9.18</v>
      </c>
      <c r="O105" s="8">
        <v>9.1999999999999993</v>
      </c>
      <c r="P105" s="8">
        <v>9.39</v>
      </c>
      <c r="Q105" s="8">
        <v>9.16</v>
      </c>
      <c r="R105" s="8">
        <v>9.02</v>
      </c>
      <c r="S105" s="8">
        <v>9.19</v>
      </c>
      <c r="T105" s="8">
        <v>9.51</v>
      </c>
      <c r="U105" s="8">
        <v>9.52</v>
      </c>
      <c r="V105" s="8">
        <v>9.4499999999999993</v>
      </c>
      <c r="W105" s="8">
        <v>9.1999999999999993</v>
      </c>
      <c r="X105" s="8">
        <v>9.0399999999999991</v>
      </c>
      <c r="Y105" s="8">
        <v>9.24</v>
      </c>
      <c r="Z105" s="8">
        <v>9.2799999999999994</v>
      </c>
      <c r="AA105" s="8">
        <v>9.2799999999999994</v>
      </c>
      <c r="AB105" s="8">
        <v>9.26</v>
      </c>
      <c r="AC105" s="8">
        <v>8.91</v>
      </c>
      <c r="AD105" s="8">
        <v>8.6999999999999993</v>
      </c>
      <c r="AE105" s="8">
        <v>8.73</v>
      </c>
      <c r="AF105" s="8">
        <v>8.82</v>
      </c>
      <c r="AG105" s="8">
        <v>9.06</v>
      </c>
      <c r="AH105" s="8">
        <v>9.1999999999999993</v>
      </c>
      <c r="AI105" s="8">
        <v>9.2100000000000009</v>
      </c>
      <c r="AJ105" s="8">
        <v>9.26</v>
      </c>
      <c r="AK105" s="8">
        <v>9.18</v>
      </c>
      <c r="AL105" s="8">
        <v>9.23</v>
      </c>
      <c r="AM105" s="8">
        <v>8.93</v>
      </c>
      <c r="AN105" s="8">
        <v>9.1199999999999992</v>
      </c>
      <c r="AO105" s="8">
        <v>8.64</v>
      </c>
      <c r="AP105" s="8">
        <v>9.23</v>
      </c>
      <c r="AQ105" s="8">
        <v>8.98</v>
      </c>
      <c r="AR105" s="8">
        <v>8.85</v>
      </c>
      <c r="AS105" s="8">
        <v>8.65</v>
      </c>
      <c r="AT105" s="8">
        <v>8.59</v>
      </c>
      <c r="AU105" s="8">
        <v>8.6300000000000008</v>
      </c>
      <c r="AV105" s="8">
        <v>8.32</v>
      </c>
      <c r="AW105" s="8">
        <v>8.39</v>
      </c>
      <c r="AX105" s="8">
        <v>8.2799999999999994</v>
      </c>
      <c r="AY105" s="8">
        <v>8.3000000000000007</v>
      </c>
      <c r="AZ105" s="8">
        <v>8.32</v>
      </c>
      <c r="BA105" s="8">
        <v>8.2899999999999991</v>
      </c>
      <c r="BB105" s="8">
        <v>8.5299999999999994</v>
      </c>
      <c r="BC105" s="8">
        <v>8.42</v>
      </c>
      <c r="BD105" s="8">
        <v>8.35</v>
      </c>
      <c r="BE105" s="8">
        <v>8.51</v>
      </c>
    </row>
    <row r="106" spans="3:57" x14ac:dyDescent="0.2">
      <c r="C106" s="5" t="s">
        <v>74</v>
      </c>
      <c r="D106" s="6" t="s">
        <v>58</v>
      </c>
      <c r="E106" s="8">
        <v>2.85</v>
      </c>
      <c r="F106" s="8">
        <v>2.78</v>
      </c>
      <c r="G106" s="8">
        <v>2.78</v>
      </c>
      <c r="H106" s="8">
        <v>2.81</v>
      </c>
      <c r="I106" s="8">
        <v>2.87</v>
      </c>
      <c r="J106" s="8">
        <v>2.86</v>
      </c>
      <c r="K106" s="8">
        <v>2.86</v>
      </c>
      <c r="L106" s="8">
        <v>2.84</v>
      </c>
      <c r="M106" s="8">
        <v>2.86</v>
      </c>
      <c r="N106" s="8">
        <v>2.9</v>
      </c>
      <c r="O106" s="8">
        <v>2.91</v>
      </c>
      <c r="P106" s="8">
        <v>2.92</v>
      </c>
      <c r="Q106" s="8">
        <v>2.93</v>
      </c>
      <c r="R106" s="8">
        <v>2.93</v>
      </c>
      <c r="S106" s="8">
        <v>2.91</v>
      </c>
      <c r="T106" s="8">
        <v>2.98</v>
      </c>
      <c r="U106" s="8">
        <v>2.96</v>
      </c>
      <c r="V106" s="8">
        <v>2.98</v>
      </c>
      <c r="W106" s="8">
        <v>2.98</v>
      </c>
      <c r="X106" s="8">
        <v>2.96</v>
      </c>
      <c r="Y106" s="8">
        <v>2.96</v>
      </c>
      <c r="Z106" s="8">
        <v>3.07</v>
      </c>
      <c r="AA106" s="8">
        <v>3.04</v>
      </c>
      <c r="AB106" s="8">
        <v>3.04</v>
      </c>
      <c r="AC106" s="8">
        <v>3.04</v>
      </c>
      <c r="AD106" s="8">
        <v>3.03</v>
      </c>
      <c r="AE106" s="8">
        <v>3.03</v>
      </c>
      <c r="AF106" s="8">
        <v>3.11</v>
      </c>
      <c r="AG106" s="8">
        <v>3.11</v>
      </c>
      <c r="AH106" s="8">
        <v>3.12</v>
      </c>
      <c r="AI106" s="8">
        <v>3.13</v>
      </c>
      <c r="AJ106" s="8">
        <v>3.13</v>
      </c>
      <c r="AK106" s="8">
        <v>3.12</v>
      </c>
      <c r="AL106" s="8">
        <v>3.11</v>
      </c>
      <c r="AM106" s="8">
        <v>3.08</v>
      </c>
      <c r="AN106" s="8">
        <v>3.1</v>
      </c>
      <c r="AO106" s="8">
        <v>3.11</v>
      </c>
      <c r="AP106" s="8">
        <v>3.1</v>
      </c>
      <c r="AQ106" s="8">
        <v>3.12</v>
      </c>
      <c r="AR106" s="8">
        <v>3.16</v>
      </c>
      <c r="AS106" s="8">
        <v>3.17</v>
      </c>
      <c r="AT106" s="8">
        <v>3.17</v>
      </c>
      <c r="AU106" s="8">
        <v>3.17</v>
      </c>
      <c r="AV106" s="8">
        <v>3.18</v>
      </c>
      <c r="AW106" s="8">
        <v>3.16</v>
      </c>
      <c r="AX106" s="8">
        <v>3.17</v>
      </c>
      <c r="AY106" s="8">
        <v>3.04</v>
      </c>
      <c r="AZ106" s="8">
        <v>3.04</v>
      </c>
      <c r="BA106" s="8">
        <v>3.04</v>
      </c>
      <c r="BB106" s="8">
        <v>3.02</v>
      </c>
      <c r="BC106" s="8">
        <v>3.01</v>
      </c>
      <c r="BD106" s="8">
        <v>3.01</v>
      </c>
      <c r="BE106" s="8">
        <v>3.01</v>
      </c>
    </row>
    <row r="107" spans="3:57" x14ac:dyDescent="0.2">
      <c r="C107" s="5" t="s">
        <v>75</v>
      </c>
      <c r="D107" s="15" t="s">
        <v>76</v>
      </c>
      <c r="E107" s="8">
        <v>1.22</v>
      </c>
      <c r="F107" s="8">
        <v>1.21</v>
      </c>
      <c r="G107" s="8">
        <v>1.22</v>
      </c>
      <c r="H107" s="8">
        <v>1.23</v>
      </c>
      <c r="I107" s="8">
        <v>1.27</v>
      </c>
      <c r="J107" s="8">
        <v>1.27</v>
      </c>
      <c r="K107" s="8">
        <v>1.27</v>
      </c>
      <c r="L107" s="8">
        <v>1.26</v>
      </c>
      <c r="M107" s="8">
        <v>1.26</v>
      </c>
      <c r="N107" s="8">
        <v>1.26</v>
      </c>
      <c r="O107" s="8">
        <v>1.27</v>
      </c>
      <c r="P107" s="8">
        <v>1.27</v>
      </c>
      <c r="Q107" s="8">
        <v>1.27</v>
      </c>
      <c r="R107" s="8">
        <v>1.27</v>
      </c>
      <c r="S107" s="8">
        <v>1.27</v>
      </c>
      <c r="T107" s="8">
        <v>1.27</v>
      </c>
      <c r="U107" s="8">
        <v>1.26</v>
      </c>
      <c r="V107" s="8">
        <v>1.25</v>
      </c>
      <c r="W107" s="8">
        <v>1.25</v>
      </c>
      <c r="X107" s="8">
        <v>1.25</v>
      </c>
      <c r="Y107" s="8">
        <v>1.24</v>
      </c>
      <c r="Z107" s="8">
        <v>1.25</v>
      </c>
      <c r="AA107" s="8">
        <v>1.25</v>
      </c>
      <c r="AB107" s="8">
        <v>1.25</v>
      </c>
      <c r="AC107" s="8">
        <v>1.25</v>
      </c>
      <c r="AD107" s="8">
        <v>1.24</v>
      </c>
      <c r="AE107" s="8">
        <v>1.24</v>
      </c>
      <c r="AF107" s="8">
        <v>1.24</v>
      </c>
      <c r="AG107" s="8">
        <v>1.24</v>
      </c>
      <c r="AH107" s="8">
        <v>1.24</v>
      </c>
      <c r="AI107" s="8">
        <v>1.24</v>
      </c>
      <c r="AJ107" s="8">
        <v>1.24</v>
      </c>
      <c r="AK107" s="8">
        <v>1.23</v>
      </c>
      <c r="AL107" s="8">
        <v>1.23</v>
      </c>
      <c r="AM107" s="8">
        <v>1.23</v>
      </c>
      <c r="AN107" s="8">
        <v>1.24</v>
      </c>
      <c r="AO107" s="8">
        <v>1.24</v>
      </c>
      <c r="AP107" s="8">
        <v>1.24</v>
      </c>
      <c r="AQ107" s="8">
        <v>1.24</v>
      </c>
      <c r="AR107" s="8">
        <v>1.23</v>
      </c>
      <c r="AS107" s="8">
        <v>1.23</v>
      </c>
      <c r="AT107" s="8">
        <v>1.22</v>
      </c>
      <c r="AU107" s="8">
        <v>1.22</v>
      </c>
      <c r="AV107" s="8">
        <v>1.22</v>
      </c>
      <c r="AW107" s="8">
        <v>1.22</v>
      </c>
      <c r="AX107" s="8">
        <v>1.22</v>
      </c>
      <c r="AY107" s="8">
        <v>1.22</v>
      </c>
      <c r="AZ107" s="8">
        <v>1.22</v>
      </c>
      <c r="BA107" s="8">
        <v>1.21</v>
      </c>
      <c r="BB107" s="8">
        <v>1.21</v>
      </c>
      <c r="BC107" s="8">
        <v>1.21</v>
      </c>
      <c r="BD107" s="8">
        <v>1.21</v>
      </c>
      <c r="BE107" s="8">
        <v>1.21</v>
      </c>
    </row>
    <row r="108" spans="3:57" x14ac:dyDescent="0.2">
      <c r="C108" s="16" t="s">
        <v>78</v>
      </c>
      <c r="D108" s="6" t="s">
        <v>58</v>
      </c>
      <c r="E108" s="8">
        <v>0.69</v>
      </c>
      <c r="F108" s="8">
        <v>0.68</v>
      </c>
      <c r="G108" s="8">
        <v>0.69</v>
      </c>
      <c r="H108" s="8">
        <v>0.7</v>
      </c>
      <c r="I108" s="8">
        <v>0.7</v>
      </c>
      <c r="J108" s="8">
        <v>0.69</v>
      </c>
      <c r="K108" s="8">
        <v>0.69</v>
      </c>
      <c r="L108" s="8">
        <v>0.7</v>
      </c>
      <c r="M108" s="8">
        <v>0.7</v>
      </c>
      <c r="N108" s="8">
        <v>0.74</v>
      </c>
      <c r="O108" s="8">
        <v>0.76</v>
      </c>
      <c r="P108" s="8">
        <v>0.77</v>
      </c>
      <c r="Q108" s="8">
        <v>0.78</v>
      </c>
      <c r="R108" s="8">
        <v>0.78</v>
      </c>
      <c r="S108" s="8">
        <v>0.8</v>
      </c>
      <c r="T108" s="8">
        <v>0.81</v>
      </c>
      <c r="U108" s="8">
        <v>0.83</v>
      </c>
      <c r="V108" s="8">
        <v>0.83</v>
      </c>
      <c r="W108" s="8">
        <v>0.84</v>
      </c>
      <c r="X108" s="8">
        <v>0.86</v>
      </c>
      <c r="Y108" s="8">
        <v>0.85</v>
      </c>
      <c r="Z108" s="8">
        <v>0.85</v>
      </c>
      <c r="AA108" s="8">
        <v>0.82</v>
      </c>
      <c r="AB108" s="8">
        <v>0.81</v>
      </c>
      <c r="AC108" s="8">
        <v>0.79</v>
      </c>
      <c r="AD108" s="8">
        <v>0.77</v>
      </c>
      <c r="AE108" s="8">
        <v>0.74</v>
      </c>
      <c r="AF108" s="8">
        <v>0.74</v>
      </c>
      <c r="AG108" s="8">
        <v>0.73</v>
      </c>
      <c r="AH108" s="8">
        <v>0.72</v>
      </c>
      <c r="AI108" s="8">
        <v>0.73</v>
      </c>
      <c r="AJ108" s="8">
        <v>0.73</v>
      </c>
      <c r="AK108" s="8">
        <v>0.72</v>
      </c>
      <c r="AL108" s="8">
        <v>0.72</v>
      </c>
      <c r="AM108" s="8">
        <v>0.7</v>
      </c>
      <c r="AN108" s="8">
        <v>0.7</v>
      </c>
      <c r="AO108" s="8">
        <v>0.69</v>
      </c>
      <c r="AP108" s="8">
        <v>0.68</v>
      </c>
      <c r="AQ108" s="8">
        <v>0.69</v>
      </c>
      <c r="AR108" s="8">
        <v>0.67</v>
      </c>
      <c r="AS108" s="8">
        <v>0.66</v>
      </c>
      <c r="AT108" s="8">
        <v>0.66</v>
      </c>
      <c r="AU108" s="8">
        <v>0.67</v>
      </c>
      <c r="AV108" s="8">
        <v>0.67</v>
      </c>
      <c r="AW108" s="8">
        <v>0.66</v>
      </c>
      <c r="AX108" s="8">
        <v>0.66</v>
      </c>
      <c r="AY108" s="8">
        <v>0.67</v>
      </c>
      <c r="AZ108" s="8">
        <v>0.67</v>
      </c>
      <c r="BA108" s="8">
        <v>0.67</v>
      </c>
      <c r="BB108" s="8">
        <v>0.68</v>
      </c>
      <c r="BC108" s="8">
        <v>0.68</v>
      </c>
      <c r="BD108" s="8">
        <v>0.68</v>
      </c>
      <c r="BE108" s="8">
        <v>0.67</v>
      </c>
    </row>
    <row r="109" spans="3:57" x14ac:dyDescent="0.2">
      <c r="C109" s="16" t="s">
        <v>79</v>
      </c>
      <c r="D109" s="6" t="s">
        <v>58</v>
      </c>
      <c r="E109" s="8">
        <v>1.21</v>
      </c>
      <c r="F109" s="8">
        <v>1.19</v>
      </c>
      <c r="G109" s="8">
        <v>1.21</v>
      </c>
      <c r="H109" s="8">
        <v>1.24</v>
      </c>
      <c r="I109" s="8">
        <v>1.21</v>
      </c>
      <c r="J109" s="8">
        <v>1.22</v>
      </c>
      <c r="K109" s="8">
        <v>1.21</v>
      </c>
      <c r="L109" s="8">
        <v>1.1599999999999999</v>
      </c>
      <c r="M109" s="8">
        <v>1.19</v>
      </c>
      <c r="N109" s="8">
        <v>1.18</v>
      </c>
      <c r="O109" s="8">
        <v>1.1499999999999999</v>
      </c>
      <c r="P109" s="8">
        <v>1.18</v>
      </c>
      <c r="Q109" s="8">
        <v>1.2</v>
      </c>
      <c r="R109" s="8">
        <v>1.1599999999999999</v>
      </c>
      <c r="S109" s="8">
        <v>1.1599999999999999</v>
      </c>
      <c r="T109" s="8">
        <v>1.1599999999999999</v>
      </c>
      <c r="U109" s="8">
        <v>1.0900000000000001</v>
      </c>
      <c r="V109" s="8">
        <v>1.1200000000000001</v>
      </c>
      <c r="W109" s="8">
        <v>1.0900000000000001</v>
      </c>
      <c r="X109" s="8">
        <v>1.06</v>
      </c>
      <c r="Y109" s="8">
        <v>1.1200000000000001</v>
      </c>
      <c r="Z109" s="8">
        <v>1.1200000000000001</v>
      </c>
      <c r="AA109" s="8">
        <v>1.1200000000000001</v>
      </c>
      <c r="AB109" s="8">
        <v>1.1100000000000001</v>
      </c>
      <c r="AC109" s="8">
        <v>1.1100000000000001</v>
      </c>
      <c r="AD109" s="8">
        <v>1.1200000000000001</v>
      </c>
      <c r="AE109" s="8">
        <v>1.02</v>
      </c>
      <c r="AF109" s="8">
        <v>1</v>
      </c>
      <c r="AG109" s="8">
        <v>1.1000000000000001</v>
      </c>
      <c r="AH109" s="8">
        <v>1.1000000000000001</v>
      </c>
      <c r="AI109" s="8">
        <v>1.02</v>
      </c>
      <c r="AJ109" s="8">
        <v>1.01</v>
      </c>
      <c r="AK109" s="8">
        <v>0.98</v>
      </c>
      <c r="AL109" s="8">
        <v>0.98</v>
      </c>
      <c r="AM109" s="8">
        <v>0.96</v>
      </c>
      <c r="AN109" s="8">
        <v>0.98</v>
      </c>
      <c r="AO109" s="8">
        <v>1.02</v>
      </c>
      <c r="AP109" s="8">
        <v>1.0900000000000001</v>
      </c>
      <c r="AQ109" s="8">
        <v>1.1100000000000001</v>
      </c>
      <c r="AR109" s="8">
        <v>1.1100000000000001</v>
      </c>
      <c r="AS109" s="8">
        <v>1.1299999999999999</v>
      </c>
      <c r="AT109" s="8">
        <v>1.1200000000000001</v>
      </c>
      <c r="AU109" s="8">
        <v>1.1299999999999999</v>
      </c>
      <c r="AV109" s="8">
        <v>1.1000000000000001</v>
      </c>
      <c r="AW109" s="8">
        <v>1.1299999999999999</v>
      </c>
      <c r="AX109" s="8">
        <v>1.1299999999999999</v>
      </c>
      <c r="AY109" s="8">
        <v>1.1399999999999999</v>
      </c>
      <c r="AZ109" s="8">
        <v>1.1499999999999999</v>
      </c>
      <c r="BA109" s="8">
        <v>1.1599999999999999</v>
      </c>
      <c r="BB109" s="8">
        <v>1.17</v>
      </c>
      <c r="BC109" s="8">
        <v>1.18</v>
      </c>
      <c r="BD109" s="8">
        <v>1.19</v>
      </c>
      <c r="BE109" s="8">
        <v>1.19</v>
      </c>
    </row>
    <row r="110" spans="3:57" x14ac:dyDescent="0.2">
      <c r="C110" s="16" t="s">
        <v>80</v>
      </c>
      <c r="D110" s="6" t="s">
        <v>58</v>
      </c>
      <c r="E110" s="8"/>
      <c r="F110" s="8"/>
      <c r="G110" s="8"/>
      <c r="H110" s="8"/>
      <c r="I110" s="8"/>
      <c r="J110" s="8"/>
      <c r="K110" s="8"/>
      <c r="L110" s="8"/>
      <c r="M110" s="8"/>
      <c r="N110" s="8"/>
      <c r="O110" s="8"/>
      <c r="P110" s="8"/>
      <c r="Q110" s="8"/>
      <c r="R110" s="8"/>
      <c r="S110" s="8"/>
      <c r="T110" s="8"/>
      <c r="U110" s="8"/>
      <c r="V110" s="8"/>
      <c r="W110" s="8"/>
      <c r="X110" s="8"/>
      <c r="Y110" s="8"/>
      <c r="Z110" s="8"/>
      <c r="AA110" s="8"/>
      <c r="AB110" s="8"/>
      <c r="AC110" s="8"/>
      <c r="AD110" s="8"/>
      <c r="AE110" s="8"/>
      <c r="AF110" s="8"/>
      <c r="AG110" s="8"/>
      <c r="AH110" s="8"/>
      <c r="AI110" s="8"/>
      <c r="AJ110" s="8"/>
      <c r="AK110" s="8"/>
      <c r="AL110" s="8"/>
      <c r="AM110" s="8"/>
      <c r="AN110" s="8"/>
      <c r="AO110" s="8"/>
      <c r="AP110" s="8"/>
      <c r="AQ110" s="8"/>
      <c r="AR110" s="8"/>
      <c r="AS110" s="8"/>
      <c r="AT110" s="8"/>
      <c r="AU110" s="8"/>
      <c r="AV110" s="8"/>
      <c r="AW110" s="8"/>
      <c r="AX110" s="8"/>
      <c r="AY110" s="8"/>
      <c r="AZ110" s="8"/>
      <c r="BA110" s="8"/>
      <c r="BB110" s="8"/>
      <c r="BC110" s="8"/>
      <c r="BD110" s="8"/>
      <c r="BE110" s="8"/>
    </row>
    <row r="111" spans="3:57" x14ac:dyDescent="0.2">
      <c r="C111" s="16" t="s">
        <v>81</v>
      </c>
      <c r="D111" s="6" t="s">
        <v>58</v>
      </c>
      <c r="E111" s="8">
        <v>0.84</v>
      </c>
      <c r="F111" s="8">
        <v>0.84</v>
      </c>
      <c r="G111" s="8">
        <v>0.84</v>
      </c>
      <c r="H111" s="8">
        <v>0.86</v>
      </c>
      <c r="I111" s="8">
        <v>0.88</v>
      </c>
      <c r="J111" s="8">
        <v>0.9</v>
      </c>
      <c r="K111" s="8">
        <v>0.88</v>
      </c>
      <c r="L111" s="8">
        <v>0.89</v>
      </c>
      <c r="M111" s="8">
        <v>0.91</v>
      </c>
      <c r="N111" s="8">
        <v>0.89</v>
      </c>
      <c r="O111" s="8">
        <v>0.9</v>
      </c>
      <c r="P111" s="8">
        <v>0.91</v>
      </c>
      <c r="Q111" s="8">
        <v>0.91</v>
      </c>
      <c r="R111" s="8">
        <v>0.9</v>
      </c>
      <c r="S111" s="8">
        <v>0.91</v>
      </c>
      <c r="T111" s="8">
        <v>0.92</v>
      </c>
      <c r="U111" s="8">
        <v>0.93</v>
      </c>
      <c r="V111" s="8">
        <v>0.94</v>
      </c>
      <c r="W111" s="8">
        <v>0.94</v>
      </c>
      <c r="X111" s="8">
        <v>0.95</v>
      </c>
      <c r="Y111" s="8">
        <v>0.94</v>
      </c>
      <c r="Z111" s="8">
        <v>0.95</v>
      </c>
      <c r="AA111" s="8">
        <v>0.91</v>
      </c>
      <c r="AB111" s="8">
        <v>0.9</v>
      </c>
      <c r="AC111" s="8">
        <v>0.9</v>
      </c>
      <c r="AD111" s="8">
        <v>0.9</v>
      </c>
      <c r="AE111" s="8">
        <v>0.95</v>
      </c>
      <c r="AF111" s="8">
        <v>0.93</v>
      </c>
      <c r="AG111" s="8">
        <v>0.92</v>
      </c>
      <c r="AH111" s="8">
        <v>0.92</v>
      </c>
      <c r="AI111" s="8">
        <v>0.91</v>
      </c>
      <c r="AJ111" s="8">
        <v>0.89</v>
      </c>
      <c r="AK111" s="8">
        <v>0.88</v>
      </c>
      <c r="AL111" s="8">
        <v>0.89</v>
      </c>
      <c r="AM111" s="8">
        <v>0.87</v>
      </c>
      <c r="AN111" s="8">
        <v>0.87</v>
      </c>
      <c r="AO111" s="8">
        <v>0.88</v>
      </c>
      <c r="AP111" s="8">
        <v>0.88</v>
      </c>
      <c r="AQ111" s="8">
        <v>0.88</v>
      </c>
      <c r="AR111" s="8">
        <v>0.88</v>
      </c>
      <c r="AS111" s="8">
        <v>0.87</v>
      </c>
      <c r="AT111" s="8">
        <v>0.86</v>
      </c>
      <c r="AU111" s="8">
        <v>0.84</v>
      </c>
      <c r="AV111" s="8">
        <v>0.83</v>
      </c>
      <c r="AW111" s="8">
        <v>0.84</v>
      </c>
      <c r="AX111" s="8">
        <v>0.84</v>
      </c>
      <c r="AY111" s="8">
        <v>0.83</v>
      </c>
      <c r="AZ111" s="8">
        <v>0.83</v>
      </c>
      <c r="BA111" s="8">
        <v>0.84</v>
      </c>
      <c r="BB111" s="8">
        <v>0.85</v>
      </c>
      <c r="BC111" s="8">
        <v>0.85</v>
      </c>
      <c r="BD111" s="8">
        <v>0.85</v>
      </c>
      <c r="BE111" s="8">
        <v>0.85</v>
      </c>
    </row>
    <row r="112" spans="3:57" x14ac:dyDescent="0.2">
      <c r="C112" s="16" t="s">
        <v>82</v>
      </c>
      <c r="D112" s="6" t="s">
        <v>58</v>
      </c>
      <c r="E112" s="8">
        <v>3.79</v>
      </c>
      <c r="F112" s="8">
        <v>3.59</v>
      </c>
      <c r="G112" s="8">
        <v>3.55</v>
      </c>
      <c r="H112" s="8">
        <v>3.6</v>
      </c>
      <c r="I112" s="8">
        <v>3.6</v>
      </c>
      <c r="J112" s="8">
        <v>3.58</v>
      </c>
      <c r="K112" s="8">
        <v>3.55</v>
      </c>
      <c r="L112" s="8">
        <v>3.63</v>
      </c>
      <c r="M112" s="8">
        <v>3.59</v>
      </c>
      <c r="N112" s="8">
        <v>3.67</v>
      </c>
      <c r="O112" s="8">
        <v>3.74</v>
      </c>
      <c r="P112" s="8">
        <v>3.66</v>
      </c>
      <c r="Q112" s="8">
        <v>3.58</v>
      </c>
      <c r="R112" s="8">
        <v>3.6</v>
      </c>
      <c r="S112" s="8">
        <v>3.6</v>
      </c>
      <c r="T112" s="8">
        <v>3.44</v>
      </c>
      <c r="U112" s="8">
        <v>3.3</v>
      </c>
      <c r="V112" s="8">
        <v>3.29</v>
      </c>
      <c r="W112" s="8">
        <v>3.24</v>
      </c>
      <c r="X112" s="8">
        <v>3.29</v>
      </c>
      <c r="Y112" s="8">
        <v>3.23</v>
      </c>
      <c r="Z112" s="8">
        <v>3.07</v>
      </c>
      <c r="AA112" s="8">
        <v>2.72</v>
      </c>
      <c r="AB112" s="8">
        <v>2.7</v>
      </c>
      <c r="AC112" s="8">
        <v>2.78</v>
      </c>
      <c r="AD112" s="8">
        <v>2.8</v>
      </c>
      <c r="AE112" s="8">
        <v>2.82</v>
      </c>
      <c r="AF112" s="8">
        <v>2.83</v>
      </c>
      <c r="AG112" s="8">
        <v>2.76</v>
      </c>
      <c r="AH112" s="8">
        <v>2.74</v>
      </c>
      <c r="AI112" s="8">
        <v>2.56</v>
      </c>
      <c r="AJ112" s="8">
        <v>2.48</v>
      </c>
      <c r="AK112" s="8">
        <v>2.4900000000000002</v>
      </c>
      <c r="AL112" s="8">
        <v>2.57</v>
      </c>
      <c r="AM112" s="8">
        <v>2.84</v>
      </c>
      <c r="AN112" s="8">
        <v>2.9</v>
      </c>
      <c r="AO112" s="8">
        <v>2.92</v>
      </c>
      <c r="AP112" s="8">
        <v>2.93</v>
      </c>
      <c r="AQ112" s="8">
        <v>3.25</v>
      </c>
      <c r="AR112" s="8">
        <v>3.28</v>
      </c>
      <c r="AS112" s="8">
        <v>3.16</v>
      </c>
      <c r="AT112" s="8">
        <v>3.04</v>
      </c>
      <c r="AU112" s="8">
        <v>3.31</v>
      </c>
      <c r="AV112" s="8">
        <v>3.45</v>
      </c>
      <c r="AW112" s="8">
        <v>3.38</v>
      </c>
      <c r="AX112" s="8">
        <v>3.38</v>
      </c>
      <c r="AY112" s="8">
        <v>3.32</v>
      </c>
      <c r="AZ112" s="8">
        <v>3.32</v>
      </c>
      <c r="BA112" s="8">
        <v>3.37</v>
      </c>
      <c r="BB112" s="8">
        <v>3.51</v>
      </c>
      <c r="BC112" s="8">
        <v>3.51</v>
      </c>
      <c r="BD112" s="8">
        <v>3.59</v>
      </c>
      <c r="BE112" s="8">
        <v>3.62</v>
      </c>
    </row>
    <row r="113" spans="3:57" x14ac:dyDescent="0.2">
      <c r="C113" s="16" t="s">
        <v>84</v>
      </c>
      <c r="D113" s="6" t="s">
        <v>85</v>
      </c>
      <c r="E113" s="8">
        <v>0.81</v>
      </c>
      <c r="F113" s="8">
        <v>0.82</v>
      </c>
      <c r="G113" s="8">
        <v>0.85</v>
      </c>
      <c r="H113" s="8">
        <v>0.85</v>
      </c>
      <c r="I113" s="8">
        <v>0.84</v>
      </c>
      <c r="J113" s="8">
        <v>0.83</v>
      </c>
      <c r="K113" s="8">
        <v>0.8</v>
      </c>
      <c r="L113" s="8">
        <v>0.79</v>
      </c>
      <c r="M113" s="8">
        <v>0.78</v>
      </c>
      <c r="N113" s="8">
        <v>0.77</v>
      </c>
      <c r="O113" s="8">
        <v>0.77</v>
      </c>
      <c r="P113" s="8">
        <v>0.75</v>
      </c>
      <c r="Q113" s="8">
        <v>0.75</v>
      </c>
      <c r="R113" s="8">
        <v>0.74</v>
      </c>
      <c r="S113" s="8">
        <v>0.7</v>
      </c>
      <c r="T113" s="8">
        <v>0.7</v>
      </c>
      <c r="U113" s="8">
        <v>0.71</v>
      </c>
      <c r="V113" s="8">
        <v>0.74</v>
      </c>
      <c r="W113" s="8">
        <v>0.73</v>
      </c>
      <c r="X113" s="8">
        <v>0.73</v>
      </c>
      <c r="Y113" s="8">
        <v>0.74</v>
      </c>
      <c r="Z113" s="8">
        <v>0.74</v>
      </c>
      <c r="AA113" s="8">
        <v>0.71</v>
      </c>
      <c r="AB113" s="8">
        <v>0.71</v>
      </c>
      <c r="AC113" s="8">
        <v>0.71</v>
      </c>
      <c r="AD113" s="8">
        <v>0.7</v>
      </c>
      <c r="AE113" s="8">
        <v>0.72</v>
      </c>
      <c r="AF113" s="8">
        <v>0.71</v>
      </c>
      <c r="AG113" s="8">
        <v>0.69</v>
      </c>
      <c r="AH113" s="8">
        <v>0.69</v>
      </c>
      <c r="AI113" s="8">
        <v>0.69</v>
      </c>
      <c r="AJ113" s="8">
        <v>0.68</v>
      </c>
      <c r="AK113" s="8">
        <v>0.69</v>
      </c>
      <c r="AL113" s="8">
        <v>0.69</v>
      </c>
      <c r="AM113" s="8">
        <v>0.68</v>
      </c>
      <c r="AN113" s="8">
        <v>0.72</v>
      </c>
      <c r="AO113" s="8">
        <v>0.71</v>
      </c>
      <c r="AP113" s="8">
        <v>0.71</v>
      </c>
      <c r="AQ113" s="8">
        <v>0.73</v>
      </c>
      <c r="AR113" s="8">
        <v>0.73</v>
      </c>
      <c r="AS113" s="8">
        <v>0.67</v>
      </c>
      <c r="AT113" s="8">
        <v>0.67</v>
      </c>
      <c r="AU113" s="8">
        <v>0.68</v>
      </c>
      <c r="AV113" s="8">
        <v>0.69</v>
      </c>
      <c r="AW113" s="8">
        <v>0.77</v>
      </c>
      <c r="AX113" s="8">
        <v>0.77</v>
      </c>
      <c r="AY113" s="8">
        <v>0.76</v>
      </c>
      <c r="AZ113" s="8">
        <v>0.75</v>
      </c>
      <c r="BA113" s="8">
        <v>0.76</v>
      </c>
      <c r="BB113" s="8">
        <v>0.76</v>
      </c>
      <c r="BC113" s="8">
        <v>0.77</v>
      </c>
      <c r="BD113" s="8">
        <v>0.77</v>
      </c>
      <c r="BE113" s="8">
        <v>0.77</v>
      </c>
    </row>
    <row r="114" spans="3:57" x14ac:dyDescent="0.2">
      <c r="C114" s="16" t="s">
        <v>86</v>
      </c>
      <c r="D114" s="6" t="s">
        <v>58</v>
      </c>
      <c r="E114" s="8">
        <v>1.99</v>
      </c>
      <c r="F114" s="8">
        <v>2.02</v>
      </c>
      <c r="G114" s="8">
        <v>2.0499999999999998</v>
      </c>
      <c r="H114" s="8">
        <v>2.02</v>
      </c>
      <c r="I114" s="8">
        <v>1.99</v>
      </c>
      <c r="J114" s="8">
        <v>1.94</v>
      </c>
      <c r="K114" s="8">
        <v>1.96</v>
      </c>
      <c r="L114" s="8">
        <v>1.97</v>
      </c>
      <c r="M114" s="8">
        <v>1.98</v>
      </c>
      <c r="N114" s="8">
        <v>1.99</v>
      </c>
      <c r="O114" s="8">
        <v>2.09</v>
      </c>
      <c r="P114" s="8">
        <v>2.19</v>
      </c>
      <c r="Q114" s="8">
        <v>2.1800000000000002</v>
      </c>
      <c r="R114" s="8">
        <v>2.35</v>
      </c>
      <c r="S114" s="8">
        <v>2.39</v>
      </c>
      <c r="T114" s="8">
        <v>2.46</v>
      </c>
      <c r="U114" s="8">
        <v>2.36</v>
      </c>
      <c r="V114" s="8">
        <v>2.2599999999999998</v>
      </c>
      <c r="W114" s="8">
        <v>2.2000000000000002</v>
      </c>
      <c r="X114" s="8">
        <v>2.16</v>
      </c>
      <c r="Y114" s="8">
        <v>2.11</v>
      </c>
      <c r="Z114" s="8">
        <v>1.96</v>
      </c>
      <c r="AA114" s="8">
        <v>1.84</v>
      </c>
      <c r="AB114" s="8">
        <v>1.87</v>
      </c>
      <c r="AC114" s="8">
        <v>1.9</v>
      </c>
      <c r="AD114" s="8">
        <v>1.87</v>
      </c>
      <c r="AE114" s="8">
        <v>1.81</v>
      </c>
      <c r="AF114" s="8">
        <v>1.79</v>
      </c>
      <c r="AG114" s="8">
        <v>1.76</v>
      </c>
      <c r="AH114" s="8">
        <v>1.73</v>
      </c>
      <c r="AI114" s="8">
        <v>1.69</v>
      </c>
      <c r="AJ114" s="8">
        <v>1.59</v>
      </c>
      <c r="AK114" s="8">
        <v>1.59</v>
      </c>
      <c r="AL114" s="8">
        <v>1.58</v>
      </c>
      <c r="AM114" s="8">
        <v>1.55</v>
      </c>
      <c r="AN114" s="8">
        <v>1.6</v>
      </c>
      <c r="AO114" s="8">
        <v>1.6</v>
      </c>
      <c r="AP114" s="8">
        <v>1.65</v>
      </c>
      <c r="AQ114" s="8">
        <v>1.65</v>
      </c>
      <c r="AR114" s="8">
        <v>1.61</v>
      </c>
      <c r="AS114" s="8">
        <v>1.73</v>
      </c>
      <c r="AT114" s="8">
        <v>1.78</v>
      </c>
      <c r="AU114" s="8">
        <v>1.78</v>
      </c>
      <c r="AV114" s="8">
        <v>1.78</v>
      </c>
      <c r="AW114" s="8">
        <v>1.8</v>
      </c>
      <c r="AX114" s="8">
        <v>1.79</v>
      </c>
      <c r="AY114" s="8">
        <v>1.85</v>
      </c>
      <c r="AZ114" s="8">
        <v>1.88</v>
      </c>
      <c r="BA114" s="8">
        <v>1.96</v>
      </c>
      <c r="BB114" s="8">
        <v>2</v>
      </c>
      <c r="BC114" s="8">
        <v>2.09</v>
      </c>
      <c r="BD114" s="8">
        <v>2.2200000000000002</v>
      </c>
      <c r="BE114" s="8">
        <v>2.2200000000000002</v>
      </c>
    </row>
    <row r="115" spans="3:57" x14ac:dyDescent="0.2">
      <c r="C115" s="16" t="s">
        <v>104</v>
      </c>
      <c r="D115" s="6" t="s">
        <v>58</v>
      </c>
      <c r="E115" s="8">
        <v>1.88</v>
      </c>
      <c r="F115" s="8">
        <v>1.77</v>
      </c>
      <c r="G115" s="8">
        <v>1.72</v>
      </c>
      <c r="H115" s="8">
        <v>1.69</v>
      </c>
      <c r="I115" s="8">
        <v>1.68</v>
      </c>
      <c r="J115" s="8">
        <v>1.65</v>
      </c>
      <c r="K115" s="8">
        <v>1.61</v>
      </c>
      <c r="L115" s="8">
        <v>1.64</v>
      </c>
      <c r="M115" s="8">
        <v>1.62</v>
      </c>
      <c r="N115" s="8">
        <v>1.67</v>
      </c>
      <c r="O115" s="8">
        <v>1.75</v>
      </c>
      <c r="P115" s="8">
        <v>1.77</v>
      </c>
      <c r="Q115" s="8">
        <v>1.79</v>
      </c>
      <c r="R115" s="8">
        <v>1.83</v>
      </c>
      <c r="S115" s="8">
        <v>1.79</v>
      </c>
      <c r="T115" s="8">
        <v>1.78</v>
      </c>
      <c r="U115" s="8">
        <v>1.77</v>
      </c>
      <c r="V115" s="8">
        <v>1.79</v>
      </c>
      <c r="W115" s="8">
        <v>1.75</v>
      </c>
      <c r="X115" s="8">
        <v>1.73</v>
      </c>
      <c r="Y115" s="8">
        <v>1.71</v>
      </c>
      <c r="Z115" s="8">
        <v>1.68</v>
      </c>
      <c r="AA115" s="8">
        <v>1.47</v>
      </c>
      <c r="AB115" s="8">
        <v>1.48</v>
      </c>
      <c r="AC115" s="8">
        <v>1.48</v>
      </c>
      <c r="AD115" s="8">
        <v>1.52</v>
      </c>
      <c r="AE115" s="8">
        <v>1.63</v>
      </c>
      <c r="AF115" s="8">
        <v>1.6</v>
      </c>
      <c r="AG115" s="8">
        <v>1.57</v>
      </c>
      <c r="AH115" s="8">
        <v>1.54</v>
      </c>
      <c r="AI115" s="8">
        <v>1.39</v>
      </c>
      <c r="AJ115" s="8">
        <v>1.4</v>
      </c>
      <c r="AK115" s="8">
        <v>1.36</v>
      </c>
      <c r="AL115" s="8">
        <v>1.37</v>
      </c>
      <c r="AM115" s="8">
        <v>1.37</v>
      </c>
      <c r="AN115" s="8">
        <v>1.42</v>
      </c>
      <c r="AO115" s="8">
        <v>1.41</v>
      </c>
      <c r="AP115" s="8">
        <v>1.42</v>
      </c>
      <c r="AQ115" s="8">
        <v>1.45</v>
      </c>
      <c r="AR115" s="8">
        <v>1.49</v>
      </c>
      <c r="AS115" s="8">
        <v>1.52</v>
      </c>
      <c r="AT115" s="8">
        <v>1.53</v>
      </c>
      <c r="AU115" s="8">
        <v>1.56</v>
      </c>
      <c r="AV115" s="8">
        <v>1.62</v>
      </c>
      <c r="AW115" s="8">
        <v>1.63</v>
      </c>
      <c r="AX115" s="8">
        <v>1.74</v>
      </c>
      <c r="AY115" s="8">
        <v>1.75</v>
      </c>
      <c r="AZ115" s="8">
        <v>1.82</v>
      </c>
      <c r="BA115" s="8">
        <v>1.89</v>
      </c>
      <c r="BB115" s="8">
        <v>2.02</v>
      </c>
      <c r="BC115" s="8">
        <v>2.0299999999999998</v>
      </c>
      <c r="BD115" s="8">
        <v>1.98</v>
      </c>
      <c r="BE115" s="8">
        <v>1.98</v>
      </c>
    </row>
    <row r="116" spans="3:57" x14ac:dyDescent="0.2">
      <c r="C116" s="16" t="s">
        <v>87</v>
      </c>
      <c r="D116" s="6" t="s">
        <v>58</v>
      </c>
      <c r="E116" s="8">
        <v>0.97</v>
      </c>
      <c r="F116" s="8">
        <v>1.0900000000000001</v>
      </c>
      <c r="G116" s="8">
        <v>1.07</v>
      </c>
      <c r="H116" s="8">
        <v>1.02</v>
      </c>
      <c r="I116" s="8">
        <v>1.03</v>
      </c>
      <c r="J116" s="8">
        <v>1.03</v>
      </c>
      <c r="K116" s="8">
        <v>1.03</v>
      </c>
      <c r="L116" s="8">
        <v>1.02</v>
      </c>
      <c r="M116" s="8">
        <v>1.02</v>
      </c>
      <c r="N116" s="8">
        <v>0.99</v>
      </c>
      <c r="O116" s="8">
        <v>1.01</v>
      </c>
      <c r="P116" s="8">
        <v>1.02</v>
      </c>
      <c r="Q116" s="8">
        <v>1.02</v>
      </c>
      <c r="R116" s="8">
        <v>1.03</v>
      </c>
      <c r="S116" s="8">
        <v>1.03</v>
      </c>
      <c r="T116" s="8">
        <v>1.04</v>
      </c>
      <c r="U116" s="8">
        <v>1.03</v>
      </c>
      <c r="V116" s="8">
        <v>1.04</v>
      </c>
      <c r="W116" s="8">
        <v>1.02</v>
      </c>
      <c r="X116" s="8">
        <v>1.01</v>
      </c>
      <c r="Y116" s="8">
        <v>1.01</v>
      </c>
      <c r="Z116" s="8">
        <v>1.02</v>
      </c>
      <c r="AA116" s="8">
        <v>0.93</v>
      </c>
      <c r="AB116" s="8">
        <v>0.93</v>
      </c>
      <c r="AC116" s="8">
        <v>0.94</v>
      </c>
      <c r="AD116" s="8">
        <v>0.93</v>
      </c>
      <c r="AE116" s="8">
        <v>1.05</v>
      </c>
      <c r="AF116" s="8">
        <v>1.05</v>
      </c>
      <c r="AG116" s="8">
        <v>1.05</v>
      </c>
      <c r="AH116" s="8">
        <v>1.04</v>
      </c>
      <c r="AI116" s="8">
        <v>1.04</v>
      </c>
      <c r="AJ116" s="8">
        <v>1.02</v>
      </c>
      <c r="AK116" s="8">
        <v>1.03</v>
      </c>
      <c r="AL116" s="8">
        <v>1.03</v>
      </c>
      <c r="AM116" s="8">
        <v>1.01</v>
      </c>
      <c r="AN116" s="8">
        <v>1.02</v>
      </c>
      <c r="AO116" s="8">
        <v>1.05</v>
      </c>
      <c r="AP116" s="8">
        <v>1.05</v>
      </c>
      <c r="AQ116" s="8">
        <v>1.04</v>
      </c>
      <c r="AR116" s="8">
        <v>1.05</v>
      </c>
      <c r="AS116" s="8">
        <v>1.07</v>
      </c>
      <c r="AT116" s="8">
        <v>1.08</v>
      </c>
      <c r="AU116" s="8">
        <v>0.96</v>
      </c>
      <c r="AV116" s="8">
        <v>0.95</v>
      </c>
      <c r="AW116" s="8">
        <v>0.96</v>
      </c>
      <c r="AX116" s="8">
        <v>0.96</v>
      </c>
      <c r="AY116" s="8">
        <v>0.96</v>
      </c>
      <c r="AZ116" s="8">
        <v>0.96</v>
      </c>
      <c r="BA116" s="8">
        <v>0.96</v>
      </c>
      <c r="BB116" s="8">
        <v>0.96</v>
      </c>
      <c r="BC116" s="8">
        <v>0.96</v>
      </c>
      <c r="BD116" s="8">
        <v>0.96</v>
      </c>
      <c r="BE116" s="8">
        <v>0.96</v>
      </c>
    </row>
    <row r="117" spans="3:57" x14ac:dyDescent="0.2">
      <c r="C117" s="16" t="s">
        <v>88</v>
      </c>
      <c r="D117" s="6" t="s">
        <v>58</v>
      </c>
      <c r="E117" s="17">
        <v>1.28</v>
      </c>
      <c r="F117" s="8">
        <v>1.24</v>
      </c>
      <c r="G117" s="17">
        <v>1.19</v>
      </c>
      <c r="H117" s="8">
        <v>1.2</v>
      </c>
      <c r="I117" s="17">
        <v>1.2</v>
      </c>
      <c r="J117" s="17">
        <v>1.2</v>
      </c>
      <c r="K117" s="17">
        <v>1.2</v>
      </c>
      <c r="L117" s="17">
        <v>1.2</v>
      </c>
      <c r="M117" s="17">
        <v>1.19</v>
      </c>
      <c r="N117" s="8">
        <v>1.2</v>
      </c>
      <c r="O117" s="17">
        <v>1.19</v>
      </c>
      <c r="P117" s="8">
        <v>1.19</v>
      </c>
      <c r="Q117" s="17">
        <v>1.19</v>
      </c>
      <c r="R117" s="17">
        <v>1.2</v>
      </c>
      <c r="S117" s="8">
        <v>1.2</v>
      </c>
      <c r="T117" s="17">
        <v>1.2</v>
      </c>
      <c r="U117" s="17">
        <v>1.17</v>
      </c>
      <c r="V117" s="17">
        <v>1.17</v>
      </c>
      <c r="W117" s="17">
        <v>1.18</v>
      </c>
      <c r="X117" s="17">
        <v>1.18</v>
      </c>
      <c r="Y117" s="17">
        <v>1.19</v>
      </c>
      <c r="Z117" s="8">
        <v>1.18</v>
      </c>
      <c r="AA117" s="8">
        <v>1.1299999999999999</v>
      </c>
      <c r="AB117" s="17">
        <v>1.1299999999999999</v>
      </c>
      <c r="AC117" s="17">
        <v>1.1299999999999999</v>
      </c>
      <c r="AD117" s="17">
        <v>1.1200000000000001</v>
      </c>
      <c r="AE117" s="8">
        <v>1.1499999999999999</v>
      </c>
      <c r="AF117" s="17">
        <v>1.1599999999999999</v>
      </c>
      <c r="AG117" s="17">
        <v>1.1599999999999999</v>
      </c>
      <c r="AH117" s="17">
        <v>1.1599999999999999</v>
      </c>
      <c r="AI117" s="8">
        <v>1.1599999999999999</v>
      </c>
      <c r="AJ117" s="8">
        <v>1.18</v>
      </c>
      <c r="AK117" s="8">
        <v>1.19</v>
      </c>
      <c r="AL117" s="8">
        <v>1.18</v>
      </c>
      <c r="AM117" s="8">
        <v>1.17</v>
      </c>
      <c r="AN117" s="17">
        <v>1.2</v>
      </c>
      <c r="AO117" s="8">
        <v>1.21</v>
      </c>
      <c r="AP117" s="8">
        <v>1.23</v>
      </c>
      <c r="AQ117" s="8">
        <v>1.25</v>
      </c>
      <c r="AR117" s="8">
        <v>1.26</v>
      </c>
      <c r="AS117" s="8">
        <v>1.25</v>
      </c>
      <c r="AT117" s="8">
        <v>1.25</v>
      </c>
      <c r="AU117" s="8">
        <v>1.25</v>
      </c>
      <c r="AV117" s="8">
        <v>1.24</v>
      </c>
      <c r="AW117" s="8">
        <v>1.26</v>
      </c>
      <c r="AX117" s="8">
        <v>1.27</v>
      </c>
      <c r="AY117" s="8">
        <v>1.27</v>
      </c>
      <c r="AZ117" s="8">
        <v>1.3</v>
      </c>
      <c r="BA117" s="8">
        <v>1.28</v>
      </c>
      <c r="BB117" s="8">
        <v>1.28</v>
      </c>
      <c r="BC117" s="8">
        <v>1.28</v>
      </c>
      <c r="BD117" s="8">
        <v>1.29</v>
      </c>
      <c r="BE117" s="8">
        <v>1.29</v>
      </c>
    </row>
    <row r="118" spans="3:57" x14ac:dyDescent="0.2">
      <c r="C118" s="16" t="s">
        <v>89</v>
      </c>
      <c r="D118" s="6" t="s">
        <v>58</v>
      </c>
      <c r="E118" s="17">
        <v>1.41</v>
      </c>
      <c r="F118" s="8">
        <v>1.42</v>
      </c>
      <c r="G118" s="17">
        <v>1.44</v>
      </c>
      <c r="H118" s="8">
        <v>1.44</v>
      </c>
      <c r="I118" s="17">
        <v>1.43</v>
      </c>
      <c r="J118" s="17">
        <v>1.41</v>
      </c>
      <c r="K118" s="17">
        <v>1.42</v>
      </c>
      <c r="L118" s="17">
        <v>1.41</v>
      </c>
      <c r="M118" s="17">
        <v>1.46</v>
      </c>
      <c r="N118" s="8">
        <v>1.5</v>
      </c>
      <c r="O118" s="17">
        <v>1.55</v>
      </c>
      <c r="P118" s="8">
        <v>1.53</v>
      </c>
      <c r="Q118" s="17">
        <v>1.53</v>
      </c>
      <c r="R118" s="17">
        <v>1.52</v>
      </c>
      <c r="S118" s="8">
        <v>1.52</v>
      </c>
      <c r="T118" s="17">
        <v>1.54</v>
      </c>
      <c r="U118" s="17">
        <v>1.58</v>
      </c>
      <c r="V118" s="17">
        <v>1.59</v>
      </c>
      <c r="W118" s="17">
        <v>1.55</v>
      </c>
      <c r="X118" s="17">
        <v>1.56</v>
      </c>
      <c r="Y118" s="17">
        <v>1.56</v>
      </c>
      <c r="Z118" s="8">
        <v>1.58</v>
      </c>
      <c r="AA118" s="8">
        <v>1.58</v>
      </c>
      <c r="AB118" s="17">
        <v>1.61</v>
      </c>
      <c r="AC118" s="17">
        <v>1.63</v>
      </c>
      <c r="AD118" s="17">
        <v>1.64</v>
      </c>
      <c r="AE118" s="8">
        <v>1.61</v>
      </c>
      <c r="AF118" s="17">
        <v>1.61</v>
      </c>
      <c r="AG118" s="17">
        <v>1.63</v>
      </c>
      <c r="AH118" s="17">
        <v>1.62</v>
      </c>
      <c r="AI118" s="8">
        <v>1.62</v>
      </c>
      <c r="AJ118" s="8">
        <v>1.6</v>
      </c>
      <c r="AK118" s="8">
        <v>1.62</v>
      </c>
      <c r="AL118" s="8">
        <v>1.62</v>
      </c>
      <c r="AM118" s="8">
        <v>1.62</v>
      </c>
      <c r="AN118" s="17">
        <v>1.63</v>
      </c>
      <c r="AO118" s="8">
        <v>1.63</v>
      </c>
      <c r="AP118" s="8">
        <v>1.65</v>
      </c>
      <c r="AQ118" s="8">
        <v>1.6</v>
      </c>
      <c r="AR118" s="8">
        <v>1.6</v>
      </c>
      <c r="AS118" s="8">
        <v>1.61</v>
      </c>
      <c r="AT118" s="8">
        <v>1.6</v>
      </c>
      <c r="AU118" s="8">
        <v>1.59</v>
      </c>
      <c r="AV118" s="8">
        <v>1.58</v>
      </c>
      <c r="AW118" s="8">
        <v>1.61</v>
      </c>
      <c r="AX118" s="8">
        <v>1.63</v>
      </c>
      <c r="AY118" s="8">
        <v>1.63</v>
      </c>
      <c r="AZ118" s="8">
        <v>1.62</v>
      </c>
      <c r="BA118" s="8">
        <v>1.6</v>
      </c>
      <c r="BB118" s="8">
        <v>1.6</v>
      </c>
      <c r="BC118" s="8">
        <v>1.6</v>
      </c>
      <c r="BD118" s="8">
        <v>1.6</v>
      </c>
      <c r="BE118" s="8">
        <v>1.6</v>
      </c>
    </row>
    <row r="119" spans="3:57" x14ac:dyDescent="0.2">
      <c r="C119" s="18" t="s">
        <v>91</v>
      </c>
      <c r="D119" s="6" t="s">
        <v>58</v>
      </c>
      <c r="E119" s="17"/>
      <c r="F119" s="8"/>
      <c r="G119" s="17"/>
      <c r="H119" s="8"/>
      <c r="I119" s="17"/>
      <c r="J119" s="17"/>
      <c r="K119" s="17"/>
      <c r="L119" s="17"/>
      <c r="M119" s="17"/>
      <c r="N119" s="8"/>
      <c r="O119" s="17"/>
      <c r="P119" s="8"/>
      <c r="Q119" s="17"/>
      <c r="R119" s="17"/>
      <c r="S119" s="8"/>
      <c r="T119" s="17"/>
      <c r="U119" s="17"/>
      <c r="V119" s="17"/>
      <c r="W119" s="17"/>
      <c r="X119" s="17"/>
      <c r="Y119" s="17"/>
      <c r="Z119" s="8"/>
      <c r="AA119" s="8"/>
      <c r="AB119" s="17"/>
      <c r="AC119" s="17"/>
      <c r="AD119" s="17"/>
      <c r="AE119" s="8"/>
      <c r="AF119" s="17"/>
      <c r="AG119" s="17"/>
      <c r="AH119" s="17"/>
      <c r="AI119" s="8"/>
      <c r="AJ119" s="8"/>
      <c r="AK119" s="8"/>
      <c r="AL119" s="8"/>
      <c r="AM119" s="8"/>
      <c r="AN119" s="17"/>
      <c r="AO119" s="8"/>
      <c r="AP119" s="8"/>
      <c r="AQ119" s="8"/>
      <c r="AR119" s="8"/>
      <c r="AS119" s="8"/>
      <c r="AT119" s="8"/>
      <c r="AU119" s="8">
        <v>1.96</v>
      </c>
      <c r="AV119" s="8">
        <v>1.85</v>
      </c>
      <c r="AW119" s="8">
        <v>1.96</v>
      </c>
      <c r="AX119" s="8">
        <v>1.98</v>
      </c>
      <c r="AY119" s="8">
        <v>2</v>
      </c>
      <c r="AZ119" s="8">
        <v>1.96</v>
      </c>
      <c r="BA119" s="8">
        <v>1.86</v>
      </c>
      <c r="BB119" s="8">
        <v>1.73</v>
      </c>
      <c r="BC119" s="8">
        <v>1.74</v>
      </c>
      <c r="BD119" s="8">
        <v>1.76</v>
      </c>
      <c r="BE119" s="8">
        <v>1.77</v>
      </c>
    </row>
    <row r="120" spans="3:57" x14ac:dyDescent="0.2">
      <c r="C120" s="18" t="s">
        <v>93</v>
      </c>
      <c r="D120" s="6" t="s">
        <v>58</v>
      </c>
      <c r="E120" s="17">
        <v>1.29</v>
      </c>
      <c r="F120" s="8">
        <v>1.28</v>
      </c>
      <c r="G120" s="17">
        <v>1.24</v>
      </c>
      <c r="H120" s="8">
        <v>1.24</v>
      </c>
      <c r="I120" s="17">
        <v>1.23</v>
      </c>
      <c r="J120" s="17">
        <v>1.25</v>
      </c>
      <c r="K120" s="17">
        <v>1.28</v>
      </c>
      <c r="L120" s="17">
        <v>1.29</v>
      </c>
      <c r="M120" s="17">
        <v>1.31</v>
      </c>
      <c r="N120" s="8">
        <v>1.29</v>
      </c>
      <c r="O120" s="17">
        <v>1.31</v>
      </c>
      <c r="P120" s="8">
        <v>1.32</v>
      </c>
      <c r="Q120" s="17">
        <v>1.33</v>
      </c>
      <c r="R120" s="17">
        <v>1.37</v>
      </c>
      <c r="S120" s="8">
        <v>1.4</v>
      </c>
      <c r="T120" s="17">
        <v>1.42</v>
      </c>
      <c r="U120" s="17">
        <v>1.43</v>
      </c>
      <c r="V120" s="17">
        <v>1.42</v>
      </c>
      <c r="W120" s="17">
        <v>1.4</v>
      </c>
      <c r="X120" s="17">
        <v>1.41</v>
      </c>
      <c r="Y120" s="17">
        <v>1.42</v>
      </c>
      <c r="Z120" s="8">
        <v>1.45</v>
      </c>
      <c r="AA120" s="8">
        <v>1.35</v>
      </c>
      <c r="AB120" s="17">
        <v>1.37</v>
      </c>
      <c r="AC120" s="17">
        <v>1.39</v>
      </c>
      <c r="AD120" s="17">
        <v>1.37</v>
      </c>
      <c r="AE120" s="8">
        <v>1.38</v>
      </c>
      <c r="AF120" s="17">
        <v>1.39</v>
      </c>
      <c r="AG120" s="17">
        <v>1.38</v>
      </c>
      <c r="AH120" s="17">
        <v>1.39</v>
      </c>
      <c r="AI120" s="8">
        <v>1.4</v>
      </c>
      <c r="AJ120" s="8">
        <v>1.4</v>
      </c>
      <c r="AK120" s="8">
        <v>1.41</v>
      </c>
      <c r="AL120" s="8">
        <v>1.42</v>
      </c>
      <c r="AM120" s="8">
        <v>1.41</v>
      </c>
      <c r="AN120" s="17">
        <v>1.42</v>
      </c>
      <c r="AO120" s="8">
        <v>1.43</v>
      </c>
      <c r="AP120" s="8">
        <v>1.41</v>
      </c>
      <c r="AQ120" s="8">
        <v>1.42</v>
      </c>
      <c r="AR120" s="8">
        <v>1.45</v>
      </c>
      <c r="AS120" s="8">
        <v>1.44</v>
      </c>
      <c r="AT120" s="8"/>
      <c r="AU120" s="17"/>
      <c r="AV120" s="17"/>
      <c r="AW120" s="17"/>
      <c r="AX120" s="17"/>
      <c r="AY120" s="17"/>
      <c r="AZ120" s="17"/>
      <c r="BA120" s="17"/>
      <c r="BB120" s="17"/>
      <c r="BC120" s="17"/>
      <c r="BD120" s="17"/>
      <c r="BE120" s="17"/>
    </row>
    <row r="121" spans="3:57" x14ac:dyDescent="0.2">
      <c r="C121" s="16" t="s">
        <v>95</v>
      </c>
      <c r="D121" s="6" t="s">
        <v>58</v>
      </c>
      <c r="E121" s="17">
        <v>1.55</v>
      </c>
      <c r="F121" s="8">
        <v>1.53</v>
      </c>
      <c r="G121" s="17">
        <v>1.51</v>
      </c>
      <c r="H121" s="8">
        <v>1.52</v>
      </c>
      <c r="I121" s="17">
        <v>1.53</v>
      </c>
      <c r="J121" s="17">
        <v>1.55</v>
      </c>
      <c r="K121" s="17">
        <v>1.58</v>
      </c>
      <c r="L121" s="17">
        <v>1.57</v>
      </c>
      <c r="M121" s="17">
        <v>1.58</v>
      </c>
      <c r="N121" s="8">
        <v>1.58</v>
      </c>
      <c r="O121" s="17">
        <v>1.57</v>
      </c>
      <c r="P121" s="8">
        <v>1.56</v>
      </c>
      <c r="Q121" s="17">
        <v>1.58</v>
      </c>
      <c r="R121" s="17">
        <v>1.57</v>
      </c>
      <c r="S121" s="8">
        <v>1.56</v>
      </c>
      <c r="T121" s="17">
        <v>1.54</v>
      </c>
      <c r="U121" s="17">
        <v>1.55</v>
      </c>
      <c r="V121" s="17">
        <v>1.57</v>
      </c>
      <c r="W121" s="17">
        <v>1.55</v>
      </c>
      <c r="X121" s="17">
        <v>1.56</v>
      </c>
      <c r="Y121" s="17">
        <v>1.56</v>
      </c>
      <c r="Z121" s="8">
        <v>1.58</v>
      </c>
      <c r="AA121" s="8">
        <v>1.61</v>
      </c>
      <c r="AB121" s="17">
        <v>1.61</v>
      </c>
      <c r="AC121" s="17">
        <v>1.62</v>
      </c>
      <c r="AD121" s="17">
        <v>1.6</v>
      </c>
      <c r="AE121" s="17">
        <v>1.65</v>
      </c>
      <c r="AF121" s="17">
        <v>1.65</v>
      </c>
      <c r="AG121" s="17">
        <v>1.68</v>
      </c>
      <c r="AH121" s="17">
        <v>1.68</v>
      </c>
      <c r="AI121" s="17">
        <v>1.69</v>
      </c>
      <c r="AJ121" s="17">
        <v>1.59</v>
      </c>
      <c r="AK121" s="17">
        <v>1.61</v>
      </c>
      <c r="AL121" s="17">
        <v>1.61</v>
      </c>
      <c r="AM121" s="17">
        <v>1.6</v>
      </c>
      <c r="AN121" s="17">
        <v>1.67</v>
      </c>
      <c r="AO121" s="17">
        <v>1.68</v>
      </c>
      <c r="AP121" s="17">
        <v>1.67</v>
      </c>
      <c r="AQ121" s="17">
        <v>1.64</v>
      </c>
      <c r="AR121" s="17">
        <v>1.59</v>
      </c>
      <c r="AS121" s="17">
        <v>1.55</v>
      </c>
      <c r="AT121" s="17">
        <v>1.54</v>
      </c>
      <c r="AU121" s="17">
        <v>1.57</v>
      </c>
      <c r="AV121" s="17">
        <v>1.53</v>
      </c>
      <c r="AW121" s="17">
        <v>1.51</v>
      </c>
      <c r="AX121" s="17">
        <v>1.51</v>
      </c>
      <c r="AY121" s="17">
        <v>1.5</v>
      </c>
      <c r="AZ121" s="17">
        <v>1.49</v>
      </c>
      <c r="BA121" s="17">
        <v>1.48</v>
      </c>
      <c r="BB121" s="17">
        <v>1.48</v>
      </c>
      <c r="BC121" s="17">
        <v>1.48</v>
      </c>
      <c r="BD121" s="17">
        <v>1.5</v>
      </c>
      <c r="BE121" s="17">
        <v>1.5</v>
      </c>
    </row>
    <row r="122" spans="3:57" x14ac:dyDescent="0.2">
      <c r="C122" s="23" t="s">
        <v>96</v>
      </c>
      <c r="D122" s="6" t="s">
        <v>58</v>
      </c>
      <c r="E122" s="23"/>
      <c r="F122" s="23"/>
      <c r="G122" s="23"/>
      <c r="H122" s="23"/>
      <c r="I122" s="23"/>
      <c r="J122" s="23"/>
      <c r="K122" s="17"/>
      <c r="L122" s="23"/>
      <c r="M122" s="23"/>
      <c r="N122" s="23"/>
      <c r="O122" s="23"/>
      <c r="P122" s="23"/>
      <c r="Q122" s="23"/>
      <c r="R122" s="23"/>
      <c r="S122" s="23"/>
      <c r="T122" s="23"/>
      <c r="U122" s="23"/>
      <c r="V122" s="23"/>
      <c r="W122" s="23"/>
      <c r="X122" s="23"/>
      <c r="Y122" s="23"/>
      <c r="Z122" s="23"/>
      <c r="AA122" s="23"/>
      <c r="AB122" s="23"/>
      <c r="AC122" s="23"/>
      <c r="AD122" s="23"/>
      <c r="AE122" s="23"/>
      <c r="AF122" s="23"/>
      <c r="AG122" s="23"/>
      <c r="AH122" s="23"/>
      <c r="AI122" s="23"/>
      <c r="AJ122" s="23"/>
      <c r="AK122" s="23"/>
      <c r="AL122" s="23"/>
      <c r="AM122" s="23"/>
      <c r="AN122" s="23"/>
      <c r="AO122" s="23"/>
      <c r="AP122" s="23"/>
      <c r="AQ122" s="23"/>
      <c r="AR122" s="23"/>
      <c r="AS122" s="23"/>
      <c r="AT122" s="23"/>
      <c r="AU122" s="23"/>
      <c r="AV122" s="23"/>
      <c r="AW122" s="23"/>
      <c r="AX122" s="23"/>
      <c r="AY122" s="23"/>
      <c r="AZ122" s="23"/>
      <c r="BA122" s="23"/>
      <c r="BB122" s="23"/>
      <c r="BC122" s="23"/>
      <c r="BD122" s="23"/>
      <c r="BE122" s="23"/>
    </row>
  </sheetData>
  <mergeCells count="1">
    <mergeCell ref="D4:G4"/>
  </mergeCells>
  <phoneticPr fontId="0" type="noConversion"/>
  <pageMargins left="0.75" right="0.75" top="1" bottom="1" header="0" footer="0"/>
  <headerFooter alignWithMargins="0"/>
  <drawing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dimension ref="C2:BE142"/>
  <sheetViews>
    <sheetView zoomScaleNormal="100" workbookViewId="0">
      <selection sqref="A1:IV65536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21" width="5.42578125" bestFit="1" customWidth="1"/>
    <col min="22" max="22" width="5.7109375" customWidth="1"/>
    <col min="23" max="57" width="5.42578125" bestFit="1" customWidth="1"/>
    <col min="59" max="59" width="23.7109375" customWidth="1"/>
  </cols>
  <sheetData>
    <row r="2" spans="3:57" ht="18" customHeight="1" x14ac:dyDescent="0.2">
      <c r="D2" s="30"/>
    </row>
    <row r="3" spans="3:57" ht="21" customHeight="1" x14ac:dyDescent="0.2">
      <c r="D3" s="30"/>
      <c r="H3" s="30"/>
      <c r="K3" s="30"/>
      <c r="L3" s="30"/>
    </row>
    <row r="4" spans="3:57" ht="32.25" customHeight="1" x14ac:dyDescent="0.2">
      <c r="D4" s="214"/>
      <c r="E4" s="214"/>
      <c r="F4" s="214"/>
      <c r="G4" s="214"/>
    </row>
    <row r="5" spans="3:57" x14ac:dyDescent="0.2">
      <c r="E5" s="27"/>
    </row>
    <row r="6" spans="3:57" ht="24.95" customHeight="1" x14ac:dyDescent="0.25">
      <c r="M6" s="85"/>
    </row>
    <row r="7" spans="3:57" ht="24.95" customHeight="1" x14ac:dyDescent="0.2">
      <c r="C7" s="28" t="s">
        <v>98</v>
      </c>
    </row>
    <row r="8" spans="3:57" ht="15.75" x14ac:dyDescent="0.2">
      <c r="C8" s="29" t="s">
        <v>99</v>
      </c>
    </row>
    <row r="10" spans="3:57" ht="15" x14ac:dyDescent="0.25">
      <c r="M10" s="85"/>
    </row>
    <row r="12" spans="3:57" ht="15" customHeight="1" x14ac:dyDescent="0.2">
      <c r="C12" s="1" t="s">
        <v>0</v>
      </c>
      <c r="E12" s="2">
        <v>2013</v>
      </c>
      <c r="F12" s="2"/>
      <c r="G12" s="2"/>
      <c r="H12" s="2"/>
      <c r="I12" s="2"/>
      <c r="J12" s="2"/>
      <c r="K12" s="2"/>
      <c r="L12" s="2"/>
      <c r="M12" s="2"/>
    </row>
    <row r="13" spans="3:57" ht="13.5" thickBot="1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5" thickTop="1" x14ac:dyDescent="0.2">
      <c r="C14" s="5" t="s">
        <v>57</v>
      </c>
      <c r="D14" s="6" t="s">
        <v>58</v>
      </c>
      <c r="E14" s="76">
        <v>3.91</v>
      </c>
      <c r="F14" s="74">
        <v>3.88</v>
      </c>
      <c r="G14" s="74">
        <v>3.87</v>
      </c>
      <c r="H14" s="74">
        <v>3.87</v>
      </c>
      <c r="I14" s="74">
        <v>3.87</v>
      </c>
      <c r="J14" s="74">
        <v>3.86</v>
      </c>
      <c r="K14" s="74">
        <v>3.87</v>
      </c>
      <c r="L14" s="74">
        <v>3.87</v>
      </c>
      <c r="M14" s="74">
        <v>3.86</v>
      </c>
      <c r="N14" s="74">
        <v>3.86</v>
      </c>
      <c r="O14" s="74">
        <v>3.99</v>
      </c>
      <c r="P14" s="74">
        <v>3.99</v>
      </c>
      <c r="Q14" s="74">
        <v>3.99</v>
      </c>
      <c r="R14" s="74">
        <v>3.99</v>
      </c>
      <c r="S14" s="74">
        <v>3.99</v>
      </c>
      <c r="T14" s="74">
        <v>3.99</v>
      </c>
      <c r="U14" s="74">
        <v>3.97</v>
      </c>
      <c r="V14" s="74">
        <v>3.96</v>
      </c>
      <c r="W14" s="74">
        <v>3.94</v>
      </c>
      <c r="X14" s="74">
        <v>3.94</v>
      </c>
      <c r="Y14" s="74">
        <v>3.94</v>
      </c>
      <c r="Z14" s="74">
        <v>3.95</v>
      </c>
      <c r="AA14" s="74">
        <v>3.95</v>
      </c>
      <c r="AB14" s="74">
        <v>3.95</v>
      </c>
      <c r="AC14" s="74">
        <v>3.94</v>
      </c>
      <c r="AD14" s="74">
        <v>3.93</v>
      </c>
      <c r="AE14" s="74">
        <v>3.93</v>
      </c>
      <c r="AF14" s="74">
        <v>3.93</v>
      </c>
      <c r="AG14" s="74">
        <v>3.93</v>
      </c>
      <c r="AH14" s="74">
        <v>3.94</v>
      </c>
      <c r="AI14" s="74">
        <v>3.96</v>
      </c>
      <c r="AJ14" s="74">
        <v>3.94</v>
      </c>
      <c r="AK14" s="74">
        <v>3.97</v>
      </c>
      <c r="AL14" s="74">
        <v>3.99</v>
      </c>
      <c r="AM14" s="74">
        <v>4</v>
      </c>
      <c r="AN14" s="74">
        <v>4</v>
      </c>
      <c r="AO14" s="74">
        <v>4.01</v>
      </c>
      <c r="AP14" s="74">
        <v>4.0199999999999996</v>
      </c>
      <c r="AQ14" s="74">
        <v>4.01</v>
      </c>
      <c r="AR14" s="74">
        <v>3.99</v>
      </c>
      <c r="AS14" s="74">
        <v>4</v>
      </c>
      <c r="AT14" s="74">
        <v>4</v>
      </c>
      <c r="AU14" s="74">
        <v>4</v>
      </c>
      <c r="AV14" s="74">
        <v>4</v>
      </c>
      <c r="AW14" s="93">
        <v>4</v>
      </c>
      <c r="AX14" s="93">
        <v>4</v>
      </c>
      <c r="AY14" s="93">
        <v>4.03</v>
      </c>
      <c r="AZ14" s="93">
        <v>4.07</v>
      </c>
      <c r="BA14" s="93">
        <v>4.09</v>
      </c>
      <c r="BB14" s="93">
        <v>4.1100000000000003</v>
      </c>
      <c r="BC14" s="93">
        <v>4.1100000000000003</v>
      </c>
      <c r="BD14" s="93">
        <v>4.1100000000000003</v>
      </c>
      <c r="BE14" s="17"/>
    </row>
    <row r="15" spans="3:57" x14ac:dyDescent="0.2">
      <c r="C15" s="5" t="s">
        <v>59</v>
      </c>
      <c r="D15" s="6" t="s">
        <v>58</v>
      </c>
      <c r="E15" s="76">
        <v>5.88</v>
      </c>
      <c r="F15" s="68">
        <v>5.67</v>
      </c>
      <c r="G15" s="68">
        <v>5.13</v>
      </c>
      <c r="H15" s="68">
        <v>4.8600000000000003</v>
      </c>
      <c r="I15" s="68">
        <v>4.8</v>
      </c>
      <c r="J15" s="68">
        <v>4.8600000000000003</v>
      </c>
      <c r="K15" s="68">
        <v>4.8</v>
      </c>
      <c r="L15" s="68">
        <v>4.8</v>
      </c>
      <c r="M15" s="68">
        <v>4.9800000000000004</v>
      </c>
      <c r="N15" s="68">
        <v>5</v>
      </c>
      <c r="O15" s="68">
        <v>4.99</v>
      </c>
      <c r="P15" s="68">
        <v>5.05</v>
      </c>
      <c r="Q15" s="68">
        <v>5.04</v>
      </c>
      <c r="R15" s="68">
        <v>5.16</v>
      </c>
      <c r="S15" s="68">
        <v>5.16</v>
      </c>
      <c r="T15" s="68">
        <v>5.16</v>
      </c>
      <c r="U15" s="68">
        <v>4.9800000000000004</v>
      </c>
      <c r="V15" s="68">
        <v>4.97</v>
      </c>
      <c r="W15" s="68">
        <v>5.15</v>
      </c>
      <c r="X15" s="68">
        <v>5.22</v>
      </c>
      <c r="Y15" s="68">
        <v>5.29</v>
      </c>
      <c r="Z15" s="68">
        <v>5.44</v>
      </c>
      <c r="AA15" s="68">
        <v>5.62</v>
      </c>
      <c r="AB15" s="68">
        <v>5.83</v>
      </c>
      <c r="AC15" s="68">
        <v>5.87</v>
      </c>
      <c r="AD15" s="68">
        <v>5.89</v>
      </c>
      <c r="AE15" s="68">
        <v>6.07</v>
      </c>
      <c r="AF15" s="68">
        <v>6.1</v>
      </c>
      <c r="AG15" s="68">
        <v>6.17</v>
      </c>
      <c r="AH15" s="68">
        <v>6.15</v>
      </c>
      <c r="AI15" s="68">
        <v>6.13</v>
      </c>
      <c r="AJ15" s="68">
        <v>6.11</v>
      </c>
      <c r="AK15" s="68">
        <v>6.27</v>
      </c>
      <c r="AL15" s="68">
        <v>6.26</v>
      </c>
      <c r="AM15" s="68">
        <v>6.26</v>
      </c>
      <c r="AN15" s="68">
        <v>6.29</v>
      </c>
      <c r="AO15" s="68">
        <v>6.29</v>
      </c>
      <c r="AP15" s="68">
        <v>6.27</v>
      </c>
      <c r="AQ15" s="68">
        <v>6.25</v>
      </c>
      <c r="AR15" s="68">
        <v>6.34</v>
      </c>
      <c r="AS15" s="68">
        <v>6.39</v>
      </c>
      <c r="AT15" s="68">
        <v>6.04</v>
      </c>
      <c r="AU15" s="68">
        <v>6</v>
      </c>
      <c r="AV15" s="68">
        <v>5.95</v>
      </c>
      <c r="AW15" s="73">
        <v>5.93</v>
      </c>
      <c r="AX15" s="73">
        <v>5.93</v>
      </c>
      <c r="AY15" s="73">
        <v>5.94</v>
      </c>
      <c r="AZ15" s="73">
        <v>5.93</v>
      </c>
      <c r="BA15" s="73">
        <v>5.93</v>
      </c>
      <c r="BB15" s="73">
        <v>5.95</v>
      </c>
      <c r="BC15" s="73">
        <v>5.97</v>
      </c>
      <c r="BD15" s="73">
        <v>5.97</v>
      </c>
      <c r="BE15" s="17"/>
    </row>
    <row r="16" spans="3:57" x14ac:dyDescent="0.2">
      <c r="C16" s="5" t="s">
        <v>60</v>
      </c>
      <c r="D16" s="6" t="s">
        <v>58</v>
      </c>
      <c r="E16" s="76">
        <v>1.72</v>
      </c>
      <c r="F16" s="68">
        <v>1.67</v>
      </c>
      <c r="G16" s="68">
        <v>1.72</v>
      </c>
      <c r="H16" s="68">
        <v>1.72</v>
      </c>
      <c r="I16" s="68">
        <v>1.73</v>
      </c>
      <c r="J16" s="68">
        <v>1.74</v>
      </c>
      <c r="K16" s="68">
        <v>1.77</v>
      </c>
      <c r="L16" s="68">
        <v>1.79</v>
      </c>
      <c r="M16" s="68">
        <v>1.8</v>
      </c>
      <c r="N16" s="68">
        <v>1.81</v>
      </c>
      <c r="O16" s="68">
        <v>1.81</v>
      </c>
      <c r="P16" s="68">
        <v>1.81</v>
      </c>
      <c r="Q16" s="68">
        <v>1.8</v>
      </c>
      <c r="R16" s="68">
        <v>1.82</v>
      </c>
      <c r="S16" s="68">
        <v>1.81</v>
      </c>
      <c r="T16" s="68">
        <v>1.82</v>
      </c>
      <c r="U16" s="68">
        <v>1.81</v>
      </c>
      <c r="V16" s="68">
        <v>1.79</v>
      </c>
      <c r="W16" s="68">
        <v>1.76</v>
      </c>
      <c r="X16" s="68">
        <v>1.76</v>
      </c>
      <c r="Y16" s="68">
        <v>1.75</v>
      </c>
      <c r="Z16" s="68">
        <v>1.75</v>
      </c>
      <c r="AA16" s="68">
        <v>1.77</v>
      </c>
      <c r="AB16" s="68">
        <v>1.81</v>
      </c>
      <c r="AC16" s="68">
        <v>1.86</v>
      </c>
      <c r="AD16" s="68">
        <v>1.87</v>
      </c>
      <c r="AE16" s="68">
        <v>1.88</v>
      </c>
      <c r="AF16" s="68">
        <v>1.94</v>
      </c>
      <c r="AG16" s="68">
        <v>1.97</v>
      </c>
      <c r="AH16" s="68">
        <v>1.98</v>
      </c>
      <c r="AI16" s="68">
        <v>2</v>
      </c>
      <c r="AJ16" s="68">
        <v>1.98</v>
      </c>
      <c r="AK16" s="68">
        <v>2.0099999999999998</v>
      </c>
      <c r="AL16" s="68">
        <v>2.0299999999999998</v>
      </c>
      <c r="AM16" s="68">
        <v>2.0499999999999998</v>
      </c>
      <c r="AN16" s="68">
        <v>2.08</v>
      </c>
      <c r="AO16" s="68">
        <v>2.06</v>
      </c>
      <c r="AP16" s="68">
        <v>2.04</v>
      </c>
      <c r="AQ16" s="68">
        <v>2</v>
      </c>
      <c r="AR16" s="68">
        <v>1.95</v>
      </c>
      <c r="AS16" s="68">
        <v>1.93</v>
      </c>
      <c r="AT16" s="68">
        <v>1.87</v>
      </c>
      <c r="AU16" s="68">
        <v>1.88</v>
      </c>
      <c r="AV16" s="68">
        <v>1.86</v>
      </c>
      <c r="AW16" s="73">
        <v>1.83</v>
      </c>
      <c r="AX16" s="73">
        <v>1.8</v>
      </c>
      <c r="AY16" s="73">
        <v>1.79</v>
      </c>
      <c r="AZ16" s="73">
        <v>1.79</v>
      </c>
      <c r="BA16" s="73">
        <v>1.79</v>
      </c>
      <c r="BB16" s="73">
        <v>1.81</v>
      </c>
      <c r="BC16" s="73">
        <v>1.77</v>
      </c>
      <c r="BD16" s="73">
        <v>1.72</v>
      </c>
      <c r="BE16" s="17"/>
    </row>
    <row r="17" spans="3:57" x14ac:dyDescent="0.2">
      <c r="C17" s="5" t="s">
        <v>61</v>
      </c>
      <c r="D17" s="6" t="s">
        <v>58</v>
      </c>
      <c r="E17" s="76">
        <v>1.96</v>
      </c>
      <c r="F17" s="68">
        <v>1.96</v>
      </c>
      <c r="G17" s="68">
        <v>1.97</v>
      </c>
      <c r="H17" s="68">
        <v>1.98</v>
      </c>
      <c r="I17" s="68">
        <v>1.97</v>
      </c>
      <c r="J17" s="68">
        <v>1.96</v>
      </c>
      <c r="K17" s="68">
        <v>1.85</v>
      </c>
      <c r="L17" s="68">
        <v>1.86</v>
      </c>
      <c r="M17" s="68">
        <v>1.77</v>
      </c>
      <c r="N17" s="68">
        <v>1.77</v>
      </c>
      <c r="O17" s="68">
        <v>1.79</v>
      </c>
      <c r="P17" s="68">
        <v>1.8</v>
      </c>
      <c r="Q17" s="68">
        <v>1.82</v>
      </c>
      <c r="R17" s="68">
        <v>1.8</v>
      </c>
      <c r="S17" s="68">
        <v>1.78</v>
      </c>
      <c r="T17" s="68">
        <v>1.77</v>
      </c>
      <c r="U17" s="68">
        <v>1.76</v>
      </c>
      <c r="V17" s="68">
        <v>1.75</v>
      </c>
      <c r="W17" s="68">
        <v>1.72</v>
      </c>
      <c r="X17" s="68">
        <v>1.76</v>
      </c>
      <c r="Y17" s="68">
        <v>1.78</v>
      </c>
      <c r="Z17" s="68">
        <v>1.78</v>
      </c>
      <c r="AA17" s="68">
        <v>1.81</v>
      </c>
      <c r="AB17" s="68">
        <v>1.81</v>
      </c>
      <c r="AC17" s="68">
        <v>1.81</v>
      </c>
      <c r="AD17" s="68">
        <v>1.81</v>
      </c>
      <c r="AE17" s="68">
        <v>1.77</v>
      </c>
      <c r="AF17" s="68">
        <v>1.86</v>
      </c>
      <c r="AG17" s="68">
        <v>1.88</v>
      </c>
      <c r="AH17" s="68">
        <v>1.91</v>
      </c>
      <c r="AI17" s="68">
        <v>1.95</v>
      </c>
      <c r="AJ17" s="68">
        <v>1.91</v>
      </c>
      <c r="AK17" s="68">
        <v>1.94</v>
      </c>
      <c r="AL17" s="68">
        <v>1.94</v>
      </c>
      <c r="AM17" s="68">
        <v>1.91</v>
      </c>
      <c r="AN17" s="68">
        <v>1.86</v>
      </c>
      <c r="AO17" s="68">
        <v>1.86</v>
      </c>
      <c r="AP17" s="68">
        <v>1.86</v>
      </c>
      <c r="AQ17" s="68">
        <v>1.82</v>
      </c>
      <c r="AR17" s="68">
        <v>1.81</v>
      </c>
      <c r="AS17" s="68">
        <v>1.81</v>
      </c>
      <c r="AT17" s="68">
        <v>1.8</v>
      </c>
      <c r="AU17" s="68">
        <v>1.79</v>
      </c>
      <c r="AV17" s="68">
        <v>1.8</v>
      </c>
      <c r="AW17" s="73">
        <v>1.73</v>
      </c>
      <c r="AX17" s="73">
        <v>1.69</v>
      </c>
      <c r="AY17" s="73">
        <v>1.72</v>
      </c>
      <c r="AZ17" s="73">
        <v>1.68</v>
      </c>
      <c r="BA17" s="73">
        <v>1.67</v>
      </c>
      <c r="BB17" s="73">
        <v>1.64</v>
      </c>
      <c r="BC17" s="73">
        <v>1.64</v>
      </c>
      <c r="BD17" s="73">
        <v>1.74</v>
      </c>
      <c r="BE17" s="17"/>
    </row>
    <row r="18" spans="3:57" x14ac:dyDescent="0.2">
      <c r="C18" s="5" t="s">
        <v>62</v>
      </c>
      <c r="D18" s="6" t="s">
        <v>58</v>
      </c>
      <c r="E18" s="76">
        <v>3.2</v>
      </c>
      <c r="F18" s="68">
        <v>3.2</v>
      </c>
      <c r="G18" s="68">
        <v>3.2</v>
      </c>
      <c r="H18" s="68">
        <v>3.2</v>
      </c>
      <c r="I18" s="68">
        <v>3.2</v>
      </c>
      <c r="J18" s="68">
        <v>3.2</v>
      </c>
      <c r="K18" s="68">
        <v>3.2</v>
      </c>
      <c r="L18" s="68">
        <v>3.04</v>
      </c>
      <c r="M18" s="68">
        <v>3.2</v>
      </c>
      <c r="N18" s="68">
        <v>3.44</v>
      </c>
      <c r="O18" s="68">
        <v>3.64</v>
      </c>
      <c r="P18" s="68">
        <v>3.64</v>
      </c>
      <c r="Q18" s="68">
        <v>3.64</v>
      </c>
      <c r="R18" s="68">
        <v>3.64</v>
      </c>
      <c r="S18" s="68">
        <v>3.55</v>
      </c>
      <c r="T18" s="68">
        <v>3.45</v>
      </c>
      <c r="U18" s="68">
        <v>3.45</v>
      </c>
      <c r="V18" s="68">
        <v>3.45</v>
      </c>
      <c r="W18" s="68">
        <v>3.36</v>
      </c>
      <c r="X18" s="68">
        <v>3.36</v>
      </c>
      <c r="Y18" s="68">
        <v>3.36</v>
      </c>
      <c r="Z18" s="68">
        <v>3.36</v>
      </c>
      <c r="AA18" s="68">
        <v>3.36</v>
      </c>
      <c r="AB18" s="68">
        <v>3.36</v>
      </c>
      <c r="AC18" s="68">
        <v>3.36</v>
      </c>
      <c r="AD18" s="68">
        <v>3.36</v>
      </c>
      <c r="AE18" s="68">
        <v>1.75</v>
      </c>
      <c r="AF18" s="68">
        <v>1.74</v>
      </c>
      <c r="AG18" s="68">
        <v>3.54</v>
      </c>
      <c r="AH18" s="68">
        <v>3.54</v>
      </c>
      <c r="AI18" s="68">
        <v>3.54</v>
      </c>
      <c r="AJ18" s="68">
        <v>3.54</v>
      </c>
      <c r="AK18" s="68">
        <v>3.54</v>
      </c>
      <c r="AL18" s="68">
        <v>3.54</v>
      </c>
      <c r="AM18" s="68">
        <v>3.54</v>
      </c>
      <c r="AN18" s="68">
        <v>3.54</v>
      </c>
      <c r="AO18" s="68">
        <v>3.77</v>
      </c>
      <c r="AP18" s="68">
        <v>3.77</v>
      </c>
      <c r="AQ18" s="68">
        <v>3.94</v>
      </c>
      <c r="AR18" s="68">
        <v>3.99</v>
      </c>
      <c r="AS18" s="68">
        <v>3.97</v>
      </c>
      <c r="AT18" s="68">
        <v>4.09</v>
      </c>
      <c r="AU18" s="68">
        <v>4.09</v>
      </c>
      <c r="AV18" s="68">
        <v>4.09</v>
      </c>
      <c r="AW18" s="73">
        <v>4.09</v>
      </c>
      <c r="AX18" s="73">
        <v>4.09</v>
      </c>
      <c r="AY18" s="73">
        <v>4.09</v>
      </c>
      <c r="AZ18" s="73">
        <v>4.09</v>
      </c>
      <c r="BA18" s="73">
        <v>4.09</v>
      </c>
      <c r="BB18" s="73">
        <v>4.09</v>
      </c>
      <c r="BC18" s="73">
        <v>4.09</v>
      </c>
      <c r="BD18" s="73">
        <v>3.63</v>
      </c>
      <c r="BE18" s="17"/>
    </row>
    <row r="19" spans="3:57" x14ac:dyDescent="0.2">
      <c r="C19" s="5" t="s">
        <v>75</v>
      </c>
      <c r="D19" s="20" t="s">
        <v>76</v>
      </c>
      <c r="E19" s="76">
        <v>1.01</v>
      </c>
      <c r="F19" s="68">
        <v>0.96</v>
      </c>
      <c r="G19" s="68">
        <v>0.9</v>
      </c>
      <c r="H19" s="68">
        <v>0.88</v>
      </c>
      <c r="I19" s="68">
        <v>0.88</v>
      </c>
      <c r="J19" s="68">
        <v>0.84</v>
      </c>
      <c r="K19" s="68">
        <v>0.82</v>
      </c>
      <c r="L19" s="68">
        <v>0.81</v>
      </c>
      <c r="M19" s="68">
        <v>0.8</v>
      </c>
      <c r="N19" s="68">
        <v>0.87</v>
      </c>
      <c r="O19" s="68">
        <v>0.74</v>
      </c>
      <c r="P19" s="68">
        <v>0.72</v>
      </c>
      <c r="Q19" s="68">
        <v>0.72</v>
      </c>
      <c r="R19" s="68">
        <v>0.69</v>
      </c>
      <c r="S19" s="68">
        <v>0.66</v>
      </c>
      <c r="T19" s="68">
        <v>0.66</v>
      </c>
      <c r="U19" s="68">
        <v>0.66</v>
      </c>
      <c r="V19" s="68">
        <v>0.66</v>
      </c>
      <c r="W19" s="68">
        <v>0.61</v>
      </c>
      <c r="X19" s="68">
        <v>0.6</v>
      </c>
      <c r="Y19" s="68">
        <v>0.6</v>
      </c>
      <c r="Z19" s="68">
        <v>0.6</v>
      </c>
      <c r="AA19" s="68">
        <v>0.62</v>
      </c>
      <c r="AB19" s="68">
        <v>0.62</v>
      </c>
      <c r="AC19" s="68">
        <v>0.62</v>
      </c>
      <c r="AD19" s="68">
        <v>0.62</v>
      </c>
      <c r="AE19" s="68">
        <v>0.63</v>
      </c>
      <c r="AF19" s="68">
        <v>0.63</v>
      </c>
      <c r="AG19" s="68">
        <v>0.63</v>
      </c>
      <c r="AH19" s="68">
        <v>0.64</v>
      </c>
      <c r="AI19" s="68">
        <v>0.64</v>
      </c>
      <c r="AJ19" s="68">
        <v>0.69</v>
      </c>
      <c r="AK19" s="68">
        <v>0.6</v>
      </c>
      <c r="AL19" s="68">
        <v>0.59</v>
      </c>
      <c r="AM19" s="68">
        <v>0.6</v>
      </c>
      <c r="AN19" s="68">
        <v>0.64</v>
      </c>
      <c r="AO19" s="68">
        <v>0.7</v>
      </c>
      <c r="AP19" s="68">
        <v>0.73</v>
      </c>
      <c r="AQ19" s="68">
        <v>0.73</v>
      </c>
      <c r="AR19" s="68">
        <v>0.72</v>
      </c>
      <c r="AS19" s="68">
        <v>0.72</v>
      </c>
      <c r="AT19" s="68">
        <v>0.73</v>
      </c>
      <c r="AU19" s="68">
        <v>0.75</v>
      </c>
      <c r="AV19" s="68">
        <v>0.76</v>
      </c>
      <c r="AW19" s="73">
        <v>0.78</v>
      </c>
      <c r="AX19" s="73">
        <v>0.81</v>
      </c>
      <c r="AY19" s="73">
        <v>0.84</v>
      </c>
      <c r="AZ19" s="73">
        <v>0.85</v>
      </c>
      <c r="BA19" s="73">
        <v>0.84</v>
      </c>
      <c r="BB19" s="73">
        <v>0.84</v>
      </c>
      <c r="BC19" s="73">
        <v>0.84</v>
      </c>
      <c r="BD19" s="73">
        <v>0.84</v>
      </c>
      <c r="BE19" s="17"/>
    </row>
    <row r="20" spans="3:57" x14ac:dyDescent="0.2">
      <c r="C20" s="5" t="s">
        <v>63</v>
      </c>
      <c r="D20" s="6" t="s">
        <v>58</v>
      </c>
      <c r="E20" s="76">
        <v>6.62</v>
      </c>
      <c r="F20" s="76">
        <v>4.95</v>
      </c>
      <c r="G20" s="76">
        <v>4.91</v>
      </c>
      <c r="H20" s="76">
        <v>3.91</v>
      </c>
      <c r="I20" s="76">
        <v>3.67</v>
      </c>
      <c r="J20" s="76">
        <v>3.63</v>
      </c>
      <c r="K20" s="76">
        <v>3.78</v>
      </c>
      <c r="L20" s="76">
        <v>3.84</v>
      </c>
      <c r="M20" s="76">
        <v>3.44</v>
      </c>
      <c r="N20" s="76">
        <v>3.58</v>
      </c>
      <c r="O20" s="76">
        <v>4.1500000000000004</v>
      </c>
      <c r="P20" s="76">
        <v>3.31</v>
      </c>
      <c r="Q20" s="76">
        <v>3.54</v>
      </c>
      <c r="R20" s="76">
        <v>3.49</v>
      </c>
      <c r="S20" s="76">
        <v>4.68</v>
      </c>
      <c r="T20" s="76">
        <v>3.63</v>
      </c>
      <c r="U20" s="76">
        <v>2.96</v>
      </c>
      <c r="V20" s="76">
        <v>3.87</v>
      </c>
      <c r="W20" s="76">
        <v>4.59</v>
      </c>
      <c r="X20" s="76">
        <v>3.39</v>
      </c>
      <c r="Y20" s="76">
        <v>3.35</v>
      </c>
      <c r="Z20" s="76">
        <v>3.91</v>
      </c>
      <c r="AA20" s="76">
        <v>3.5</v>
      </c>
      <c r="AB20" s="76">
        <v>3.53</v>
      </c>
      <c r="AC20" s="76">
        <v>3.13</v>
      </c>
      <c r="AD20" s="76">
        <v>3.39</v>
      </c>
      <c r="AE20" s="76">
        <v>4.29</v>
      </c>
      <c r="AF20" s="76">
        <v>4.03</v>
      </c>
      <c r="AG20" s="76">
        <v>3.78</v>
      </c>
      <c r="AH20" s="76">
        <v>4.25</v>
      </c>
      <c r="AI20" s="76">
        <v>3.91</v>
      </c>
      <c r="AJ20" s="76">
        <v>4.37</v>
      </c>
      <c r="AK20" s="76">
        <v>4.51</v>
      </c>
      <c r="AL20" s="76">
        <v>4.4000000000000004</v>
      </c>
      <c r="AM20" s="76">
        <v>4.75</v>
      </c>
      <c r="AN20" s="76">
        <v>4.7</v>
      </c>
      <c r="AO20" s="76">
        <v>4.01</v>
      </c>
      <c r="AP20" s="76">
        <v>4.0599999999999996</v>
      </c>
      <c r="AQ20" s="76">
        <v>4.17</v>
      </c>
      <c r="AR20" s="76">
        <v>4.9000000000000004</v>
      </c>
      <c r="AS20" s="76">
        <v>4.5</v>
      </c>
      <c r="AT20" s="76">
        <v>4.8</v>
      </c>
      <c r="AU20" s="76">
        <v>5.74</v>
      </c>
      <c r="AV20" s="76">
        <v>7</v>
      </c>
      <c r="AW20" s="76">
        <v>6.33</v>
      </c>
      <c r="AX20" s="76">
        <v>4.75</v>
      </c>
      <c r="AY20" s="76">
        <v>3.53</v>
      </c>
      <c r="AZ20" s="76">
        <v>3.75</v>
      </c>
      <c r="BA20" s="76">
        <v>3.52</v>
      </c>
      <c r="BB20" s="76">
        <v>3.62</v>
      </c>
      <c r="BC20" s="76">
        <v>6.64</v>
      </c>
      <c r="BD20" s="76">
        <v>7.64</v>
      </c>
      <c r="BE20" s="17"/>
    </row>
    <row r="21" spans="3:57" x14ac:dyDescent="0.2">
      <c r="C21" s="5" t="s">
        <v>64</v>
      </c>
      <c r="D21" s="6" t="s">
        <v>58</v>
      </c>
      <c r="E21" s="76">
        <v>5.22</v>
      </c>
      <c r="F21" s="76">
        <v>4.93</v>
      </c>
      <c r="G21" s="76">
        <v>3.95</v>
      </c>
      <c r="H21" s="76">
        <v>3.8</v>
      </c>
      <c r="I21" s="76">
        <v>3.3</v>
      </c>
      <c r="J21" s="76">
        <v>3.3</v>
      </c>
      <c r="K21" s="76">
        <v>3.3</v>
      </c>
      <c r="L21" s="76">
        <v>3</v>
      </c>
      <c r="M21" s="76">
        <v>3.3</v>
      </c>
      <c r="N21" s="76">
        <v>3.2</v>
      </c>
      <c r="O21" s="76">
        <v>3.5</v>
      </c>
      <c r="P21" s="76">
        <v>3.4</v>
      </c>
      <c r="Q21" s="76">
        <v>3.3</v>
      </c>
      <c r="R21" s="76">
        <v>3.25</v>
      </c>
      <c r="S21" s="76">
        <v>3.5</v>
      </c>
      <c r="T21" s="76">
        <v>3</v>
      </c>
      <c r="U21" s="76">
        <v>2.8</v>
      </c>
      <c r="V21" s="76">
        <v>3.57</v>
      </c>
      <c r="W21" s="76">
        <v>3.9</v>
      </c>
      <c r="X21" s="76">
        <v>3.3</v>
      </c>
      <c r="Y21" s="76">
        <v>3.3</v>
      </c>
      <c r="Z21" s="76">
        <v>3.4</v>
      </c>
      <c r="AA21" s="76">
        <v>2.7</v>
      </c>
      <c r="AB21" s="76">
        <v>3.1</v>
      </c>
      <c r="AC21" s="76">
        <v>3</v>
      </c>
      <c r="AD21" s="76">
        <v>3</v>
      </c>
      <c r="AE21" s="76">
        <v>2.95</v>
      </c>
      <c r="AF21" s="76">
        <v>3.3</v>
      </c>
      <c r="AG21" s="76">
        <v>3</v>
      </c>
      <c r="AH21" s="76">
        <v>3</v>
      </c>
      <c r="AI21" s="76">
        <v>3.3</v>
      </c>
      <c r="AJ21" s="76">
        <v>3.5</v>
      </c>
      <c r="AK21" s="76">
        <v>3.8</v>
      </c>
      <c r="AL21" s="76">
        <v>3.5</v>
      </c>
      <c r="AM21" s="76">
        <v>3</v>
      </c>
      <c r="AN21" s="76">
        <v>3.3</v>
      </c>
      <c r="AO21" s="76">
        <v>3.48</v>
      </c>
      <c r="AP21" s="76">
        <v>3.2</v>
      </c>
      <c r="AQ21" s="76">
        <v>3.55</v>
      </c>
      <c r="AR21" s="76">
        <v>3.3</v>
      </c>
      <c r="AS21" s="76">
        <v>3.9</v>
      </c>
      <c r="AT21" s="76">
        <v>3.9</v>
      </c>
      <c r="AU21" s="76">
        <v>4.16</v>
      </c>
      <c r="AV21" s="76">
        <v>4</v>
      </c>
      <c r="AW21" s="76">
        <v>3.65</v>
      </c>
      <c r="AX21" s="76">
        <v>3.35</v>
      </c>
      <c r="AY21" s="76">
        <v>3.18</v>
      </c>
      <c r="AZ21" s="76">
        <v>3.28</v>
      </c>
      <c r="BA21" s="76">
        <v>3</v>
      </c>
      <c r="BB21" s="76">
        <v>2.72</v>
      </c>
      <c r="BC21" s="76">
        <v>2.95</v>
      </c>
      <c r="BD21" s="76">
        <v>3.94</v>
      </c>
      <c r="BE21" s="17"/>
    </row>
    <row r="22" spans="3:57" x14ac:dyDescent="0.2">
      <c r="C22" s="5" t="s">
        <v>65</v>
      </c>
      <c r="D22" s="6" t="s">
        <v>58</v>
      </c>
      <c r="E22" s="76">
        <v>1.98</v>
      </c>
      <c r="F22" s="76">
        <v>1.38</v>
      </c>
      <c r="G22" s="76">
        <v>2.82</v>
      </c>
      <c r="H22" s="76">
        <v>2</v>
      </c>
      <c r="I22" s="76">
        <v>1.0900000000000001</v>
      </c>
      <c r="J22" s="76">
        <v>1.51</v>
      </c>
      <c r="K22" s="76">
        <v>1.72</v>
      </c>
      <c r="L22" s="76">
        <v>1.22</v>
      </c>
      <c r="M22" s="76">
        <v>1</v>
      </c>
      <c r="N22" s="76">
        <v>1.1599999999999999</v>
      </c>
      <c r="O22" s="76">
        <v>2.9</v>
      </c>
      <c r="P22" s="76">
        <v>2.2000000000000002</v>
      </c>
      <c r="Q22" s="76">
        <v>2</v>
      </c>
      <c r="R22" s="76">
        <v>1.5</v>
      </c>
      <c r="S22" s="76">
        <v>0.88</v>
      </c>
      <c r="T22" s="76">
        <v>0.82</v>
      </c>
      <c r="U22" s="76">
        <v>1.0900000000000001</v>
      </c>
      <c r="V22" s="76">
        <v>1</v>
      </c>
      <c r="W22" s="76">
        <v>1.1000000000000001</v>
      </c>
      <c r="X22" s="76">
        <v>1.43</v>
      </c>
      <c r="Y22" s="76">
        <v>2.25</v>
      </c>
      <c r="Z22" s="76">
        <v>2.65</v>
      </c>
      <c r="AA22" s="76">
        <v>2.36</v>
      </c>
      <c r="AB22" s="76">
        <v>2.5099999999999998</v>
      </c>
      <c r="AC22" s="76">
        <v>3.2</v>
      </c>
      <c r="AD22" s="76">
        <v>3</v>
      </c>
      <c r="AE22" s="76">
        <v>2</v>
      </c>
      <c r="AF22" s="76">
        <v>1.83</v>
      </c>
      <c r="AG22" s="76">
        <v>2.4700000000000002</v>
      </c>
      <c r="AH22" s="76">
        <v>2.97</v>
      </c>
      <c r="AI22" s="76">
        <v>3</v>
      </c>
      <c r="AJ22" s="76">
        <v>3.15</v>
      </c>
      <c r="AK22" s="76">
        <v>3.15</v>
      </c>
      <c r="AL22" s="76">
        <v>3.1</v>
      </c>
      <c r="AM22" s="76">
        <v>3.1</v>
      </c>
      <c r="AN22" s="76">
        <v>2.8</v>
      </c>
      <c r="AO22" s="76">
        <v>2.2999999999999998</v>
      </c>
      <c r="AP22" s="76">
        <v>2.5</v>
      </c>
      <c r="AQ22" s="76">
        <v>2.4</v>
      </c>
      <c r="AR22" s="76">
        <v>2</v>
      </c>
      <c r="AS22" s="76">
        <v>2.0299999999999998</v>
      </c>
      <c r="AT22" s="76">
        <v>1.5</v>
      </c>
      <c r="AU22" s="76">
        <v>1.3</v>
      </c>
      <c r="AV22" s="76">
        <v>1</v>
      </c>
      <c r="AW22" s="76">
        <v>1</v>
      </c>
      <c r="AX22" s="76">
        <v>1.3</v>
      </c>
      <c r="AY22" s="76">
        <v>2.9</v>
      </c>
      <c r="AZ22" s="76">
        <v>2</v>
      </c>
      <c r="BA22" s="76">
        <v>1.9</v>
      </c>
      <c r="BB22" s="76">
        <v>1.5</v>
      </c>
      <c r="BC22" s="76">
        <v>1.5</v>
      </c>
      <c r="BD22" s="76">
        <v>0.89</v>
      </c>
      <c r="BE22" s="17"/>
    </row>
    <row r="23" spans="3:57" x14ac:dyDescent="0.2">
      <c r="C23" s="5" t="s">
        <v>66</v>
      </c>
      <c r="D23" s="6" t="s">
        <v>58</v>
      </c>
      <c r="E23" s="76">
        <v>3.6</v>
      </c>
      <c r="F23" s="76">
        <v>2.4700000000000002</v>
      </c>
      <c r="G23" s="76">
        <v>2.84</v>
      </c>
      <c r="H23" s="76">
        <v>3.58</v>
      </c>
      <c r="I23" s="76">
        <v>3.48</v>
      </c>
      <c r="J23" s="76">
        <v>3.18</v>
      </c>
      <c r="K23" s="76">
        <v>3.26</v>
      </c>
      <c r="L23" s="76">
        <v>3.5</v>
      </c>
      <c r="M23" s="76">
        <v>3.3</v>
      </c>
      <c r="N23" s="76">
        <v>3</v>
      </c>
      <c r="O23" s="76">
        <v>3.17</v>
      </c>
      <c r="P23" s="76">
        <v>3.17</v>
      </c>
      <c r="Q23" s="76">
        <v>3.62</v>
      </c>
      <c r="R23" s="76">
        <v>3.29</v>
      </c>
      <c r="S23" s="76">
        <v>1.87</v>
      </c>
      <c r="T23" s="76">
        <v>2.2400000000000002</v>
      </c>
      <c r="U23" s="76">
        <v>2.5499999999999998</v>
      </c>
      <c r="V23" s="76">
        <v>2.35</v>
      </c>
      <c r="W23" s="76">
        <v>2</v>
      </c>
      <c r="X23" s="76">
        <v>2.17</v>
      </c>
      <c r="Y23" s="76">
        <v>2.78</v>
      </c>
      <c r="Z23" s="76">
        <v>3.22</v>
      </c>
      <c r="AA23" s="76">
        <v>2.5</v>
      </c>
      <c r="AB23" s="76">
        <v>2.5</v>
      </c>
      <c r="AC23" s="76">
        <v>3</v>
      </c>
      <c r="AD23" s="76">
        <v>2</v>
      </c>
      <c r="AE23" s="76">
        <v>1.01</v>
      </c>
      <c r="AF23" s="76">
        <v>1.01</v>
      </c>
      <c r="AG23" s="76">
        <v>1.18</v>
      </c>
      <c r="AH23" s="76">
        <v>2.63</v>
      </c>
      <c r="AI23" s="76">
        <v>2.5</v>
      </c>
      <c r="AJ23" s="76">
        <v>1.5</v>
      </c>
      <c r="AK23" s="76">
        <v>1.34</v>
      </c>
      <c r="AL23" s="76">
        <v>2.99</v>
      </c>
      <c r="AM23" s="76">
        <v>1.96</v>
      </c>
      <c r="AN23" s="76">
        <v>1.4</v>
      </c>
      <c r="AO23" s="76">
        <v>1.59</v>
      </c>
      <c r="AP23" s="76">
        <v>2.5499999999999998</v>
      </c>
      <c r="AQ23" s="76">
        <v>2.2999999999999998</v>
      </c>
      <c r="AR23" s="76">
        <v>2.2999999999999998</v>
      </c>
      <c r="AS23" s="76">
        <v>2</v>
      </c>
      <c r="AT23" s="76">
        <v>1.47</v>
      </c>
      <c r="AU23" s="76">
        <v>1.63</v>
      </c>
      <c r="AV23" s="76">
        <v>2.0099999999999998</v>
      </c>
      <c r="AW23" s="76">
        <v>1.9</v>
      </c>
      <c r="AX23" s="76">
        <v>2.13</v>
      </c>
      <c r="AY23" s="76">
        <v>3.3</v>
      </c>
      <c r="AZ23" s="76">
        <v>3.95</v>
      </c>
      <c r="BA23" s="76">
        <v>2.9</v>
      </c>
      <c r="BB23" s="76">
        <v>2.5</v>
      </c>
      <c r="BC23" s="76">
        <v>2.35</v>
      </c>
      <c r="BD23" s="76">
        <v>2.2000000000000002</v>
      </c>
      <c r="BE23" s="17"/>
    </row>
    <row r="24" spans="3:57" x14ac:dyDescent="0.2">
      <c r="C24" s="5" t="s">
        <v>67</v>
      </c>
      <c r="D24" s="6" t="s">
        <v>58</v>
      </c>
      <c r="E24" s="76">
        <v>6.75</v>
      </c>
      <c r="F24" s="76">
        <v>6.25</v>
      </c>
      <c r="G24" s="76">
        <v>4.38</v>
      </c>
      <c r="H24" s="76">
        <v>3.57</v>
      </c>
      <c r="I24" s="76">
        <v>3.76</v>
      </c>
      <c r="J24" s="76">
        <v>5.72</v>
      </c>
      <c r="K24" s="76">
        <v>5.39</v>
      </c>
      <c r="L24" s="76">
        <v>4.3899999999999997</v>
      </c>
      <c r="M24" s="76">
        <v>3.82</v>
      </c>
      <c r="N24" s="76">
        <v>3.42</v>
      </c>
      <c r="O24" s="76">
        <v>4.01</v>
      </c>
      <c r="P24" s="76">
        <v>4.4000000000000004</v>
      </c>
      <c r="Q24" s="76">
        <v>3.4</v>
      </c>
      <c r="R24" s="76">
        <v>3.31</v>
      </c>
      <c r="S24" s="76">
        <v>3.4</v>
      </c>
      <c r="T24" s="76">
        <v>3.6</v>
      </c>
      <c r="U24" s="76">
        <v>3.87</v>
      </c>
      <c r="V24" s="76">
        <v>3.67</v>
      </c>
      <c r="W24" s="76">
        <v>4.12</v>
      </c>
      <c r="X24" s="76">
        <v>3.89</v>
      </c>
      <c r="Y24" s="76">
        <v>3.74</v>
      </c>
      <c r="Z24" s="76">
        <v>3.74</v>
      </c>
      <c r="AA24" s="76">
        <v>3.67</v>
      </c>
      <c r="AB24" s="76">
        <v>3.7</v>
      </c>
      <c r="AC24" s="76">
        <v>3.57</v>
      </c>
      <c r="AD24" s="76">
        <v>4.24</v>
      </c>
      <c r="AE24" s="76">
        <v>4.3</v>
      </c>
      <c r="AF24" s="76">
        <v>4</v>
      </c>
      <c r="AG24" s="76">
        <v>3.7</v>
      </c>
      <c r="AH24" s="76">
        <v>3.24</v>
      </c>
      <c r="AI24" s="76">
        <v>4</v>
      </c>
      <c r="AJ24" s="76">
        <v>4</v>
      </c>
      <c r="AK24" s="76">
        <v>4</v>
      </c>
      <c r="AL24" s="76">
        <v>4.21</v>
      </c>
      <c r="AM24" s="76">
        <v>4.75</v>
      </c>
      <c r="AN24" s="76">
        <v>4.2</v>
      </c>
      <c r="AO24" s="76">
        <v>3.9</v>
      </c>
      <c r="AP24" s="76">
        <v>3.82</v>
      </c>
      <c r="AQ24" s="76">
        <v>4.0199999999999996</v>
      </c>
      <c r="AR24" s="76">
        <v>4.1100000000000003</v>
      </c>
      <c r="AS24" s="76">
        <v>3.85</v>
      </c>
      <c r="AT24" s="76">
        <v>3.7</v>
      </c>
      <c r="AU24" s="76">
        <v>4.41</v>
      </c>
      <c r="AV24" s="76">
        <v>4.96</v>
      </c>
      <c r="AW24" s="76">
        <v>6.86</v>
      </c>
      <c r="AX24" s="76">
        <v>6.69</v>
      </c>
      <c r="AY24" s="76">
        <v>5.36</v>
      </c>
      <c r="AZ24" s="76">
        <v>5.44</v>
      </c>
      <c r="BA24" s="76">
        <v>5.52</v>
      </c>
      <c r="BB24" s="76">
        <v>4.92</v>
      </c>
      <c r="BC24" s="76">
        <v>4.92</v>
      </c>
      <c r="BD24" s="76">
        <v>6.36</v>
      </c>
      <c r="BE24" s="17"/>
    </row>
    <row r="25" spans="3:57" x14ac:dyDescent="0.2">
      <c r="C25" s="5" t="s">
        <v>68</v>
      </c>
      <c r="D25" s="6" t="s">
        <v>58</v>
      </c>
      <c r="E25" s="76">
        <v>1.27</v>
      </c>
      <c r="F25" s="76">
        <v>1.04</v>
      </c>
      <c r="G25" s="76">
        <v>1.07</v>
      </c>
      <c r="H25" s="76">
        <v>1.68</v>
      </c>
      <c r="I25" s="76">
        <v>1.1599999999999999</v>
      </c>
      <c r="J25" s="76">
        <v>1.05</v>
      </c>
      <c r="K25" s="76">
        <v>1.1599999999999999</v>
      </c>
      <c r="L25" s="76">
        <v>0.8</v>
      </c>
      <c r="M25" s="76">
        <v>1.18</v>
      </c>
      <c r="N25" s="76">
        <v>1.39</v>
      </c>
      <c r="O25" s="76">
        <v>1.3</v>
      </c>
      <c r="P25" s="76">
        <v>1.27</v>
      </c>
      <c r="Q25" s="76">
        <v>1.28</v>
      </c>
      <c r="R25" s="76">
        <v>1.41</v>
      </c>
      <c r="S25" s="76">
        <v>1.05</v>
      </c>
      <c r="T25" s="76">
        <v>0.38</v>
      </c>
      <c r="U25" s="76">
        <v>0.83</v>
      </c>
      <c r="V25" s="76">
        <v>0.89</v>
      </c>
      <c r="W25" s="76">
        <v>0.64</v>
      </c>
      <c r="X25" s="76">
        <v>0.73</v>
      </c>
      <c r="Y25" s="76">
        <v>1.01</v>
      </c>
      <c r="Z25" s="76">
        <v>1.02</v>
      </c>
      <c r="AA25" s="76">
        <v>1.17</v>
      </c>
      <c r="AB25" s="76">
        <v>0.81</v>
      </c>
      <c r="AC25" s="76">
        <v>0.88</v>
      </c>
      <c r="AD25" s="76">
        <v>1.3</v>
      </c>
      <c r="AE25" s="76">
        <v>1.26</v>
      </c>
      <c r="AF25" s="76">
        <v>1.19</v>
      </c>
      <c r="AG25" s="76">
        <v>1.19</v>
      </c>
      <c r="AH25" s="76">
        <v>1</v>
      </c>
      <c r="AI25" s="76">
        <v>1</v>
      </c>
      <c r="AJ25" s="76">
        <v>1</v>
      </c>
      <c r="AK25" s="76">
        <v>1</v>
      </c>
      <c r="AL25" s="76">
        <v>0.96</v>
      </c>
      <c r="AM25" s="76">
        <v>1.03</v>
      </c>
      <c r="AN25" s="76">
        <v>0.81</v>
      </c>
      <c r="AO25" s="76">
        <v>0.64</v>
      </c>
      <c r="AP25" s="76">
        <v>0.88</v>
      </c>
      <c r="AQ25" s="76">
        <v>0.88</v>
      </c>
      <c r="AR25" s="76">
        <v>0.81</v>
      </c>
      <c r="AS25" s="76">
        <v>0.75</v>
      </c>
      <c r="AT25" s="76">
        <v>0.75</v>
      </c>
      <c r="AU25" s="76">
        <v>1.1299999999999999</v>
      </c>
      <c r="AV25" s="76">
        <v>1.08</v>
      </c>
      <c r="AW25" s="76">
        <v>2.11</v>
      </c>
      <c r="AX25" s="76">
        <v>1.47</v>
      </c>
      <c r="AY25" s="76">
        <v>1.73</v>
      </c>
      <c r="AZ25" s="76">
        <v>1</v>
      </c>
      <c r="BA25" s="76">
        <v>0.9</v>
      </c>
      <c r="BB25" s="76">
        <v>0.63</v>
      </c>
      <c r="BC25" s="76">
        <v>0.63</v>
      </c>
      <c r="BD25" s="76">
        <v>0.78</v>
      </c>
      <c r="BE25" s="17"/>
    </row>
    <row r="26" spans="3:57" x14ac:dyDescent="0.2">
      <c r="C26" s="5" t="s">
        <v>69</v>
      </c>
      <c r="D26" s="6" t="s">
        <v>58</v>
      </c>
      <c r="E26" s="76">
        <v>3.05</v>
      </c>
      <c r="F26" s="76">
        <v>2.2999999999999998</v>
      </c>
      <c r="G26" s="76">
        <v>2.2599999999999998</v>
      </c>
      <c r="H26" s="76">
        <v>2.2200000000000002</v>
      </c>
      <c r="I26" s="76">
        <v>1.96</v>
      </c>
      <c r="J26" s="76">
        <v>1.66</v>
      </c>
      <c r="K26" s="76">
        <v>1.22</v>
      </c>
      <c r="L26" s="76">
        <v>0.55000000000000004</v>
      </c>
      <c r="M26" s="76">
        <v>1.4</v>
      </c>
      <c r="N26" s="76">
        <v>1.4</v>
      </c>
      <c r="O26" s="76">
        <v>1.56</v>
      </c>
      <c r="P26" s="76">
        <v>1.48</v>
      </c>
      <c r="Q26" s="76">
        <v>1.4</v>
      </c>
      <c r="R26" s="76">
        <v>1.71</v>
      </c>
      <c r="S26" s="76">
        <v>1.5</v>
      </c>
      <c r="T26" s="76">
        <v>1.1399999999999999</v>
      </c>
      <c r="U26" s="76">
        <v>1.1499999999999999</v>
      </c>
      <c r="V26" s="76">
        <v>1.1000000000000001</v>
      </c>
      <c r="W26" s="76">
        <v>0.9</v>
      </c>
      <c r="X26" s="76">
        <v>0.85</v>
      </c>
      <c r="Y26" s="76">
        <v>0.87</v>
      </c>
      <c r="Z26" s="76">
        <v>0.86</v>
      </c>
      <c r="AA26" s="76">
        <v>0.96</v>
      </c>
      <c r="AB26" s="76">
        <v>0.97</v>
      </c>
      <c r="AC26" s="76">
        <v>0.97</v>
      </c>
      <c r="AD26" s="76">
        <v>1.1100000000000001</v>
      </c>
      <c r="AE26" s="76">
        <v>1.55</v>
      </c>
      <c r="AF26" s="76">
        <v>1.55</v>
      </c>
      <c r="AG26" s="76">
        <v>1.2</v>
      </c>
      <c r="AH26" s="76">
        <v>1.18</v>
      </c>
      <c r="AI26" s="76">
        <v>1</v>
      </c>
      <c r="AJ26" s="76">
        <v>1.31</v>
      </c>
      <c r="AK26" s="76">
        <v>1.31</v>
      </c>
      <c r="AL26" s="76">
        <v>1.17</v>
      </c>
      <c r="AM26" s="76">
        <v>1.4</v>
      </c>
      <c r="AN26" s="76">
        <v>1.4</v>
      </c>
      <c r="AO26" s="76">
        <v>1.2</v>
      </c>
      <c r="AP26" s="76">
        <v>0.93</v>
      </c>
      <c r="AQ26" s="76">
        <v>1</v>
      </c>
      <c r="AR26" s="76">
        <v>0.88</v>
      </c>
      <c r="AS26" s="76">
        <v>0.87</v>
      </c>
      <c r="AT26" s="76">
        <v>0.95</v>
      </c>
      <c r="AU26" s="76">
        <v>1.19</v>
      </c>
      <c r="AV26" s="76">
        <v>1.28</v>
      </c>
      <c r="AW26" s="76">
        <v>1.59</v>
      </c>
      <c r="AX26" s="76">
        <v>1.3</v>
      </c>
      <c r="AY26" s="76">
        <v>1.45</v>
      </c>
      <c r="AZ26" s="76">
        <v>1.33</v>
      </c>
      <c r="BA26" s="76">
        <v>1.26</v>
      </c>
      <c r="BB26" s="76">
        <v>1.05</v>
      </c>
      <c r="BC26" s="76">
        <v>1.04</v>
      </c>
      <c r="BD26" s="76">
        <v>1.6</v>
      </c>
      <c r="BE26" s="17"/>
    </row>
    <row r="27" spans="3:57" x14ac:dyDescent="0.2">
      <c r="C27" s="5" t="s">
        <v>70</v>
      </c>
      <c r="D27" s="6" t="s">
        <v>58</v>
      </c>
      <c r="E27" s="76">
        <v>2.73</v>
      </c>
      <c r="F27" s="76">
        <v>1.34</v>
      </c>
      <c r="G27" s="76">
        <v>2.4900000000000002</v>
      </c>
      <c r="H27" s="76">
        <v>3.17</v>
      </c>
      <c r="I27" s="76">
        <v>3.05</v>
      </c>
      <c r="J27" s="76">
        <v>2.95</v>
      </c>
      <c r="K27" s="76">
        <v>2.93</v>
      </c>
      <c r="L27" s="76">
        <v>2.2999999999999998</v>
      </c>
      <c r="M27" s="76">
        <v>0.76</v>
      </c>
      <c r="N27" s="76">
        <v>0.87</v>
      </c>
      <c r="O27" s="76">
        <v>0.86</v>
      </c>
      <c r="P27" s="76">
        <v>1.04</v>
      </c>
      <c r="Q27" s="76">
        <v>0.84</v>
      </c>
      <c r="R27" s="76">
        <v>1.18</v>
      </c>
      <c r="S27" s="76">
        <v>1.18</v>
      </c>
      <c r="T27" s="76">
        <v>1.08</v>
      </c>
      <c r="U27" s="76">
        <v>1.2</v>
      </c>
      <c r="V27" s="76">
        <v>1.21</v>
      </c>
      <c r="W27" s="76">
        <v>1.1100000000000001</v>
      </c>
      <c r="X27" s="76">
        <v>1.1000000000000001</v>
      </c>
      <c r="Y27" s="76">
        <v>0.54</v>
      </c>
      <c r="Z27" s="76">
        <v>0.6</v>
      </c>
      <c r="AA27" s="76">
        <v>1.53</v>
      </c>
      <c r="AB27" s="76">
        <v>1.5</v>
      </c>
      <c r="AC27" s="76">
        <v>1.1000000000000001</v>
      </c>
      <c r="AD27" s="76">
        <v>1.26</v>
      </c>
      <c r="AE27" s="76">
        <v>1.51</v>
      </c>
      <c r="AF27" s="76">
        <v>0.9</v>
      </c>
      <c r="AG27" s="76">
        <v>0.89</v>
      </c>
      <c r="AH27" s="76">
        <v>1.18</v>
      </c>
      <c r="AI27" s="76">
        <v>1.57</v>
      </c>
      <c r="AJ27" s="76">
        <v>1.5</v>
      </c>
      <c r="AK27" s="76">
        <v>1.2230000000000001</v>
      </c>
      <c r="AL27" s="76">
        <v>1.01</v>
      </c>
      <c r="AM27" s="76">
        <v>0.93</v>
      </c>
      <c r="AN27" s="76">
        <v>0.69</v>
      </c>
      <c r="AO27" s="76">
        <v>0.41</v>
      </c>
      <c r="AP27" s="76">
        <v>0.56999999999999995</v>
      </c>
      <c r="AQ27" s="76">
        <v>1.5</v>
      </c>
      <c r="AR27" s="76">
        <v>2</v>
      </c>
      <c r="AS27" s="76">
        <v>1.23</v>
      </c>
      <c r="AT27" s="76">
        <v>1.9</v>
      </c>
      <c r="AU27" s="76">
        <v>0.69</v>
      </c>
      <c r="AV27" s="76">
        <v>1.63</v>
      </c>
      <c r="AW27" s="76">
        <v>2.1800000000000002</v>
      </c>
      <c r="AX27" s="76">
        <v>2.17</v>
      </c>
      <c r="AY27" s="76">
        <v>2.5</v>
      </c>
      <c r="AZ27" s="76">
        <v>2.5</v>
      </c>
      <c r="BA27" s="76">
        <v>2.38</v>
      </c>
      <c r="BB27" s="76">
        <v>2.19</v>
      </c>
      <c r="BC27" s="76">
        <v>1.75</v>
      </c>
      <c r="BD27" s="76">
        <v>1.95</v>
      </c>
      <c r="BE27" s="17"/>
    </row>
    <row r="28" spans="3:57" x14ac:dyDescent="0.2">
      <c r="C28" s="5" t="s">
        <v>101</v>
      </c>
      <c r="D28" s="6" t="s">
        <v>58</v>
      </c>
      <c r="E28" s="76">
        <v>4.8</v>
      </c>
      <c r="F28" s="76">
        <v>2.23</v>
      </c>
      <c r="G28" s="76">
        <v>2.63</v>
      </c>
      <c r="H28" s="76">
        <v>3.66</v>
      </c>
      <c r="I28" s="76">
        <v>2.58</v>
      </c>
      <c r="J28" s="76">
        <v>2.59</v>
      </c>
      <c r="K28" s="76">
        <v>3.49</v>
      </c>
      <c r="L28" s="76">
        <v>2.5</v>
      </c>
      <c r="M28" s="76">
        <v>3.2</v>
      </c>
      <c r="N28" s="76">
        <v>2.4300000000000002</v>
      </c>
      <c r="O28" s="76">
        <v>2.1800000000000002</v>
      </c>
      <c r="P28" s="76">
        <v>2.2400000000000002</v>
      </c>
      <c r="Q28" s="76">
        <v>2.2400000000000002</v>
      </c>
      <c r="R28" s="76">
        <v>2.86</v>
      </c>
      <c r="S28" s="76">
        <v>2.25</v>
      </c>
      <c r="T28" s="76">
        <v>6.35</v>
      </c>
      <c r="U28" s="76">
        <v>2.94</v>
      </c>
      <c r="V28" s="76">
        <v>2.6</v>
      </c>
      <c r="W28" s="76">
        <v>2.66</v>
      </c>
      <c r="X28" s="76">
        <v>2.5</v>
      </c>
      <c r="Y28" s="76">
        <v>1.8</v>
      </c>
      <c r="Z28" s="76">
        <v>3.14</v>
      </c>
      <c r="AA28" s="76">
        <v>4.7</v>
      </c>
      <c r="AB28" s="76">
        <v>6.5</v>
      </c>
      <c r="AC28" s="76">
        <v>7.27</v>
      </c>
      <c r="AD28" s="76">
        <v>6.59</v>
      </c>
      <c r="AE28" s="76">
        <v>5.6</v>
      </c>
      <c r="AF28" s="76">
        <v>3.24</v>
      </c>
      <c r="AG28" s="76">
        <v>3.59</v>
      </c>
      <c r="AH28" s="76">
        <v>3.28</v>
      </c>
      <c r="AI28" s="76">
        <v>2.9</v>
      </c>
      <c r="AJ28" s="76">
        <v>2.98</v>
      </c>
      <c r="AK28" s="76">
        <v>3.93</v>
      </c>
      <c r="AL28" s="76">
        <v>4.53</v>
      </c>
      <c r="AM28" s="76">
        <v>5.53</v>
      </c>
      <c r="AN28" s="76">
        <v>4.57</v>
      </c>
      <c r="AO28" s="76">
        <v>4.38</v>
      </c>
      <c r="AP28" s="76">
        <v>4.55</v>
      </c>
      <c r="AQ28" s="76">
        <v>5.87</v>
      </c>
      <c r="AR28" s="76">
        <v>5.5</v>
      </c>
      <c r="AS28" s="76">
        <v>5.27</v>
      </c>
      <c r="AT28" s="76">
        <v>4.01</v>
      </c>
      <c r="AU28" s="76">
        <v>4.3</v>
      </c>
      <c r="AV28" s="76">
        <v>3.28</v>
      </c>
      <c r="AW28" s="76">
        <v>3</v>
      </c>
      <c r="AX28" s="76">
        <v>1.97</v>
      </c>
      <c r="AY28" s="76">
        <v>1.66</v>
      </c>
      <c r="AZ28" s="76">
        <v>2.19</v>
      </c>
      <c r="BA28" s="76">
        <v>2</v>
      </c>
      <c r="BB28" s="76">
        <v>1.27</v>
      </c>
      <c r="BC28" s="76">
        <v>1.24</v>
      </c>
      <c r="BD28" s="76">
        <v>1.1000000000000001</v>
      </c>
      <c r="BE28" s="17"/>
    </row>
    <row r="29" spans="3:57" x14ac:dyDescent="0.2">
      <c r="C29" s="5" t="s">
        <v>71</v>
      </c>
      <c r="D29" s="6" t="s">
        <v>58</v>
      </c>
      <c r="E29" s="76">
        <v>2.2799999999999998</v>
      </c>
      <c r="F29" s="76">
        <v>2.23</v>
      </c>
      <c r="G29" s="76">
        <v>2.23</v>
      </c>
      <c r="H29" s="76">
        <v>2.23</v>
      </c>
      <c r="I29" s="76">
        <v>2.23</v>
      </c>
      <c r="J29" s="76">
        <v>2.23</v>
      </c>
      <c r="K29" s="76">
        <v>2.23</v>
      </c>
      <c r="L29" s="76">
        <v>2.23</v>
      </c>
      <c r="M29" s="76">
        <v>2.23</v>
      </c>
      <c r="N29" s="76">
        <v>2.23</v>
      </c>
      <c r="O29" s="76">
        <v>2.23</v>
      </c>
      <c r="P29" s="76">
        <v>2.23</v>
      </c>
      <c r="Q29" s="76">
        <v>2.23</v>
      </c>
      <c r="R29" s="76">
        <v>2.23</v>
      </c>
      <c r="S29" s="76">
        <v>2.23</v>
      </c>
      <c r="T29" s="76">
        <v>2.23</v>
      </c>
      <c r="U29" s="76">
        <v>2.23</v>
      </c>
      <c r="V29" s="76">
        <v>2.23</v>
      </c>
      <c r="W29" s="76">
        <v>2.23</v>
      </c>
      <c r="X29" s="76">
        <v>2.23</v>
      </c>
      <c r="Y29" s="76">
        <v>2.23</v>
      </c>
      <c r="Z29" s="76">
        <v>2.23</v>
      </c>
      <c r="AA29" s="76">
        <v>2.23</v>
      </c>
      <c r="AB29" s="76">
        <v>2.23</v>
      </c>
      <c r="AC29" s="76">
        <v>2.23</v>
      </c>
      <c r="AD29" s="76">
        <v>2.23</v>
      </c>
      <c r="AE29" s="76">
        <v>2.23</v>
      </c>
      <c r="AF29" s="76">
        <v>2.23</v>
      </c>
      <c r="AG29" s="76">
        <v>2.23</v>
      </c>
      <c r="AH29" s="76">
        <v>2.23</v>
      </c>
      <c r="AI29" s="76">
        <v>2.23</v>
      </c>
      <c r="AJ29" s="76">
        <v>2.23</v>
      </c>
      <c r="AK29" s="76">
        <v>2.23</v>
      </c>
      <c r="AL29" s="76">
        <v>2.23</v>
      </c>
      <c r="AM29" s="76">
        <v>2.23</v>
      </c>
      <c r="AN29" s="76">
        <v>2.4</v>
      </c>
      <c r="AO29" s="76">
        <v>2.4</v>
      </c>
      <c r="AP29" s="76">
        <v>2.4</v>
      </c>
      <c r="AQ29" s="76">
        <v>2.4</v>
      </c>
      <c r="AR29" s="76">
        <v>2.4</v>
      </c>
      <c r="AS29" s="76">
        <v>2.4</v>
      </c>
      <c r="AT29" s="76">
        <v>2.2000000000000002</v>
      </c>
      <c r="AU29" s="76">
        <v>2.2000000000000002</v>
      </c>
      <c r="AV29" s="76">
        <v>2.2000000000000002</v>
      </c>
      <c r="AW29" s="76">
        <v>2.2000000000000002</v>
      </c>
      <c r="AX29" s="76">
        <v>2.2000000000000002</v>
      </c>
      <c r="AY29" s="76">
        <v>2.2000000000000002</v>
      </c>
      <c r="AZ29" s="76">
        <v>2.2000000000000002</v>
      </c>
      <c r="BA29" s="76">
        <v>2.2000000000000002</v>
      </c>
      <c r="BB29" s="76">
        <v>2.2000000000000002</v>
      </c>
      <c r="BC29" s="76">
        <v>2.2000000000000002</v>
      </c>
      <c r="BD29" s="76">
        <v>2.2000000000000002</v>
      </c>
      <c r="BE29" s="17"/>
    </row>
    <row r="30" spans="3:57" x14ac:dyDescent="0.2">
      <c r="C30" s="5" t="s">
        <v>102</v>
      </c>
      <c r="D30" s="6" t="s">
        <v>58</v>
      </c>
      <c r="E30" s="76">
        <v>3.77</v>
      </c>
      <c r="F30" s="76">
        <v>3.85</v>
      </c>
      <c r="G30" s="76">
        <v>3.86</v>
      </c>
      <c r="H30" s="76">
        <v>3.87</v>
      </c>
      <c r="I30" s="76">
        <v>3.94</v>
      </c>
      <c r="J30" s="76">
        <v>4.04</v>
      </c>
      <c r="K30" s="76">
        <v>4.32</v>
      </c>
      <c r="L30" s="76">
        <v>4.3499999999999996</v>
      </c>
      <c r="M30" s="76">
        <v>4.47</v>
      </c>
      <c r="N30" s="76">
        <v>4.63</v>
      </c>
      <c r="O30" s="76">
        <v>4.63</v>
      </c>
      <c r="P30" s="76">
        <v>4.6500000000000004</v>
      </c>
      <c r="Q30" s="76">
        <v>4.63</v>
      </c>
      <c r="R30" s="76">
        <v>4.5999999999999996</v>
      </c>
      <c r="S30" s="76">
        <v>4.57</v>
      </c>
      <c r="T30" s="76">
        <v>4.55</v>
      </c>
      <c r="U30" s="76">
        <v>4.7699999999999996</v>
      </c>
      <c r="V30" s="76">
        <v>4.7</v>
      </c>
      <c r="W30" s="76">
        <v>4.74</v>
      </c>
      <c r="X30" s="76">
        <v>4.8</v>
      </c>
      <c r="Y30" s="76">
        <v>4.82</v>
      </c>
      <c r="Z30" s="76">
        <v>4.8600000000000003</v>
      </c>
      <c r="AA30" s="76">
        <v>4.87</v>
      </c>
      <c r="AB30" s="76">
        <v>4.87</v>
      </c>
      <c r="AC30" s="76">
        <v>4.95</v>
      </c>
      <c r="AD30" s="76">
        <v>4.92</v>
      </c>
      <c r="AE30" s="76">
        <v>4.9400000000000004</v>
      </c>
      <c r="AF30" s="76">
        <v>4.9400000000000004</v>
      </c>
      <c r="AG30" s="76">
        <v>4.88</v>
      </c>
      <c r="AH30" s="76">
        <v>4.7699999999999996</v>
      </c>
      <c r="AI30" s="76">
        <v>4.59</v>
      </c>
      <c r="AJ30" s="76">
        <v>4.4400000000000004</v>
      </c>
      <c r="AK30" s="76">
        <v>4.5599999999999996</v>
      </c>
      <c r="AL30" s="76">
        <v>4.5599999999999996</v>
      </c>
      <c r="AM30" s="76">
        <v>4.55</v>
      </c>
      <c r="AN30" s="76">
        <v>4.6100000000000003</v>
      </c>
      <c r="AO30" s="76">
        <v>4.58</v>
      </c>
      <c r="AP30" s="76">
        <v>4.54</v>
      </c>
      <c r="AQ30" s="76">
        <v>4.54</v>
      </c>
      <c r="AR30" s="76">
        <v>4.5</v>
      </c>
      <c r="AS30" s="76">
        <v>4.7300000000000004</v>
      </c>
      <c r="AT30" s="76">
        <v>4.45</v>
      </c>
      <c r="AU30" s="76">
        <v>4.4800000000000004</v>
      </c>
      <c r="AV30" s="76">
        <v>4.2</v>
      </c>
      <c r="AW30" s="76">
        <v>4.26</v>
      </c>
      <c r="AX30" s="76">
        <v>4.3600000000000003</v>
      </c>
      <c r="AY30" s="76">
        <v>4.25</v>
      </c>
      <c r="AZ30" s="76">
        <v>4.2</v>
      </c>
      <c r="BA30" s="76">
        <v>4.0599999999999996</v>
      </c>
      <c r="BB30" s="76">
        <v>4.17</v>
      </c>
      <c r="BC30" s="76">
        <v>4.1399999999999997</v>
      </c>
      <c r="BD30" s="76">
        <v>4.2300000000000004</v>
      </c>
      <c r="BE30" s="17"/>
    </row>
    <row r="31" spans="3:57" x14ac:dyDescent="0.2">
      <c r="C31" s="5" t="s">
        <v>72</v>
      </c>
      <c r="D31" s="6" t="s">
        <v>58</v>
      </c>
      <c r="E31" s="76">
        <v>3.74</v>
      </c>
      <c r="F31" s="76">
        <v>3.74</v>
      </c>
      <c r="G31" s="76">
        <v>3.74</v>
      </c>
      <c r="H31" s="76">
        <v>3.9</v>
      </c>
      <c r="I31" s="76">
        <v>3.9</v>
      </c>
      <c r="J31" s="76">
        <v>3.9</v>
      </c>
      <c r="K31" s="76">
        <v>4.2</v>
      </c>
      <c r="L31" s="76">
        <v>4.2</v>
      </c>
      <c r="M31" s="76">
        <v>4.2</v>
      </c>
      <c r="N31" s="76">
        <v>4.2</v>
      </c>
      <c r="O31" s="76">
        <v>4.2</v>
      </c>
      <c r="P31" s="76">
        <v>4.93</v>
      </c>
      <c r="Q31" s="76">
        <v>4.93</v>
      </c>
      <c r="R31" s="76">
        <v>4.93</v>
      </c>
      <c r="S31" s="76">
        <v>4.93</v>
      </c>
      <c r="T31" s="76">
        <v>4.93</v>
      </c>
      <c r="U31" s="76">
        <v>4.93</v>
      </c>
      <c r="V31" s="76">
        <v>5.22</v>
      </c>
      <c r="W31" s="76">
        <v>5.22</v>
      </c>
      <c r="X31" s="76">
        <v>5.22</v>
      </c>
      <c r="Y31" s="76">
        <v>5.22</v>
      </c>
      <c r="Z31" s="76">
        <v>5.44</v>
      </c>
      <c r="AA31" s="76">
        <v>5.44</v>
      </c>
      <c r="AB31" s="76">
        <v>5.44</v>
      </c>
      <c r="AC31" s="76">
        <v>5.44</v>
      </c>
      <c r="AD31" s="76">
        <v>5.44</v>
      </c>
      <c r="AE31" s="76">
        <v>5.77</v>
      </c>
      <c r="AF31" s="76">
        <v>5.77</v>
      </c>
      <c r="AG31" s="76">
        <v>5.77</v>
      </c>
      <c r="AH31" s="76">
        <v>5.77</v>
      </c>
      <c r="AI31" s="76">
        <v>5.77</v>
      </c>
      <c r="AJ31" s="76">
        <v>5.77</v>
      </c>
      <c r="AK31" s="76">
        <v>5.77</v>
      </c>
      <c r="AL31" s="76">
        <v>5.77</v>
      </c>
      <c r="AM31" s="76">
        <v>5.77</v>
      </c>
      <c r="AN31" s="76">
        <v>5.61</v>
      </c>
      <c r="AO31" s="76">
        <v>5.61</v>
      </c>
      <c r="AP31" s="76">
        <v>5.82</v>
      </c>
      <c r="AQ31" s="76">
        <v>5</v>
      </c>
      <c r="AR31" s="76">
        <v>5</v>
      </c>
      <c r="AS31" s="76">
        <v>5.15</v>
      </c>
      <c r="AT31" s="76">
        <v>5.15</v>
      </c>
      <c r="AU31" s="76">
        <v>5.2</v>
      </c>
      <c r="AV31" s="76">
        <v>5.2</v>
      </c>
      <c r="AW31" s="76">
        <v>5.2</v>
      </c>
      <c r="AX31" s="76">
        <v>5</v>
      </c>
      <c r="AY31" s="76">
        <v>4.3</v>
      </c>
      <c r="AZ31" s="76">
        <v>4.7</v>
      </c>
      <c r="BA31" s="76">
        <v>5</v>
      </c>
      <c r="BB31" s="76">
        <v>5.7</v>
      </c>
      <c r="BC31" s="76">
        <v>4.8600000000000003</v>
      </c>
      <c r="BD31" s="76">
        <v>4.8600000000000003</v>
      </c>
      <c r="BE31" s="17"/>
    </row>
    <row r="32" spans="3:57" x14ac:dyDescent="0.2">
      <c r="C32" s="5" t="s">
        <v>73</v>
      </c>
      <c r="D32" s="6" t="s">
        <v>58</v>
      </c>
      <c r="E32" s="76">
        <v>2.5499999999999998</v>
      </c>
      <c r="F32" s="76">
        <v>2.31</v>
      </c>
      <c r="G32" s="76">
        <v>2.4</v>
      </c>
      <c r="H32" s="76">
        <v>2.9</v>
      </c>
      <c r="I32" s="76">
        <v>2.37</v>
      </c>
      <c r="J32" s="76">
        <v>2.3199999999999998</v>
      </c>
      <c r="K32" s="76">
        <v>2.52</v>
      </c>
      <c r="L32" s="76">
        <v>2.36</v>
      </c>
      <c r="M32" s="76">
        <v>2.34</v>
      </c>
      <c r="N32" s="76">
        <v>2.5499999999999998</v>
      </c>
      <c r="O32" s="76">
        <v>2.5499999999999998</v>
      </c>
      <c r="P32" s="76">
        <v>2.5499999999999998</v>
      </c>
      <c r="Q32" s="76">
        <v>3.12</v>
      </c>
      <c r="R32" s="76">
        <v>3.01</v>
      </c>
      <c r="S32" s="76">
        <v>2.41</v>
      </c>
      <c r="T32" s="76">
        <v>2.2200000000000002</v>
      </c>
      <c r="U32" s="76">
        <v>2.2200000000000002</v>
      </c>
      <c r="V32" s="76">
        <v>2.2000000000000002</v>
      </c>
      <c r="W32" s="76">
        <v>2.5</v>
      </c>
      <c r="X32" s="76">
        <v>3</v>
      </c>
      <c r="Y32" s="76">
        <v>3.2</v>
      </c>
      <c r="Z32" s="76">
        <v>3</v>
      </c>
      <c r="AA32" s="76">
        <v>2.6</v>
      </c>
      <c r="AB32" s="76">
        <v>2.84</v>
      </c>
      <c r="AC32" s="76">
        <v>2.98</v>
      </c>
      <c r="AD32" s="76">
        <v>3</v>
      </c>
      <c r="AE32" s="76">
        <v>2.75</v>
      </c>
      <c r="AF32" s="76">
        <v>2.2999999999999998</v>
      </c>
      <c r="AG32" s="76">
        <v>2.1</v>
      </c>
      <c r="AH32" s="76">
        <v>2.52</v>
      </c>
      <c r="AI32" s="76">
        <v>2.68</v>
      </c>
      <c r="AJ32" s="76">
        <v>2.75</v>
      </c>
      <c r="AK32" s="76">
        <v>3.02</v>
      </c>
      <c r="AL32" s="76">
        <v>3.2</v>
      </c>
      <c r="AM32" s="76">
        <v>3.2</v>
      </c>
      <c r="AN32" s="76">
        <v>3</v>
      </c>
      <c r="AO32" s="76">
        <v>2.6</v>
      </c>
      <c r="AP32" s="76">
        <v>2.04</v>
      </c>
      <c r="AQ32" s="76">
        <v>1.98</v>
      </c>
      <c r="AR32" s="76">
        <v>2.38</v>
      </c>
      <c r="AS32" s="76">
        <v>2.34</v>
      </c>
      <c r="AT32" s="76">
        <v>2.19</v>
      </c>
      <c r="AU32" s="76">
        <v>2.33</v>
      </c>
      <c r="AV32" s="76">
        <v>2.39</v>
      </c>
      <c r="AW32" s="76">
        <v>2.39</v>
      </c>
      <c r="AX32" s="76">
        <v>2.4300000000000002</v>
      </c>
      <c r="AY32" s="76">
        <v>2.25</v>
      </c>
      <c r="AZ32" s="76">
        <v>2.4</v>
      </c>
      <c r="BA32" s="76">
        <v>2.85</v>
      </c>
      <c r="BB32" s="76">
        <v>3</v>
      </c>
      <c r="BC32" s="76">
        <v>2.95</v>
      </c>
      <c r="BD32" s="76">
        <v>3.25</v>
      </c>
      <c r="BE32" s="17"/>
    </row>
    <row r="33" spans="3:57" x14ac:dyDescent="0.2">
      <c r="C33" s="5" t="s">
        <v>74</v>
      </c>
      <c r="D33" s="6" t="s">
        <v>58</v>
      </c>
      <c r="E33" s="76">
        <v>0.8</v>
      </c>
      <c r="F33" s="76">
        <v>0.8</v>
      </c>
      <c r="G33" s="76">
        <v>0.8</v>
      </c>
      <c r="H33" s="76">
        <v>0.8</v>
      </c>
      <c r="I33" s="76">
        <v>0.8</v>
      </c>
      <c r="J33" s="76">
        <v>0.8</v>
      </c>
      <c r="K33" s="76">
        <v>0.8</v>
      </c>
      <c r="L33" s="76">
        <v>0.85</v>
      </c>
      <c r="M33" s="76">
        <v>0.85</v>
      </c>
      <c r="N33" s="76">
        <v>0.85</v>
      </c>
      <c r="O33" s="76">
        <v>0.85</v>
      </c>
      <c r="P33" s="76">
        <v>0.9</v>
      </c>
      <c r="Q33" s="76">
        <v>0.9</v>
      </c>
      <c r="R33" s="76">
        <v>0.9</v>
      </c>
      <c r="S33" s="76">
        <v>0.9</v>
      </c>
      <c r="T33" s="76">
        <v>0.9</v>
      </c>
      <c r="U33" s="76">
        <v>0.9</v>
      </c>
      <c r="V33" s="76">
        <v>0.9</v>
      </c>
      <c r="W33" s="76">
        <v>0.9</v>
      </c>
      <c r="X33" s="76">
        <v>0.9</v>
      </c>
      <c r="Y33" s="76">
        <v>0.9</v>
      </c>
      <c r="Z33" s="76">
        <v>0.9</v>
      </c>
      <c r="AA33" s="76">
        <v>0.9</v>
      </c>
      <c r="AB33" s="76">
        <v>0.9</v>
      </c>
      <c r="AC33" s="76">
        <v>0.9</v>
      </c>
      <c r="AD33" s="76">
        <v>0.9</v>
      </c>
      <c r="AE33" s="76">
        <v>0.9</v>
      </c>
      <c r="AF33" s="76">
        <v>0.9</v>
      </c>
      <c r="AG33" s="76">
        <v>0.9</v>
      </c>
      <c r="AH33" s="76">
        <v>0.9</v>
      </c>
      <c r="AI33" s="76">
        <v>0.9</v>
      </c>
      <c r="AJ33" s="76">
        <v>0.9</v>
      </c>
      <c r="AK33" s="76">
        <v>0.9</v>
      </c>
      <c r="AL33" s="76">
        <v>0.9</v>
      </c>
      <c r="AM33" s="76">
        <v>0.9</v>
      </c>
      <c r="AN33" s="76">
        <v>0.8</v>
      </c>
      <c r="AO33" s="76">
        <v>0.8</v>
      </c>
      <c r="AP33" s="76">
        <v>0.8</v>
      </c>
      <c r="AQ33" s="76">
        <v>0.8</v>
      </c>
      <c r="AR33" s="76">
        <v>0.8</v>
      </c>
      <c r="AS33" s="76">
        <v>0.8</v>
      </c>
      <c r="AT33" s="76">
        <v>0.8</v>
      </c>
      <c r="AU33" s="76">
        <v>0.8</v>
      </c>
      <c r="AV33" s="76">
        <v>0.9</v>
      </c>
      <c r="AW33" s="76">
        <v>0.9</v>
      </c>
      <c r="AX33" s="76">
        <v>0.9</v>
      </c>
      <c r="AY33" s="76">
        <v>0.9</v>
      </c>
      <c r="AZ33" s="76">
        <v>0.9</v>
      </c>
      <c r="BA33" s="76">
        <v>0.8</v>
      </c>
      <c r="BB33" s="76">
        <v>0.9</v>
      </c>
      <c r="BC33" s="76">
        <v>0.9</v>
      </c>
      <c r="BD33" s="76">
        <v>0.9</v>
      </c>
      <c r="BE33" s="17"/>
    </row>
    <row r="34" spans="3:57" x14ac:dyDescent="0.2">
      <c r="C34" s="16" t="s">
        <v>78</v>
      </c>
      <c r="D34" s="6" t="s">
        <v>58</v>
      </c>
      <c r="E34" s="86">
        <v>0.23</v>
      </c>
      <c r="F34" s="86">
        <v>0.22</v>
      </c>
      <c r="G34" s="86">
        <v>0.23</v>
      </c>
      <c r="H34" s="86">
        <v>0.22</v>
      </c>
      <c r="I34" s="86">
        <v>0.21</v>
      </c>
      <c r="J34" s="86">
        <v>0.22</v>
      </c>
      <c r="K34" s="86">
        <v>0.23</v>
      </c>
      <c r="L34" s="86">
        <v>0.22</v>
      </c>
      <c r="M34" s="86">
        <v>0.22</v>
      </c>
      <c r="N34" s="86">
        <v>0.48</v>
      </c>
      <c r="O34" s="86">
        <v>0.46</v>
      </c>
      <c r="P34" s="86">
        <v>0.45</v>
      </c>
      <c r="Q34" s="86">
        <v>0.43</v>
      </c>
      <c r="R34" s="86">
        <v>0.56000000000000005</v>
      </c>
      <c r="S34" s="86">
        <v>0.65</v>
      </c>
      <c r="T34" s="86">
        <v>0.64</v>
      </c>
      <c r="U34" s="86">
        <v>0.56000000000000005</v>
      </c>
      <c r="V34" s="86">
        <v>0.51</v>
      </c>
      <c r="W34" s="86">
        <v>0.57999999999999996</v>
      </c>
      <c r="X34" s="86">
        <v>0.56999999999999995</v>
      </c>
      <c r="Y34" s="86">
        <v>0.54</v>
      </c>
      <c r="Z34" s="86">
        <v>0.55000000000000004</v>
      </c>
      <c r="AA34" s="86">
        <v>0.47</v>
      </c>
      <c r="AB34" s="86">
        <v>0.5</v>
      </c>
      <c r="AC34" s="86">
        <v>0.48</v>
      </c>
      <c r="AD34" s="86">
        <v>0.47</v>
      </c>
      <c r="AE34" s="86">
        <v>0.41</v>
      </c>
      <c r="AF34" s="86">
        <v>0.57999999999999996</v>
      </c>
      <c r="AG34" s="86">
        <v>0.56999999999999995</v>
      </c>
      <c r="AH34" s="86">
        <v>0.56000000000000005</v>
      </c>
      <c r="AI34" s="86">
        <v>0.5</v>
      </c>
      <c r="AJ34" s="86">
        <v>0.49</v>
      </c>
      <c r="AK34" s="68">
        <v>0.49</v>
      </c>
      <c r="AL34" s="86">
        <v>0.39</v>
      </c>
      <c r="AM34" s="86">
        <v>0.36</v>
      </c>
      <c r="AN34" s="86">
        <v>0.49</v>
      </c>
      <c r="AO34" s="86">
        <v>0.5</v>
      </c>
      <c r="AP34" s="86">
        <v>0.26</v>
      </c>
      <c r="AQ34" s="86">
        <v>0.25</v>
      </c>
      <c r="AR34" s="86">
        <v>0.21</v>
      </c>
      <c r="AS34" s="86">
        <v>0.21</v>
      </c>
      <c r="AT34" s="86">
        <v>0.2</v>
      </c>
      <c r="AU34" s="86">
        <v>0.19</v>
      </c>
      <c r="AV34" s="86">
        <v>0.19</v>
      </c>
      <c r="AW34" s="40">
        <v>0.22</v>
      </c>
      <c r="AX34" s="40">
        <v>0.21</v>
      </c>
      <c r="AY34" s="40">
        <v>0.22</v>
      </c>
      <c r="AZ34" s="40">
        <v>0.2</v>
      </c>
      <c r="BA34" s="40">
        <v>0.23</v>
      </c>
      <c r="BB34" s="40">
        <v>0.24</v>
      </c>
      <c r="BC34" s="40">
        <v>0.24</v>
      </c>
      <c r="BD34" s="40">
        <v>0.24</v>
      </c>
      <c r="BE34" s="17"/>
    </row>
    <row r="35" spans="3:57" x14ac:dyDescent="0.2">
      <c r="C35" s="16" t="s">
        <v>79</v>
      </c>
      <c r="D35" s="6" t="s">
        <v>58</v>
      </c>
      <c r="E35" s="86">
        <v>0.57999999999999996</v>
      </c>
      <c r="F35" s="86">
        <v>0.56000000000000005</v>
      </c>
      <c r="G35" s="86">
        <v>0.52</v>
      </c>
      <c r="H35" s="86">
        <v>0.51</v>
      </c>
      <c r="I35" s="86">
        <v>0.51</v>
      </c>
      <c r="J35" s="86">
        <v>0.47</v>
      </c>
      <c r="K35" s="86">
        <v>0.48</v>
      </c>
      <c r="L35" s="86">
        <v>0.45</v>
      </c>
      <c r="M35" s="86">
        <v>0.43</v>
      </c>
      <c r="N35" s="86">
        <v>0.52</v>
      </c>
      <c r="O35" s="86">
        <v>0.49</v>
      </c>
      <c r="P35" s="86">
        <v>0.54</v>
      </c>
      <c r="Q35" s="86">
        <v>0.52</v>
      </c>
      <c r="R35" s="86">
        <v>0.47</v>
      </c>
      <c r="S35" s="86">
        <v>0.48</v>
      </c>
      <c r="T35" s="86">
        <v>0.48</v>
      </c>
      <c r="U35" s="86">
        <v>0.49</v>
      </c>
      <c r="V35" s="86">
        <v>0.49</v>
      </c>
      <c r="W35" s="86">
        <v>0.51</v>
      </c>
      <c r="X35" s="86">
        <v>0.54</v>
      </c>
      <c r="Y35" s="86">
        <v>0.57999999999999996</v>
      </c>
      <c r="Z35" s="86">
        <v>0.61</v>
      </c>
      <c r="AA35" s="86">
        <v>0.78</v>
      </c>
      <c r="AB35" s="86">
        <v>0.78</v>
      </c>
      <c r="AC35" s="86">
        <v>0.76</v>
      </c>
      <c r="AD35" s="86">
        <v>0.67</v>
      </c>
      <c r="AE35" s="86">
        <v>0.56000000000000005</v>
      </c>
      <c r="AF35" s="86">
        <v>0.47</v>
      </c>
      <c r="AG35" s="86">
        <v>0.38</v>
      </c>
      <c r="AH35" s="86">
        <v>0.37</v>
      </c>
      <c r="AI35" s="86">
        <v>0.37</v>
      </c>
      <c r="AJ35" s="86">
        <v>0.42</v>
      </c>
      <c r="AK35" s="68">
        <v>0.42</v>
      </c>
      <c r="AL35" s="86">
        <v>0.42</v>
      </c>
      <c r="AM35" s="86">
        <v>0.35</v>
      </c>
      <c r="AN35" s="86">
        <v>0.47</v>
      </c>
      <c r="AO35" s="86">
        <v>0.47</v>
      </c>
      <c r="AP35" s="86">
        <v>0.47</v>
      </c>
      <c r="AQ35" s="86">
        <v>0.45</v>
      </c>
      <c r="AR35" s="86">
        <v>0.53</v>
      </c>
      <c r="AS35" s="86">
        <v>0.43</v>
      </c>
      <c r="AT35" s="86">
        <v>0.47</v>
      </c>
      <c r="AU35" s="86">
        <v>0.5</v>
      </c>
      <c r="AV35" s="86">
        <v>0.43</v>
      </c>
      <c r="AW35" s="40">
        <v>0.45</v>
      </c>
      <c r="AX35" s="40">
        <v>0.49</v>
      </c>
      <c r="AY35" s="40">
        <v>0.48</v>
      </c>
      <c r="AZ35" s="40">
        <v>0.5</v>
      </c>
      <c r="BA35" s="40">
        <v>0.46</v>
      </c>
      <c r="BB35" s="40">
        <v>0.48</v>
      </c>
      <c r="BC35" s="40">
        <v>0.47</v>
      </c>
      <c r="BD35" s="40">
        <v>0.52</v>
      </c>
      <c r="BE35" s="17"/>
    </row>
    <row r="36" spans="3:57" x14ac:dyDescent="0.2">
      <c r="C36" s="16" t="s">
        <v>80</v>
      </c>
      <c r="D36" s="6" t="s">
        <v>58</v>
      </c>
      <c r="E36" s="86">
        <v>0.64</v>
      </c>
      <c r="F36" s="86">
        <v>1.28</v>
      </c>
      <c r="G36" s="86">
        <v>0.93</v>
      </c>
      <c r="H36" s="86">
        <v>0.77</v>
      </c>
      <c r="I36" s="86">
        <v>0.51</v>
      </c>
      <c r="J36" s="86">
        <v>0.33</v>
      </c>
      <c r="K36" s="86">
        <v>0.35</v>
      </c>
      <c r="L36" s="86">
        <v>0.28999999999999998</v>
      </c>
      <c r="M36" s="86">
        <v>0.39</v>
      </c>
      <c r="N36" s="86">
        <v>0.31</v>
      </c>
      <c r="O36" s="86">
        <v>0.33</v>
      </c>
      <c r="P36" s="86">
        <v>0.36</v>
      </c>
      <c r="Q36" s="86">
        <v>0.24</v>
      </c>
      <c r="R36" s="86">
        <v>0.12</v>
      </c>
      <c r="S36" s="86">
        <v>0.16</v>
      </c>
      <c r="T36" s="86">
        <v>0.12</v>
      </c>
      <c r="U36" s="86">
        <v>0.38</v>
      </c>
      <c r="V36" s="86">
        <v>0.51</v>
      </c>
      <c r="W36" s="86">
        <v>0.48</v>
      </c>
      <c r="X36" s="86">
        <v>0.32</v>
      </c>
      <c r="Y36" s="86">
        <v>0.34</v>
      </c>
      <c r="Z36" s="86">
        <v>0.36</v>
      </c>
      <c r="AA36" s="86">
        <v>0.32</v>
      </c>
      <c r="AB36" s="86">
        <v>0.24</v>
      </c>
      <c r="AC36" s="86">
        <v>0.12</v>
      </c>
      <c r="AD36" s="86">
        <v>0.1</v>
      </c>
      <c r="AE36" s="86">
        <v>0.17</v>
      </c>
      <c r="AF36" s="86">
        <v>0.15</v>
      </c>
      <c r="AG36" s="86">
        <v>0.15</v>
      </c>
      <c r="AH36" s="86">
        <v>0.15</v>
      </c>
      <c r="AI36" s="86">
        <v>0.18</v>
      </c>
      <c r="AJ36" s="86">
        <v>0.25</v>
      </c>
      <c r="AK36" s="68">
        <v>0.3</v>
      </c>
      <c r="AL36" s="86">
        <v>0.36</v>
      </c>
      <c r="AM36" s="86">
        <v>0.38</v>
      </c>
      <c r="AN36" s="86">
        <v>0.25</v>
      </c>
      <c r="AO36" s="86">
        <v>0.7</v>
      </c>
      <c r="AP36" s="86">
        <v>0.33</v>
      </c>
      <c r="AQ36" s="86">
        <v>0.23</v>
      </c>
      <c r="AR36" s="86">
        <v>0.28000000000000003</v>
      </c>
      <c r="AS36" s="86">
        <v>0.22</v>
      </c>
      <c r="AT36" s="86">
        <v>0.39</v>
      </c>
      <c r="AU36" s="86">
        <v>0.56000000000000005</v>
      </c>
      <c r="AV36" s="86">
        <v>0.57999999999999996</v>
      </c>
      <c r="AW36" s="40">
        <v>0.63</v>
      </c>
      <c r="AX36" s="40">
        <v>0.65</v>
      </c>
      <c r="AY36" s="40">
        <v>1.1499999999999999</v>
      </c>
      <c r="AZ36" s="40">
        <v>1.1599999999999999</v>
      </c>
      <c r="BA36" s="40">
        <v>1.4</v>
      </c>
      <c r="BB36" s="40">
        <v>1.36</v>
      </c>
      <c r="BC36" s="40">
        <v>1.08</v>
      </c>
      <c r="BD36" s="40">
        <v>0.6</v>
      </c>
      <c r="BE36" s="17"/>
    </row>
    <row r="37" spans="3:57" x14ac:dyDescent="0.2">
      <c r="C37" s="16" t="s">
        <v>122</v>
      </c>
      <c r="D37" s="6" t="s">
        <v>58</v>
      </c>
      <c r="E37" s="86">
        <v>0.19</v>
      </c>
      <c r="F37" s="86">
        <v>0.19</v>
      </c>
      <c r="G37" s="86">
        <v>0.19</v>
      </c>
      <c r="H37" s="86">
        <v>0.19</v>
      </c>
      <c r="I37" s="86">
        <v>0.2</v>
      </c>
      <c r="J37" s="86">
        <v>0.21</v>
      </c>
      <c r="K37" s="86">
        <v>0.22</v>
      </c>
      <c r="L37" s="86">
        <v>0.2</v>
      </c>
      <c r="M37" s="86">
        <v>0.2</v>
      </c>
      <c r="N37" s="86">
        <v>0.21</v>
      </c>
      <c r="O37" s="86">
        <v>0.21</v>
      </c>
      <c r="P37" s="86">
        <v>0.21</v>
      </c>
      <c r="Q37" s="86">
        <v>0.21</v>
      </c>
      <c r="R37" s="86">
        <v>0.21</v>
      </c>
      <c r="S37" s="86">
        <v>0.22</v>
      </c>
      <c r="T37" s="86">
        <v>0.23</v>
      </c>
      <c r="U37" s="86">
        <v>0.23</v>
      </c>
      <c r="V37" s="86" t="s">
        <v>90</v>
      </c>
      <c r="W37" s="86" t="s">
        <v>90</v>
      </c>
      <c r="X37" s="86" t="s">
        <v>90</v>
      </c>
      <c r="Y37" s="86">
        <v>0.45</v>
      </c>
      <c r="Z37" s="86">
        <v>0.45</v>
      </c>
      <c r="AA37" s="86">
        <v>0.45</v>
      </c>
      <c r="AB37" s="86">
        <v>0.4</v>
      </c>
      <c r="AC37" s="86">
        <v>0.35</v>
      </c>
      <c r="AD37" s="86">
        <v>0.35</v>
      </c>
      <c r="AE37" s="86">
        <v>0.3</v>
      </c>
      <c r="AF37" s="86">
        <v>0.28000000000000003</v>
      </c>
      <c r="AG37" s="86">
        <v>0.26</v>
      </c>
      <c r="AH37" s="86">
        <v>0.27</v>
      </c>
      <c r="AI37" s="86">
        <v>0.26</v>
      </c>
      <c r="AJ37" s="86">
        <v>0.2</v>
      </c>
      <c r="AK37" s="68">
        <v>0.2</v>
      </c>
      <c r="AL37" s="86">
        <v>0.22</v>
      </c>
      <c r="AM37" s="86">
        <v>0.22</v>
      </c>
      <c r="AN37" s="86">
        <v>0.2</v>
      </c>
      <c r="AO37" s="86">
        <v>0.2</v>
      </c>
      <c r="AP37" s="86">
        <v>0.19</v>
      </c>
      <c r="AQ37" s="86">
        <v>0.19</v>
      </c>
      <c r="AR37" s="86">
        <v>0.19</v>
      </c>
      <c r="AS37" s="86">
        <v>0.19</v>
      </c>
      <c r="AT37" s="86">
        <v>0.19</v>
      </c>
      <c r="AU37" s="86">
        <v>0.18</v>
      </c>
      <c r="AV37" s="86">
        <v>0.16</v>
      </c>
      <c r="AW37" s="40">
        <v>0.15</v>
      </c>
      <c r="AX37" s="40">
        <v>0.15</v>
      </c>
      <c r="AY37" s="40">
        <v>0.15</v>
      </c>
      <c r="AZ37" s="40">
        <v>0.15</v>
      </c>
      <c r="BA37" s="40">
        <v>0.15</v>
      </c>
      <c r="BB37" s="40">
        <v>0.15</v>
      </c>
      <c r="BC37" s="40">
        <v>0.15</v>
      </c>
      <c r="BD37" s="40">
        <v>0.15</v>
      </c>
      <c r="BE37" s="17"/>
    </row>
    <row r="38" spans="3:57" x14ac:dyDescent="0.2">
      <c r="C38" s="16" t="s">
        <v>82</v>
      </c>
      <c r="D38" s="6" t="s">
        <v>58</v>
      </c>
      <c r="E38" s="86">
        <v>1.54</v>
      </c>
      <c r="F38" s="86">
        <v>1.89</v>
      </c>
      <c r="G38" s="86">
        <v>2.09</v>
      </c>
      <c r="H38" s="86">
        <v>2.08</v>
      </c>
      <c r="I38" s="86">
        <v>2.11</v>
      </c>
      <c r="J38" s="86">
        <v>1.95</v>
      </c>
      <c r="K38" s="86">
        <v>2.09</v>
      </c>
      <c r="L38" s="86">
        <v>2.11</v>
      </c>
      <c r="M38" s="86">
        <v>1.91</v>
      </c>
      <c r="N38" s="86">
        <v>1.66</v>
      </c>
      <c r="O38" s="86">
        <v>1.95</v>
      </c>
      <c r="P38" s="86">
        <v>1.84</v>
      </c>
      <c r="Q38" s="86">
        <v>1.66</v>
      </c>
      <c r="R38" s="86">
        <v>1.17</v>
      </c>
      <c r="S38" s="86">
        <v>1.25</v>
      </c>
      <c r="T38" s="86">
        <v>1.02</v>
      </c>
      <c r="U38" s="86">
        <v>1.1200000000000001</v>
      </c>
      <c r="V38" s="86">
        <v>1.21</v>
      </c>
      <c r="W38" s="86">
        <v>1.65</v>
      </c>
      <c r="X38" s="86">
        <v>1.23</v>
      </c>
      <c r="Y38" s="86">
        <v>1.35</v>
      </c>
      <c r="Z38" s="86">
        <v>1.74</v>
      </c>
      <c r="AA38" s="86">
        <v>1.85</v>
      </c>
      <c r="AB38" s="86">
        <v>1.45</v>
      </c>
      <c r="AC38" s="86">
        <v>1.51</v>
      </c>
      <c r="AD38" s="86">
        <v>1.37</v>
      </c>
      <c r="AE38" s="86">
        <v>1.82</v>
      </c>
      <c r="AF38" s="86">
        <v>1.64</v>
      </c>
      <c r="AG38" s="86">
        <v>1.55</v>
      </c>
      <c r="AH38" s="86">
        <v>1.63</v>
      </c>
      <c r="AI38" s="86">
        <v>1.56</v>
      </c>
      <c r="AJ38" s="86">
        <v>1.27</v>
      </c>
      <c r="AK38" s="68">
        <v>1.31</v>
      </c>
      <c r="AL38" s="86">
        <v>1.25</v>
      </c>
      <c r="AM38" s="86">
        <v>1.23</v>
      </c>
      <c r="AN38" s="86">
        <v>1.42</v>
      </c>
      <c r="AO38" s="86">
        <v>1.91</v>
      </c>
      <c r="AP38" s="86">
        <v>2.1</v>
      </c>
      <c r="AQ38" s="86">
        <v>1.17</v>
      </c>
      <c r="AR38" s="86">
        <v>0.99</v>
      </c>
      <c r="AS38" s="86">
        <v>1.03</v>
      </c>
      <c r="AT38" s="86">
        <v>1.4</v>
      </c>
      <c r="AU38" s="86">
        <v>1.51</v>
      </c>
      <c r="AV38" s="86">
        <v>1.46</v>
      </c>
      <c r="AW38" s="40">
        <v>1.47</v>
      </c>
      <c r="AX38" s="40">
        <v>1.24</v>
      </c>
      <c r="AY38" s="40">
        <v>1.58</v>
      </c>
      <c r="AZ38" s="40">
        <v>1.49</v>
      </c>
      <c r="BA38" s="40">
        <v>1.61</v>
      </c>
      <c r="BB38" s="40">
        <v>1.62</v>
      </c>
      <c r="BC38" s="40">
        <v>1.48</v>
      </c>
      <c r="BD38" s="40">
        <v>1.31</v>
      </c>
      <c r="BE38" s="17"/>
    </row>
    <row r="39" spans="3:57" x14ac:dyDescent="0.2">
      <c r="C39" s="16" t="s">
        <v>84</v>
      </c>
      <c r="D39" s="6" t="s">
        <v>85</v>
      </c>
      <c r="E39" s="86">
        <v>0.28000000000000003</v>
      </c>
      <c r="F39" s="86">
        <v>0.27</v>
      </c>
      <c r="G39" s="86">
        <v>0.27</v>
      </c>
      <c r="H39" s="86">
        <v>0.23</v>
      </c>
      <c r="I39" s="86">
        <v>0.22</v>
      </c>
      <c r="J39" s="86">
        <v>0.18</v>
      </c>
      <c r="K39" s="86">
        <v>0.2</v>
      </c>
      <c r="L39" s="86">
        <v>0.17</v>
      </c>
      <c r="M39" s="86">
        <v>0.16</v>
      </c>
      <c r="N39" s="86">
        <v>0.2</v>
      </c>
      <c r="O39" s="86">
        <v>0.2</v>
      </c>
      <c r="P39" s="86">
        <v>0.2</v>
      </c>
      <c r="Q39" s="86">
        <v>0.21</v>
      </c>
      <c r="R39" s="86">
        <v>0.2</v>
      </c>
      <c r="S39" s="86">
        <v>0.22</v>
      </c>
      <c r="T39" s="86">
        <v>0.23</v>
      </c>
      <c r="U39" s="86">
        <v>0.23</v>
      </c>
      <c r="V39" s="86">
        <v>0.3</v>
      </c>
      <c r="W39" s="86">
        <v>0.4</v>
      </c>
      <c r="X39" s="86">
        <v>0.36</v>
      </c>
      <c r="Y39" s="86">
        <v>0.33</v>
      </c>
      <c r="Z39" s="86">
        <v>0.34</v>
      </c>
      <c r="AA39" s="86">
        <v>0.37</v>
      </c>
      <c r="AB39" s="86">
        <v>0.36</v>
      </c>
      <c r="AC39" s="86">
        <v>0.31</v>
      </c>
      <c r="AD39" s="86">
        <v>0.3</v>
      </c>
      <c r="AE39" s="86">
        <v>0.3</v>
      </c>
      <c r="AF39" s="86">
        <v>0.32</v>
      </c>
      <c r="AG39" s="86">
        <v>0.32</v>
      </c>
      <c r="AH39" s="86">
        <v>0.31</v>
      </c>
      <c r="AI39" s="86">
        <v>0.31</v>
      </c>
      <c r="AJ39" s="86">
        <v>0.36</v>
      </c>
      <c r="AK39" s="68">
        <v>0.36</v>
      </c>
      <c r="AL39" s="86">
        <v>0.35</v>
      </c>
      <c r="AM39" s="86">
        <v>0.31</v>
      </c>
      <c r="AN39" s="86">
        <v>0.35</v>
      </c>
      <c r="AO39" s="86">
        <v>0.35</v>
      </c>
      <c r="AP39" s="86">
        <v>0.35</v>
      </c>
      <c r="AQ39" s="86">
        <v>0.35</v>
      </c>
      <c r="AR39" s="86">
        <v>0.39</v>
      </c>
      <c r="AS39" s="86">
        <v>0.33</v>
      </c>
      <c r="AT39" s="86">
        <v>0.33</v>
      </c>
      <c r="AU39" s="86">
        <v>0.34</v>
      </c>
      <c r="AV39" s="86">
        <v>0.32</v>
      </c>
      <c r="AW39" s="40">
        <v>0.23</v>
      </c>
      <c r="AX39" s="40">
        <v>0.22</v>
      </c>
      <c r="AY39" s="40">
        <v>0.23</v>
      </c>
      <c r="AZ39" s="40">
        <v>0.26</v>
      </c>
      <c r="BA39" s="40">
        <v>0.3</v>
      </c>
      <c r="BB39" s="40">
        <v>0.35</v>
      </c>
      <c r="BC39" s="40">
        <v>0.32</v>
      </c>
      <c r="BD39" s="40">
        <v>0.34</v>
      </c>
      <c r="BE39" s="17"/>
    </row>
    <row r="40" spans="3:57" x14ac:dyDescent="0.2">
      <c r="C40" s="16" t="s">
        <v>86</v>
      </c>
      <c r="D40" s="6" t="s">
        <v>58</v>
      </c>
      <c r="E40" s="86">
        <v>1.36</v>
      </c>
      <c r="F40" s="86">
        <v>1.02</v>
      </c>
      <c r="G40" s="86">
        <v>1.05</v>
      </c>
      <c r="H40" s="86">
        <v>0.85</v>
      </c>
      <c r="I40" s="86">
        <v>0.81</v>
      </c>
      <c r="J40" s="86">
        <v>1.08</v>
      </c>
      <c r="K40" s="86">
        <v>0.98</v>
      </c>
      <c r="L40" s="86">
        <v>0.93</v>
      </c>
      <c r="M40" s="86">
        <v>0.91</v>
      </c>
      <c r="N40" s="86">
        <v>1.3</v>
      </c>
      <c r="O40" s="86">
        <v>1.51</v>
      </c>
      <c r="P40" s="86">
        <v>1.3</v>
      </c>
      <c r="Q40" s="86">
        <v>1.38</v>
      </c>
      <c r="R40" s="86">
        <v>0.98</v>
      </c>
      <c r="S40" s="86">
        <v>0.94</v>
      </c>
      <c r="T40" s="86">
        <v>0.95</v>
      </c>
      <c r="U40" s="86">
        <v>0.88</v>
      </c>
      <c r="V40" s="86">
        <v>0.78</v>
      </c>
      <c r="W40" s="86">
        <v>0.76</v>
      </c>
      <c r="X40" s="86">
        <v>0.55000000000000004</v>
      </c>
      <c r="Y40" s="86">
        <v>0.41</v>
      </c>
      <c r="Z40" s="86">
        <v>0.41</v>
      </c>
      <c r="AA40" s="86">
        <v>0.55000000000000004</v>
      </c>
      <c r="AB40" s="86">
        <v>0.4</v>
      </c>
      <c r="AC40" s="86">
        <v>0.43</v>
      </c>
      <c r="AD40" s="86">
        <v>0.45</v>
      </c>
      <c r="AE40" s="86">
        <v>0.42</v>
      </c>
      <c r="AF40" s="86">
        <v>0.39</v>
      </c>
      <c r="AG40" s="86">
        <v>0.43</v>
      </c>
      <c r="AH40" s="86">
        <v>0.4</v>
      </c>
      <c r="AI40" s="86">
        <v>0.41</v>
      </c>
      <c r="AJ40" s="86">
        <v>0.51</v>
      </c>
      <c r="AK40" s="68">
        <v>0.57999999999999996</v>
      </c>
      <c r="AL40" s="86">
        <v>0.57999999999999996</v>
      </c>
      <c r="AM40" s="86">
        <v>0.56999999999999995</v>
      </c>
      <c r="AN40" s="86">
        <v>0.47</v>
      </c>
      <c r="AO40" s="86">
        <v>0.5</v>
      </c>
      <c r="AP40" s="86">
        <v>0.49</v>
      </c>
      <c r="AQ40" s="86">
        <v>0.46</v>
      </c>
      <c r="AR40" s="86">
        <v>0.47</v>
      </c>
      <c r="AS40" s="86">
        <v>0.48</v>
      </c>
      <c r="AT40" s="86">
        <v>0.47</v>
      </c>
      <c r="AU40" s="86">
        <v>0.45</v>
      </c>
      <c r="AV40" s="86">
        <v>0.42</v>
      </c>
      <c r="AW40" s="40">
        <v>0.5</v>
      </c>
      <c r="AX40" s="40">
        <v>0.51</v>
      </c>
      <c r="AY40" s="40">
        <v>0.5</v>
      </c>
      <c r="AZ40" s="40">
        <v>0.55000000000000004</v>
      </c>
      <c r="BA40" s="40">
        <v>0.88</v>
      </c>
      <c r="BB40" s="40">
        <v>1.2</v>
      </c>
      <c r="BC40" s="40">
        <v>1.18</v>
      </c>
      <c r="BD40" s="40">
        <v>1.19</v>
      </c>
      <c r="BE40" s="17"/>
    </row>
    <row r="41" spans="3:57" x14ac:dyDescent="0.2">
      <c r="C41" s="16" t="s">
        <v>124</v>
      </c>
      <c r="D41" s="6" t="s">
        <v>58</v>
      </c>
      <c r="E41" s="86">
        <v>0.53</v>
      </c>
      <c r="F41" s="86">
        <v>0.62</v>
      </c>
      <c r="G41" s="86">
        <v>0.55000000000000004</v>
      </c>
      <c r="H41" s="86">
        <v>0.47</v>
      </c>
      <c r="I41" s="86">
        <v>0.46</v>
      </c>
      <c r="J41" s="86">
        <v>0.37</v>
      </c>
      <c r="K41" s="86">
        <v>0.38</v>
      </c>
      <c r="L41" s="86">
        <v>0.4</v>
      </c>
      <c r="M41" s="86">
        <v>0.42</v>
      </c>
      <c r="N41" s="86">
        <v>0.62</v>
      </c>
      <c r="O41" s="86">
        <v>0.73</v>
      </c>
      <c r="P41" s="86">
        <v>0.75</v>
      </c>
      <c r="Q41" s="86">
        <v>0.71</v>
      </c>
      <c r="R41" s="86">
        <v>0.6</v>
      </c>
      <c r="S41" s="86">
        <v>0.59</v>
      </c>
      <c r="T41" s="86">
        <v>0.61</v>
      </c>
      <c r="U41" s="86">
        <v>0.71</v>
      </c>
      <c r="V41" s="86">
        <v>0.79</v>
      </c>
      <c r="W41" s="86">
        <v>0.68</v>
      </c>
      <c r="X41" s="86">
        <v>0.43</v>
      </c>
      <c r="Y41" s="86">
        <v>0.33</v>
      </c>
      <c r="Z41" s="86">
        <v>0.3</v>
      </c>
      <c r="AA41" s="86">
        <v>0.3</v>
      </c>
      <c r="AB41" s="86">
        <v>0.27</v>
      </c>
      <c r="AC41" s="86">
        <v>0.26</v>
      </c>
      <c r="AD41" s="86">
        <v>0.22</v>
      </c>
      <c r="AE41" s="86">
        <v>0.51</v>
      </c>
      <c r="AF41" s="86">
        <v>0.54</v>
      </c>
      <c r="AG41" s="86">
        <v>0.43</v>
      </c>
      <c r="AH41" s="86">
        <v>0.35</v>
      </c>
      <c r="AI41" s="86">
        <v>0.39</v>
      </c>
      <c r="AJ41" s="86">
        <v>0.41</v>
      </c>
      <c r="AK41" s="68">
        <v>0.4</v>
      </c>
      <c r="AL41" s="86">
        <v>0.4</v>
      </c>
      <c r="AM41" s="86">
        <v>0.34</v>
      </c>
      <c r="AN41" s="86">
        <v>0.43</v>
      </c>
      <c r="AO41" s="86">
        <v>0.42</v>
      </c>
      <c r="AP41" s="86">
        <v>0.46</v>
      </c>
      <c r="AQ41" s="86">
        <v>0.41</v>
      </c>
      <c r="AR41" s="86">
        <v>0.27</v>
      </c>
      <c r="AS41" s="86">
        <v>0.26</v>
      </c>
      <c r="AT41" s="86">
        <v>0.22</v>
      </c>
      <c r="AU41" s="86">
        <v>0.26</v>
      </c>
      <c r="AV41" s="86">
        <v>0.25</v>
      </c>
      <c r="AW41" s="40">
        <v>0.35</v>
      </c>
      <c r="AX41" s="40">
        <v>0.36</v>
      </c>
      <c r="AY41" s="40">
        <v>0.44</v>
      </c>
      <c r="AZ41" s="40">
        <v>0.56000000000000005</v>
      </c>
      <c r="BA41" s="40">
        <v>0.85</v>
      </c>
      <c r="BB41" s="40">
        <v>0.81</v>
      </c>
      <c r="BC41" s="40">
        <v>0.72</v>
      </c>
      <c r="BD41" s="40">
        <v>0.64</v>
      </c>
      <c r="BE41" s="17"/>
    </row>
    <row r="42" spans="3:57" x14ac:dyDescent="0.2">
      <c r="C42" s="16" t="s">
        <v>87</v>
      </c>
      <c r="D42" s="6" t="s">
        <v>58</v>
      </c>
      <c r="E42" s="86">
        <v>0.13</v>
      </c>
      <c r="F42" s="86">
        <v>0.13</v>
      </c>
      <c r="G42" s="86">
        <v>0.13</v>
      </c>
      <c r="H42" s="86">
        <v>0.13</v>
      </c>
      <c r="I42" s="86">
        <v>0.13</v>
      </c>
      <c r="J42" s="86">
        <v>0.11</v>
      </c>
      <c r="K42" s="86">
        <v>0.11</v>
      </c>
      <c r="L42" s="86">
        <v>0.11</v>
      </c>
      <c r="M42" s="86">
        <v>0.1</v>
      </c>
      <c r="N42" s="86">
        <v>0.22</v>
      </c>
      <c r="O42" s="86">
        <v>0.22</v>
      </c>
      <c r="P42" s="86">
        <v>0.22</v>
      </c>
      <c r="Q42" s="86">
        <v>0.18</v>
      </c>
      <c r="R42" s="86">
        <v>0.2</v>
      </c>
      <c r="S42" s="86">
        <v>0.25</v>
      </c>
      <c r="T42" s="86">
        <v>0.25</v>
      </c>
      <c r="U42" s="86">
        <v>0.25</v>
      </c>
      <c r="V42" s="86">
        <v>0.25</v>
      </c>
      <c r="W42" s="86">
        <v>0.25</v>
      </c>
      <c r="X42" s="86">
        <v>0.25</v>
      </c>
      <c r="Y42" s="86">
        <v>0.3</v>
      </c>
      <c r="Z42" s="86">
        <v>0.3</v>
      </c>
      <c r="AA42" s="86">
        <v>0.3</v>
      </c>
      <c r="AB42" s="86">
        <v>0.3</v>
      </c>
      <c r="AC42" s="86">
        <v>0.3</v>
      </c>
      <c r="AD42" s="86">
        <v>0.3</v>
      </c>
      <c r="AE42" s="86" t="s">
        <v>90</v>
      </c>
      <c r="AF42" s="86">
        <v>0.24</v>
      </c>
      <c r="AG42" s="86">
        <v>0.24</v>
      </c>
      <c r="AH42" s="86">
        <v>0.17</v>
      </c>
      <c r="AI42" s="86">
        <v>0.15</v>
      </c>
      <c r="AJ42" s="86">
        <v>0.15</v>
      </c>
      <c r="AK42" s="68">
        <v>0.15</v>
      </c>
      <c r="AL42" s="86">
        <v>0.22</v>
      </c>
      <c r="AM42" s="86">
        <v>0.23</v>
      </c>
      <c r="AN42" s="86">
        <v>0.2</v>
      </c>
      <c r="AO42" s="86">
        <v>0.19</v>
      </c>
      <c r="AP42" s="86">
        <v>0.19</v>
      </c>
      <c r="AQ42" s="86">
        <v>0.18</v>
      </c>
      <c r="AR42" s="86">
        <v>0.17</v>
      </c>
      <c r="AS42" s="86">
        <v>0.14000000000000001</v>
      </c>
      <c r="AT42" s="86">
        <v>0.14000000000000001</v>
      </c>
      <c r="AU42" s="86">
        <v>0.14000000000000001</v>
      </c>
      <c r="AV42" s="86">
        <v>0.14000000000000001</v>
      </c>
      <c r="AW42" s="40">
        <v>0.15</v>
      </c>
      <c r="AX42" s="40">
        <v>0.14000000000000001</v>
      </c>
      <c r="AY42" s="40">
        <v>0.15</v>
      </c>
      <c r="AZ42" s="40">
        <v>0.14000000000000001</v>
      </c>
      <c r="BA42" s="40">
        <v>0.12</v>
      </c>
      <c r="BB42" s="40">
        <v>0.13</v>
      </c>
      <c r="BC42" s="40">
        <v>0.15</v>
      </c>
      <c r="BD42" s="40">
        <v>0.15</v>
      </c>
      <c r="BE42" s="17"/>
    </row>
    <row r="43" spans="3:57" x14ac:dyDescent="0.2">
      <c r="C43" s="16" t="s">
        <v>88</v>
      </c>
      <c r="D43" s="6" t="s">
        <v>58</v>
      </c>
      <c r="E43" s="86">
        <v>0.22</v>
      </c>
      <c r="F43" s="86">
        <v>0.23</v>
      </c>
      <c r="G43" s="86">
        <v>0.24</v>
      </c>
      <c r="H43" s="86">
        <v>0.24</v>
      </c>
      <c r="I43" s="86">
        <v>0.23</v>
      </c>
      <c r="J43" s="86">
        <v>0.25</v>
      </c>
      <c r="K43" s="86">
        <v>0.25</v>
      </c>
      <c r="L43" s="86">
        <v>0.27</v>
      </c>
      <c r="M43" s="86">
        <v>0.28000000000000003</v>
      </c>
      <c r="N43" s="86">
        <v>0.33</v>
      </c>
      <c r="O43" s="86">
        <v>0.33</v>
      </c>
      <c r="P43" s="86">
        <v>0.37</v>
      </c>
      <c r="Q43" s="86">
        <v>0.36</v>
      </c>
      <c r="R43" s="86">
        <v>0.44</v>
      </c>
      <c r="S43" s="86">
        <v>0.56999999999999995</v>
      </c>
      <c r="T43" s="86">
        <v>0.56999999999999995</v>
      </c>
      <c r="U43" s="86">
        <v>0.56999999999999995</v>
      </c>
      <c r="V43" s="86">
        <v>0.56999999999999995</v>
      </c>
      <c r="W43" s="86">
        <v>0.54</v>
      </c>
      <c r="X43" s="86">
        <v>0.54</v>
      </c>
      <c r="Y43" s="86">
        <v>0.51</v>
      </c>
      <c r="Z43" s="86">
        <v>0.49</v>
      </c>
      <c r="AA43" s="86">
        <v>0.47</v>
      </c>
      <c r="AB43" s="86">
        <v>0.45</v>
      </c>
      <c r="AC43" s="86">
        <v>0.43</v>
      </c>
      <c r="AD43" s="86">
        <v>0.44</v>
      </c>
      <c r="AE43" s="86">
        <v>0.43</v>
      </c>
      <c r="AF43" s="86">
        <v>0.43</v>
      </c>
      <c r="AG43" s="86">
        <v>0.34</v>
      </c>
      <c r="AH43" s="86">
        <v>0.36</v>
      </c>
      <c r="AI43" s="86">
        <v>0.31</v>
      </c>
      <c r="AJ43" s="86">
        <v>0.31</v>
      </c>
      <c r="AK43" s="68">
        <v>0.31</v>
      </c>
      <c r="AL43" s="86">
        <v>0.28000000000000003</v>
      </c>
      <c r="AM43" s="86">
        <v>0.33</v>
      </c>
      <c r="AN43" s="86">
        <v>0.4</v>
      </c>
      <c r="AO43" s="86">
        <v>0.39</v>
      </c>
      <c r="AP43" s="86">
        <v>0.53</v>
      </c>
      <c r="AQ43" s="86">
        <v>0.4</v>
      </c>
      <c r="AR43" s="86">
        <v>0.35</v>
      </c>
      <c r="AS43" s="86">
        <v>0.4</v>
      </c>
      <c r="AT43" s="86">
        <v>0.33</v>
      </c>
      <c r="AU43" s="86">
        <v>0.3</v>
      </c>
      <c r="AV43" s="86">
        <v>0.32</v>
      </c>
      <c r="AW43" s="40">
        <v>0.28000000000000003</v>
      </c>
      <c r="AX43" s="40">
        <v>0.26</v>
      </c>
      <c r="AY43" s="40">
        <v>0.25</v>
      </c>
      <c r="AZ43" s="40">
        <v>0.23</v>
      </c>
      <c r="BA43" s="40">
        <v>0.23</v>
      </c>
      <c r="BB43" s="40">
        <v>0.22</v>
      </c>
      <c r="BC43" s="40">
        <v>0.22</v>
      </c>
      <c r="BD43" s="40">
        <v>0.21</v>
      </c>
      <c r="BE43" s="17"/>
    </row>
    <row r="44" spans="3:57" x14ac:dyDescent="0.2">
      <c r="C44" s="18" t="s">
        <v>123</v>
      </c>
      <c r="D44" s="6" t="s">
        <v>58</v>
      </c>
      <c r="E44" s="86">
        <v>0.25</v>
      </c>
      <c r="F44" s="86">
        <v>0.27</v>
      </c>
      <c r="G44" s="86">
        <v>0.23</v>
      </c>
      <c r="H44" s="86">
        <v>0.28000000000000003</v>
      </c>
      <c r="I44" s="86">
        <v>0.28000000000000003</v>
      </c>
      <c r="J44" s="86">
        <v>0.36</v>
      </c>
      <c r="K44" s="86">
        <v>0.36</v>
      </c>
      <c r="L44" s="86">
        <v>0.36</v>
      </c>
      <c r="M44" s="86">
        <v>0.36</v>
      </c>
      <c r="N44" s="90" t="s">
        <v>90</v>
      </c>
      <c r="O44" s="90" t="s">
        <v>90</v>
      </c>
      <c r="P44" s="90" t="s">
        <v>90</v>
      </c>
      <c r="Q44" s="90" t="s">
        <v>90</v>
      </c>
      <c r="R44" s="90" t="s">
        <v>90</v>
      </c>
      <c r="S44" s="90" t="s">
        <v>90</v>
      </c>
      <c r="T44" s="90" t="s">
        <v>90</v>
      </c>
      <c r="U44" s="90" t="s">
        <v>90</v>
      </c>
      <c r="V44" s="90" t="s">
        <v>90</v>
      </c>
      <c r="W44" s="90" t="s">
        <v>90</v>
      </c>
      <c r="X44" s="90" t="s">
        <v>90</v>
      </c>
      <c r="Y44" s="90" t="s">
        <v>90</v>
      </c>
      <c r="Z44" s="90" t="s">
        <v>90</v>
      </c>
      <c r="AA44" s="90" t="s">
        <v>90</v>
      </c>
      <c r="AB44" s="90" t="s">
        <v>90</v>
      </c>
      <c r="AC44" s="90" t="s">
        <v>90</v>
      </c>
      <c r="AD44" s="90" t="s">
        <v>90</v>
      </c>
      <c r="AE44" s="90" t="s">
        <v>90</v>
      </c>
      <c r="AF44" s="90" t="s">
        <v>90</v>
      </c>
      <c r="AG44" s="90" t="s">
        <v>90</v>
      </c>
      <c r="AH44" s="90" t="s">
        <v>90</v>
      </c>
      <c r="AI44" s="90" t="s">
        <v>90</v>
      </c>
      <c r="AJ44" s="90">
        <v>0.28999999999999998</v>
      </c>
      <c r="AK44" s="68">
        <v>0.28999999999999998</v>
      </c>
      <c r="AL44" s="90">
        <v>0.31</v>
      </c>
      <c r="AM44" s="90">
        <v>0.37</v>
      </c>
      <c r="AN44" s="90">
        <v>0.3</v>
      </c>
      <c r="AO44" s="90" t="s">
        <v>121</v>
      </c>
      <c r="AP44" s="90">
        <v>0.28999999999999998</v>
      </c>
      <c r="AQ44" s="90">
        <v>0.26</v>
      </c>
      <c r="AR44" s="90">
        <v>0.25</v>
      </c>
      <c r="AS44" s="90">
        <v>0.25</v>
      </c>
      <c r="AT44" s="90">
        <v>0.28000000000000003</v>
      </c>
      <c r="AU44" s="90">
        <v>0.28000000000000003</v>
      </c>
      <c r="AV44" s="90">
        <v>0.27</v>
      </c>
      <c r="AW44" s="94">
        <v>0.27</v>
      </c>
      <c r="AX44" s="94">
        <v>0.25</v>
      </c>
      <c r="AY44" s="94">
        <v>0.23</v>
      </c>
      <c r="AZ44" s="94">
        <v>0.23</v>
      </c>
      <c r="BA44" s="94" t="s">
        <v>130</v>
      </c>
      <c r="BB44" s="94">
        <v>0.24</v>
      </c>
      <c r="BC44" s="94">
        <v>0.25</v>
      </c>
      <c r="BD44" s="94">
        <v>0.26</v>
      </c>
      <c r="BE44" s="17"/>
    </row>
    <row r="45" spans="3:57" x14ac:dyDescent="0.2">
      <c r="C45" s="18" t="s">
        <v>100</v>
      </c>
      <c r="D45" s="6" t="s">
        <v>58</v>
      </c>
      <c r="E45" s="86">
        <v>0.14000000000000001</v>
      </c>
      <c r="F45" s="86">
        <v>0.15</v>
      </c>
      <c r="G45" s="86">
        <v>0.13</v>
      </c>
      <c r="H45" s="86">
        <v>0.13</v>
      </c>
      <c r="I45" s="86">
        <v>0.11</v>
      </c>
      <c r="J45" s="86">
        <v>0.14000000000000001</v>
      </c>
      <c r="K45" s="86">
        <v>0.13</v>
      </c>
      <c r="L45" s="86">
        <v>0.12</v>
      </c>
      <c r="M45" s="86">
        <v>0.12</v>
      </c>
      <c r="N45" s="86">
        <v>0.18</v>
      </c>
      <c r="O45" s="86">
        <v>0.16</v>
      </c>
      <c r="P45" s="86">
        <v>0.19</v>
      </c>
      <c r="Q45" s="86">
        <v>0.19</v>
      </c>
      <c r="R45" s="86">
        <v>0.23</v>
      </c>
      <c r="S45" s="86">
        <v>0.25</v>
      </c>
      <c r="T45" s="86">
        <v>0.24</v>
      </c>
      <c r="U45" s="86">
        <v>0.25</v>
      </c>
      <c r="V45" s="86">
        <v>0.26</v>
      </c>
      <c r="W45" s="86">
        <v>0.25</v>
      </c>
      <c r="X45" s="86">
        <v>0.26</v>
      </c>
      <c r="Y45" s="86">
        <v>0.27</v>
      </c>
      <c r="Z45" s="86">
        <v>0.28000000000000003</v>
      </c>
      <c r="AA45" s="86">
        <v>0.24</v>
      </c>
      <c r="AB45" s="86">
        <v>0.25</v>
      </c>
      <c r="AC45" s="86">
        <v>0.24</v>
      </c>
      <c r="AD45" s="86">
        <v>0.23</v>
      </c>
      <c r="AE45" s="86">
        <v>0.28999999999999998</v>
      </c>
      <c r="AF45" s="86">
        <v>0.28000000000000003</v>
      </c>
      <c r="AG45" s="86">
        <v>0.28000000000000003</v>
      </c>
      <c r="AH45" s="86">
        <v>0.28000000000000003</v>
      </c>
      <c r="AI45" s="86">
        <v>0.28000000000000003</v>
      </c>
      <c r="AJ45" s="86" t="s">
        <v>90</v>
      </c>
      <c r="AK45" s="91" t="s">
        <v>90</v>
      </c>
      <c r="AL45" s="86">
        <v>0.21</v>
      </c>
      <c r="AM45" s="86">
        <v>0.21</v>
      </c>
      <c r="AN45" s="86" t="s">
        <v>90</v>
      </c>
      <c r="AO45" s="86" t="s">
        <v>90</v>
      </c>
      <c r="AP45" s="86">
        <v>0.18</v>
      </c>
      <c r="AQ45" s="86">
        <v>0.22</v>
      </c>
      <c r="AR45" s="86">
        <v>0.2</v>
      </c>
      <c r="AS45" s="86">
        <v>0.21</v>
      </c>
      <c r="AT45" s="86">
        <v>0.23</v>
      </c>
      <c r="AU45" s="86">
        <v>0.17</v>
      </c>
      <c r="AV45" s="86">
        <v>0.17</v>
      </c>
      <c r="AW45" s="40">
        <v>0.17</v>
      </c>
      <c r="AX45" s="40">
        <v>0.17</v>
      </c>
      <c r="AY45" s="40">
        <v>0.14000000000000001</v>
      </c>
      <c r="AZ45" s="40">
        <v>0.15</v>
      </c>
      <c r="BA45" s="40">
        <v>0.13</v>
      </c>
      <c r="BB45" s="40">
        <v>0.12</v>
      </c>
      <c r="BC45" s="40">
        <v>0.13</v>
      </c>
      <c r="BD45" s="40">
        <v>0.12</v>
      </c>
      <c r="BE45" s="17"/>
    </row>
    <row r="46" spans="3:57" x14ac:dyDescent="0.2">
      <c r="C46" s="16" t="s">
        <v>89</v>
      </c>
      <c r="D46" s="6" t="s">
        <v>58</v>
      </c>
      <c r="E46" s="86">
        <v>0.5</v>
      </c>
      <c r="F46" s="86">
        <v>0.53</v>
      </c>
      <c r="G46" s="86">
        <v>0.53</v>
      </c>
      <c r="H46" s="86">
        <v>0.52</v>
      </c>
      <c r="I46" s="86">
        <v>0.54</v>
      </c>
      <c r="J46" s="86">
        <v>0.56999999999999995</v>
      </c>
      <c r="K46" s="86">
        <v>0.59</v>
      </c>
      <c r="L46" s="86">
        <v>0.6</v>
      </c>
      <c r="M46" s="86">
        <v>0.6</v>
      </c>
      <c r="N46" s="86">
        <v>0.57999999999999996</v>
      </c>
      <c r="O46" s="86">
        <v>0.59</v>
      </c>
      <c r="P46" s="86">
        <v>0.59</v>
      </c>
      <c r="Q46" s="86">
        <v>0.59</v>
      </c>
      <c r="R46" s="86">
        <v>0.59</v>
      </c>
      <c r="S46" s="86">
        <v>0.61</v>
      </c>
      <c r="T46" s="86">
        <v>0.61</v>
      </c>
      <c r="U46" s="86">
        <v>0.61</v>
      </c>
      <c r="V46" s="86">
        <v>0.68</v>
      </c>
      <c r="W46" s="86">
        <v>0.7</v>
      </c>
      <c r="X46" s="86">
        <v>0.72</v>
      </c>
      <c r="Y46" s="86">
        <v>0.73</v>
      </c>
      <c r="Z46" s="86">
        <v>0.73</v>
      </c>
      <c r="AA46" s="86">
        <v>0.78</v>
      </c>
      <c r="AB46" s="86">
        <v>0.78</v>
      </c>
      <c r="AC46" s="86">
        <v>0.78</v>
      </c>
      <c r="AD46" s="86">
        <v>0.78</v>
      </c>
      <c r="AE46" s="86" t="s">
        <v>90</v>
      </c>
      <c r="AF46" s="86" t="s">
        <v>90</v>
      </c>
      <c r="AG46" s="86" t="s">
        <v>90</v>
      </c>
      <c r="AH46" s="86" t="s">
        <v>90</v>
      </c>
      <c r="AI46" s="86" t="s">
        <v>90</v>
      </c>
      <c r="AJ46" s="86" t="s">
        <v>90</v>
      </c>
      <c r="AK46" s="91" t="s">
        <v>90</v>
      </c>
      <c r="AL46" s="86">
        <v>0.68</v>
      </c>
      <c r="AM46" s="86">
        <v>0.68</v>
      </c>
      <c r="AN46" s="86">
        <v>0.57999999999999996</v>
      </c>
      <c r="AO46" s="86">
        <v>0.53</v>
      </c>
      <c r="AP46" s="86">
        <v>0.51</v>
      </c>
      <c r="AQ46" s="86">
        <v>0.51</v>
      </c>
      <c r="AR46" s="86">
        <v>0.48</v>
      </c>
      <c r="AS46" s="86">
        <v>0.5</v>
      </c>
      <c r="AT46" s="86">
        <v>0.5</v>
      </c>
      <c r="AU46" s="86">
        <v>0.53</v>
      </c>
      <c r="AV46" s="86">
        <v>0.53</v>
      </c>
      <c r="AW46" s="40">
        <v>0.49</v>
      </c>
      <c r="AX46" s="40">
        <v>0.49</v>
      </c>
      <c r="AY46" s="40">
        <v>0.51</v>
      </c>
      <c r="AZ46" s="40">
        <v>0.5</v>
      </c>
      <c r="BA46" s="40">
        <v>0.5</v>
      </c>
      <c r="BB46" s="40">
        <v>0.5</v>
      </c>
      <c r="BC46" s="40">
        <v>0.5</v>
      </c>
      <c r="BD46" s="40">
        <v>0.5</v>
      </c>
      <c r="BE46" s="17"/>
    </row>
    <row r="47" spans="3:57" x14ac:dyDescent="0.2">
      <c r="C47" s="16" t="s">
        <v>95</v>
      </c>
      <c r="D47" s="6" t="s">
        <v>58</v>
      </c>
      <c r="E47" s="86">
        <v>0.56999999999999995</v>
      </c>
      <c r="F47" s="86">
        <v>0.56999999999999995</v>
      </c>
      <c r="G47" s="86">
        <v>0.56999999999999995</v>
      </c>
      <c r="H47" s="86">
        <v>0.56999999999999995</v>
      </c>
      <c r="I47" s="86">
        <v>0.6</v>
      </c>
      <c r="J47" s="86">
        <v>0.6</v>
      </c>
      <c r="K47" s="86">
        <v>0.62</v>
      </c>
      <c r="L47" s="86">
        <v>0.62</v>
      </c>
      <c r="M47" s="86">
        <v>0.62</v>
      </c>
      <c r="N47" s="86">
        <v>0.62</v>
      </c>
      <c r="O47" s="86">
        <v>0.62</v>
      </c>
      <c r="P47" s="86">
        <v>0.62</v>
      </c>
      <c r="Q47" s="86">
        <v>0.62</v>
      </c>
      <c r="R47" s="86">
        <v>0.62</v>
      </c>
      <c r="S47" s="86">
        <v>0.65</v>
      </c>
      <c r="T47" s="86">
        <v>0.66</v>
      </c>
      <c r="U47" s="86">
        <v>0.61</v>
      </c>
      <c r="V47" s="86" t="s">
        <v>90</v>
      </c>
      <c r="W47" s="86" t="s">
        <v>90</v>
      </c>
      <c r="X47" s="86" t="s">
        <v>90</v>
      </c>
      <c r="Y47" s="86" t="s">
        <v>90</v>
      </c>
      <c r="Z47" s="86" t="s">
        <v>90</v>
      </c>
      <c r="AA47" s="86" t="s">
        <v>90</v>
      </c>
      <c r="AB47" s="86" t="s">
        <v>90</v>
      </c>
      <c r="AC47" s="86" t="s">
        <v>90</v>
      </c>
      <c r="AD47" s="86" t="s">
        <v>90</v>
      </c>
      <c r="AE47" s="86" t="s">
        <v>90</v>
      </c>
      <c r="AF47" s="86" t="s">
        <v>90</v>
      </c>
      <c r="AG47" s="86" t="s">
        <v>90</v>
      </c>
      <c r="AH47" s="86" t="s">
        <v>90</v>
      </c>
      <c r="AI47" s="86" t="s">
        <v>90</v>
      </c>
      <c r="AJ47" s="86">
        <v>0.65</v>
      </c>
      <c r="AK47" s="68">
        <v>0.53</v>
      </c>
      <c r="AL47" s="86">
        <v>0.51</v>
      </c>
      <c r="AM47" s="86">
        <v>0.57999999999999996</v>
      </c>
      <c r="AN47" s="86">
        <v>0.62</v>
      </c>
      <c r="AO47" s="86">
        <v>0.62</v>
      </c>
      <c r="AP47" s="86">
        <v>0.57999999999999996</v>
      </c>
      <c r="AQ47" s="86">
        <v>0.59</v>
      </c>
      <c r="AR47" s="86">
        <v>0.56000000000000005</v>
      </c>
      <c r="AS47" s="86">
        <v>0.56000000000000005</v>
      </c>
      <c r="AT47" s="86">
        <v>0.55000000000000004</v>
      </c>
      <c r="AU47" s="86">
        <v>0.6</v>
      </c>
      <c r="AV47" s="86">
        <v>0.6</v>
      </c>
      <c r="AW47" s="40">
        <v>0.57999999999999996</v>
      </c>
      <c r="AX47" s="40">
        <v>0.57999999999999996</v>
      </c>
      <c r="AY47" s="40">
        <v>0.6</v>
      </c>
      <c r="AZ47" s="40">
        <v>0.62</v>
      </c>
      <c r="BA47" s="40">
        <v>0.62</v>
      </c>
      <c r="BB47" s="40">
        <v>0.63</v>
      </c>
      <c r="BC47" s="40">
        <v>0.63</v>
      </c>
      <c r="BD47" s="40">
        <v>0.62</v>
      </c>
      <c r="BE47" s="17"/>
    </row>
    <row r="48" spans="3:57" ht="13.5" thickBot="1" x14ac:dyDescent="0.25">
      <c r="C48" s="23" t="s">
        <v>96</v>
      </c>
      <c r="D48" s="6" t="s">
        <v>58</v>
      </c>
      <c r="E48" s="87">
        <v>0.49</v>
      </c>
      <c r="F48" s="87">
        <v>0.54</v>
      </c>
      <c r="G48" s="87">
        <v>0.54</v>
      </c>
      <c r="H48" s="87">
        <v>0.54</v>
      </c>
      <c r="I48" s="87">
        <v>0.53</v>
      </c>
      <c r="J48" s="87">
        <v>0.48</v>
      </c>
      <c r="K48" s="87">
        <v>0.43</v>
      </c>
      <c r="L48" s="87">
        <v>0.43</v>
      </c>
      <c r="M48" s="87">
        <v>0.43</v>
      </c>
      <c r="N48" s="87">
        <v>0.42</v>
      </c>
      <c r="O48" s="87">
        <v>0.42</v>
      </c>
      <c r="P48" s="87">
        <v>0.42</v>
      </c>
      <c r="Q48" s="87">
        <v>0.42</v>
      </c>
      <c r="R48" s="87">
        <v>0.41</v>
      </c>
      <c r="S48" s="87">
        <v>0.32</v>
      </c>
      <c r="T48" s="87">
        <v>0.24</v>
      </c>
      <c r="U48" s="87">
        <v>0.2</v>
      </c>
      <c r="V48" s="87">
        <v>0.2</v>
      </c>
      <c r="W48" s="87">
        <v>0.27</v>
      </c>
      <c r="X48" s="87">
        <v>0.37</v>
      </c>
      <c r="Y48" s="87">
        <v>0.47</v>
      </c>
      <c r="Z48" s="87">
        <v>0.52</v>
      </c>
      <c r="AA48" s="87">
        <v>0.66</v>
      </c>
      <c r="AB48" s="87">
        <v>0.76</v>
      </c>
      <c r="AC48" s="87">
        <v>0.86</v>
      </c>
      <c r="AD48" s="87">
        <v>0.91</v>
      </c>
      <c r="AE48" s="87">
        <v>0.91390000000000005</v>
      </c>
      <c r="AF48" s="87">
        <v>0.96</v>
      </c>
      <c r="AG48" s="87">
        <v>0.97</v>
      </c>
      <c r="AH48" s="87">
        <v>0.97</v>
      </c>
      <c r="AI48" s="87">
        <v>0.98</v>
      </c>
      <c r="AJ48" s="87">
        <v>0.98</v>
      </c>
      <c r="AK48" s="75">
        <v>0.72</v>
      </c>
      <c r="AL48" s="87">
        <v>0.57999999999999996</v>
      </c>
      <c r="AM48" s="87">
        <v>0.42</v>
      </c>
      <c r="AN48" s="87">
        <v>0.32</v>
      </c>
      <c r="AO48" s="87">
        <v>0.32</v>
      </c>
      <c r="AP48" s="87">
        <v>0.32</v>
      </c>
      <c r="AQ48" s="87">
        <v>0.38</v>
      </c>
      <c r="AR48" s="87">
        <v>0.47</v>
      </c>
      <c r="AS48" s="87">
        <v>0.53</v>
      </c>
      <c r="AT48" s="87">
        <v>0.54</v>
      </c>
      <c r="AU48" s="87">
        <v>0.59</v>
      </c>
      <c r="AV48" s="87">
        <v>0.6</v>
      </c>
      <c r="AW48" s="40">
        <v>0.65</v>
      </c>
      <c r="AX48" s="40">
        <v>0.65</v>
      </c>
      <c r="AY48" s="40">
        <v>0.64</v>
      </c>
      <c r="AZ48" s="40">
        <v>0.6</v>
      </c>
      <c r="BA48" s="40">
        <v>0.5</v>
      </c>
      <c r="BB48" s="40">
        <v>0.44</v>
      </c>
      <c r="BC48" s="40">
        <v>0.34</v>
      </c>
      <c r="BD48" s="40">
        <v>0.28999999999999998</v>
      </c>
      <c r="BE48" s="23"/>
    </row>
    <row r="49" spans="3:57" ht="13.5" customHeight="1" thickTop="1" x14ac:dyDescent="0.2">
      <c r="C49" s="221"/>
      <c r="D49" s="221"/>
      <c r="E49" s="221"/>
      <c r="F49" s="221"/>
      <c r="G49" s="221"/>
      <c r="H49" s="221"/>
      <c r="I49" s="221"/>
      <c r="J49" s="221"/>
      <c r="K49" s="221"/>
      <c r="L49" s="221"/>
      <c r="M49" s="221"/>
      <c r="N49" s="221"/>
      <c r="O49" s="221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I49" s="65"/>
      <c r="AJ49" s="65"/>
      <c r="AK49" s="65"/>
      <c r="AL49" s="65"/>
      <c r="AM49" s="65"/>
      <c r="AN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0" spans="3:57" x14ac:dyDescent="0.2">
      <c r="C50" s="222"/>
      <c r="D50" s="222"/>
      <c r="E50" s="222"/>
      <c r="F50" s="222"/>
      <c r="G50" s="222"/>
      <c r="H50" s="222"/>
      <c r="I50" s="222"/>
      <c r="J50" s="222"/>
      <c r="K50" s="222"/>
      <c r="L50" s="222"/>
      <c r="M50" s="222"/>
      <c r="N50" s="222"/>
      <c r="O50" s="222"/>
    </row>
    <row r="51" spans="3:57" x14ac:dyDescent="0.2">
      <c r="C51" s="23" t="s">
        <v>106</v>
      </c>
      <c r="D51" s="6" t="s">
        <v>58</v>
      </c>
      <c r="E51" s="62">
        <v>4.47</v>
      </c>
      <c r="F51" s="62">
        <v>4.51</v>
      </c>
      <c r="G51" s="17" t="s">
        <v>120</v>
      </c>
      <c r="H51" s="62">
        <v>4.7300000000000004</v>
      </c>
      <c r="I51" s="62">
        <v>4.66</v>
      </c>
      <c r="J51" s="62">
        <v>4.62</v>
      </c>
      <c r="K51" s="62">
        <v>4.54</v>
      </c>
      <c r="L51" s="17">
        <v>4.5199999999999996</v>
      </c>
      <c r="M51" s="62">
        <v>4.49</v>
      </c>
      <c r="N51" s="62">
        <v>4.34</v>
      </c>
      <c r="O51" s="62">
        <v>4.43</v>
      </c>
      <c r="P51" s="62">
        <v>4.37</v>
      </c>
      <c r="Q51" s="62">
        <v>4.46</v>
      </c>
      <c r="R51" s="62">
        <v>4.34</v>
      </c>
      <c r="S51" s="62">
        <v>4.3</v>
      </c>
      <c r="T51" s="62">
        <v>4.38</v>
      </c>
      <c r="U51" s="62">
        <v>4.33</v>
      </c>
      <c r="V51" s="62">
        <v>4.5199999999999996</v>
      </c>
      <c r="W51" s="62">
        <v>4.22</v>
      </c>
      <c r="X51" s="62">
        <v>4.34</v>
      </c>
      <c r="Y51" s="62">
        <v>4.28</v>
      </c>
      <c r="Z51" s="62">
        <v>4.46</v>
      </c>
      <c r="AA51" s="62">
        <v>4.59</v>
      </c>
      <c r="AB51" s="62">
        <v>4.62</v>
      </c>
      <c r="AC51" s="62">
        <v>4.6399999999999997</v>
      </c>
      <c r="AD51" s="62">
        <v>4.7</v>
      </c>
      <c r="AE51" s="62">
        <v>4.72</v>
      </c>
      <c r="AF51" s="62">
        <v>4.68</v>
      </c>
      <c r="AG51" s="62">
        <v>4.51</v>
      </c>
      <c r="AH51" s="62">
        <v>4.4800000000000004</v>
      </c>
      <c r="AI51" s="62">
        <v>4.4800000000000004</v>
      </c>
      <c r="AJ51" s="62">
        <v>4.54</v>
      </c>
      <c r="AK51" s="62">
        <v>4.4800000000000004</v>
      </c>
      <c r="AL51" s="62">
        <v>4.5999999999999996</v>
      </c>
      <c r="AM51" s="62">
        <v>4.6900000000000004</v>
      </c>
      <c r="AN51" s="62">
        <v>4.5</v>
      </c>
      <c r="AO51" s="62">
        <v>4.3899999999999997</v>
      </c>
      <c r="AP51" s="62">
        <v>4.54</v>
      </c>
      <c r="AQ51" s="62">
        <v>4.6500000000000004</v>
      </c>
      <c r="AR51" s="62">
        <v>4.59</v>
      </c>
      <c r="AS51" s="62">
        <v>4.47</v>
      </c>
      <c r="AT51" s="62">
        <v>4.16</v>
      </c>
      <c r="AU51" s="62">
        <v>4.25</v>
      </c>
      <c r="AV51" s="62">
        <v>4.54</v>
      </c>
      <c r="AW51" s="62">
        <v>4.5</v>
      </c>
      <c r="AX51" s="62">
        <v>4.54</v>
      </c>
      <c r="AY51" s="62">
        <v>4.4800000000000004</v>
      </c>
      <c r="AZ51" s="62">
        <v>4.4000000000000004</v>
      </c>
      <c r="BA51" s="62">
        <v>4.33</v>
      </c>
      <c r="BB51" s="62">
        <v>4.25</v>
      </c>
      <c r="BC51" s="62">
        <v>4.2300000000000004</v>
      </c>
      <c r="BD51" s="62">
        <v>4.2</v>
      </c>
      <c r="BE51" s="17"/>
    </row>
    <row r="53" spans="3:57" x14ac:dyDescent="0.2">
      <c r="C53" s="224" t="s">
        <v>125</v>
      </c>
      <c r="D53" s="224"/>
      <c r="E53" s="224"/>
      <c r="F53" s="224"/>
      <c r="G53" s="224"/>
      <c r="H53" s="224"/>
      <c r="I53" s="224"/>
      <c r="J53" s="92"/>
      <c r="K53" s="92"/>
      <c r="L53" s="92"/>
      <c r="M53" s="92"/>
      <c r="N53" s="92"/>
      <c r="O53" s="92"/>
      <c r="P53" s="92"/>
      <c r="Q53" s="92"/>
    </row>
    <row r="54" spans="3:57" ht="51.75" customHeight="1" x14ac:dyDescent="0.2">
      <c r="C54" s="225"/>
      <c r="D54" s="225"/>
      <c r="E54" s="225"/>
      <c r="F54" s="225"/>
      <c r="G54" s="225"/>
      <c r="H54" s="225"/>
      <c r="I54" s="225"/>
    </row>
    <row r="55" spans="3:57" x14ac:dyDescent="0.2">
      <c r="C55" s="223"/>
      <c r="D55" s="223"/>
      <c r="E55" s="223"/>
      <c r="F55" s="223"/>
      <c r="G55" s="223"/>
    </row>
    <row r="56" spans="3:57" x14ac:dyDescent="0.2">
      <c r="C56" s="1" t="s">
        <v>1</v>
      </c>
      <c r="E56" s="2">
        <v>2013</v>
      </c>
      <c r="F56" s="2"/>
      <c r="G56" s="2"/>
      <c r="H56" s="2"/>
      <c r="I56" s="2"/>
      <c r="J56" s="2"/>
      <c r="K56" s="2"/>
      <c r="L56" s="2"/>
      <c r="M56" s="2"/>
    </row>
    <row r="57" spans="3:57" x14ac:dyDescent="0.2">
      <c r="C57" s="3" t="s">
        <v>2</v>
      </c>
      <c r="D57" s="3" t="s">
        <v>3</v>
      </c>
      <c r="E57" s="4" t="s">
        <v>15</v>
      </c>
      <c r="F57" s="4" t="s">
        <v>16</v>
      </c>
      <c r="G57" s="4" t="s">
        <v>17</v>
      </c>
      <c r="H57" s="4" t="s">
        <v>18</v>
      </c>
      <c r="I57" s="4" t="s">
        <v>19</v>
      </c>
      <c r="J57" s="4" t="s">
        <v>20</v>
      </c>
      <c r="K57" s="4" t="s">
        <v>21</v>
      </c>
      <c r="L57" s="4" t="s">
        <v>22</v>
      </c>
      <c r="M57" s="4" t="s">
        <v>23</v>
      </c>
      <c r="N57" s="4" t="s">
        <v>24</v>
      </c>
      <c r="O57" s="4" t="s">
        <v>25</v>
      </c>
      <c r="P57" s="4" t="s">
        <v>26</v>
      </c>
      <c r="Q57" s="4" t="s">
        <v>27</v>
      </c>
      <c r="R57" s="4" t="s">
        <v>28</v>
      </c>
      <c r="S57" s="4" t="s">
        <v>29</v>
      </c>
      <c r="T57" s="4" t="s">
        <v>30</v>
      </c>
      <c r="U57" s="4" t="s">
        <v>31</v>
      </c>
      <c r="V57" s="4" t="s">
        <v>32</v>
      </c>
      <c r="W57" s="4" t="s">
        <v>33</v>
      </c>
      <c r="X57" s="4" t="s">
        <v>34</v>
      </c>
      <c r="Y57" s="4" t="s">
        <v>35</v>
      </c>
      <c r="Z57" s="4" t="s">
        <v>36</v>
      </c>
      <c r="AA57" s="4" t="s">
        <v>37</v>
      </c>
      <c r="AB57" s="4" t="s">
        <v>38</v>
      </c>
      <c r="AC57" s="4" t="s">
        <v>39</v>
      </c>
      <c r="AD57" s="4" t="s">
        <v>40</v>
      </c>
      <c r="AE57" s="4" t="s">
        <v>41</v>
      </c>
      <c r="AF57" s="4" t="s">
        <v>42</v>
      </c>
      <c r="AG57" s="4" t="s">
        <v>43</v>
      </c>
      <c r="AH57" s="4" t="s">
        <v>44</v>
      </c>
      <c r="AI57" s="4" t="s">
        <v>45</v>
      </c>
      <c r="AJ57" s="4" t="s">
        <v>46</v>
      </c>
      <c r="AK57" s="4" t="s">
        <v>47</v>
      </c>
      <c r="AL57" s="4" t="s">
        <v>48</v>
      </c>
      <c r="AM57" s="4" t="s">
        <v>49</v>
      </c>
      <c r="AN57" s="4" t="s">
        <v>50</v>
      </c>
      <c r="AO57" s="4" t="s">
        <v>51</v>
      </c>
      <c r="AP57" s="4" t="s">
        <v>52</v>
      </c>
      <c r="AQ57" s="4" t="s">
        <v>53</v>
      </c>
      <c r="AR57" s="4" t="s">
        <v>54</v>
      </c>
      <c r="AS57" s="4" t="s">
        <v>55</v>
      </c>
      <c r="AT57" s="4" t="s">
        <v>4</v>
      </c>
      <c r="AU57" s="4" t="s">
        <v>5</v>
      </c>
      <c r="AV57" s="4" t="s">
        <v>6</v>
      </c>
      <c r="AW57" s="4" t="s">
        <v>7</v>
      </c>
      <c r="AX57" s="4" t="s">
        <v>8</v>
      </c>
      <c r="AY57" s="4" t="s">
        <v>9</v>
      </c>
      <c r="AZ57" s="4" t="s">
        <v>10</v>
      </c>
      <c r="BA57" s="4" t="s">
        <v>11</v>
      </c>
      <c r="BB57" s="4" t="s">
        <v>12</v>
      </c>
      <c r="BC57" s="4" t="s">
        <v>13</v>
      </c>
      <c r="BD57" s="4" t="s">
        <v>14</v>
      </c>
      <c r="BE57" s="4" t="s">
        <v>56</v>
      </c>
    </row>
    <row r="58" spans="3:57" x14ac:dyDescent="0.2">
      <c r="C58" s="5" t="s">
        <v>57</v>
      </c>
      <c r="D58" s="6" t="s">
        <v>58</v>
      </c>
      <c r="E58" s="23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8"/>
      <c r="U58" s="8"/>
      <c r="V58" s="8"/>
      <c r="W58" s="8"/>
      <c r="X58" s="8"/>
      <c r="Y58" s="8"/>
      <c r="Z58" s="8"/>
      <c r="AA58" s="8"/>
      <c r="AB58" s="8"/>
      <c r="AC58" s="8"/>
      <c r="AD58" s="8"/>
      <c r="AE58" s="8"/>
      <c r="AF58" s="8"/>
      <c r="AG58" s="8"/>
      <c r="AH58" s="8"/>
      <c r="AI58" s="8"/>
      <c r="AJ58" s="8"/>
      <c r="AK58" s="8"/>
      <c r="AL58" s="8"/>
      <c r="AM58" s="8"/>
      <c r="AN58" s="8"/>
      <c r="AO58" s="8"/>
      <c r="AP58" s="8"/>
      <c r="AQ58" s="8"/>
      <c r="AR58" s="8"/>
      <c r="AS58" s="8"/>
      <c r="AT58" s="8"/>
      <c r="AU58" s="8"/>
      <c r="AV58" s="8"/>
      <c r="AW58" s="39"/>
      <c r="AX58" s="39"/>
      <c r="AY58" s="39"/>
      <c r="AZ58" s="39"/>
      <c r="BA58" s="39"/>
      <c r="BB58" s="39"/>
      <c r="BC58" s="39"/>
      <c r="BD58" s="39"/>
      <c r="BE58" s="17"/>
    </row>
    <row r="59" spans="3:57" x14ac:dyDescent="0.2">
      <c r="C59" s="5" t="s">
        <v>59</v>
      </c>
      <c r="D59" s="6" t="s">
        <v>58</v>
      </c>
      <c r="E59" s="23"/>
      <c r="F59" s="17"/>
      <c r="G59" s="17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8"/>
      <c r="U59" s="8"/>
      <c r="V59" s="8"/>
      <c r="W59" s="8"/>
      <c r="X59" s="8"/>
      <c r="Y59" s="8"/>
      <c r="Z59" s="8"/>
      <c r="AA59" s="8"/>
      <c r="AB59" s="8"/>
      <c r="AC59" s="8"/>
      <c r="AD59" s="8"/>
      <c r="AE59" s="8"/>
      <c r="AF59" s="8"/>
      <c r="AG59" s="8"/>
      <c r="AH59" s="8"/>
      <c r="AI59" s="8"/>
      <c r="AJ59" s="8"/>
      <c r="AK59" s="8"/>
      <c r="AL59" s="8"/>
      <c r="AM59" s="8"/>
      <c r="AN59" s="8"/>
      <c r="AO59" s="8"/>
      <c r="AP59" s="8"/>
      <c r="AQ59" s="8"/>
      <c r="AR59" s="8"/>
      <c r="AS59" s="8"/>
      <c r="AT59" s="8"/>
      <c r="AU59" s="8"/>
      <c r="AV59" s="8"/>
      <c r="AW59" s="39"/>
      <c r="AX59" s="39"/>
      <c r="AY59" s="39"/>
      <c r="AZ59" s="39"/>
      <c r="BA59" s="39"/>
      <c r="BB59" s="39"/>
      <c r="BC59" s="39"/>
      <c r="BD59" s="39"/>
      <c r="BE59" s="17"/>
    </row>
    <row r="60" spans="3:57" x14ac:dyDescent="0.2">
      <c r="C60" s="5" t="s">
        <v>60</v>
      </c>
      <c r="D60" s="6" t="s">
        <v>58</v>
      </c>
      <c r="E60" s="23"/>
      <c r="F60" s="17"/>
      <c r="G60" s="17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8"/>
      <c r="U60" s="8"/>
      <c r="V60" s="8"/>
      <c r="W60" s="8"/>
      <c r="X60" s="8"/>
      <c r="Y60" s="8"/>
      <c r="Z60" s="8"/>
      <c r="AA60" s="8"/>
      <c r="AB60" s="8"/>
      <c r="AC60" s="8"/>
      <c r="AD60" s="8"/>
      <c r="AE60" s="8"/>
      <c r="AF60" s="8"/>
      <c r="AG60" s="8"/>
      <c r="AH60" s="8"/>
      <c r="AI60" s="8"/>
      <c r="AJ60" s="8"/>
      <c r="AK60" s="8"/>
      <c r="AL60" s="8"/>
      <c r="AM60" s="8"/>
      <c r="AN60" s="8"/>
      <c r="AO60" s="8"/>
      <c r="AP60" s="8"/>
      <c r="AQ60" s="8"/>
      <c r="AR60" s="8"/>
      <c r="AS60" s="8"/>
      <c r="AT60" s="8"/>
      <c r="AU60" s="8"/>
      <c r="AV60" s="8"/>
      <c r="AW60" s="39"/>
      <c r="AX60" s="39"/>
      <c r="AY60" s="39"/>
      <c r="AZ60" s="39"/>
      <c r="BA60" s="39"/>
      <c r="BB60" s="39"/>
      <c r="BC60" s="39"/>
      <c r="BD60" s="39"/>
      <c r="BE60" s="17"/>
    </row>
    <row r="61" spans="3:57" x14ac:dyDescent="0.2">
      <c r="C61" s="5" t="s">
        <v>61</v>
      </c>
      <c r="D61" s="6" t="s">
        <v>58</v>
      </c>
      <c r="E61" s="23"/>
      <c r="F61" s="17"/>
      <c r="G61" s="17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8"/>
      <c r="U61" s="8"/>
      <c r="V61" s="8"/>
      <c r="W61" s="8"/>
      <c r="X61" s="8"/>
      <c r="Y61" s="8"/>
      <c r="Z61" s="8"/>
      <c r="AA61" s="8"/>
      <c r="AB61" s="8"/>
      <c r="AC61" s="8"/>
      <c r="AD61" s="8"/>
      <c r="AE61" s="8"/>
      <c r="AF61" s="8"/>
      <c r="AG61" s="8"/>
      <c r="AH61" s="8"/>
      <c r="AI61" s="8"/>
      <c r="AJ61" s="8"/>
      <c r="AK61" s="8"/>
      <c r="AL61" s="8"/>
      <c r="AM61" s="8"/>
      <c r="AN61" s="8"/>
      <c r="AO61" s="8"/>
      <c r="AP61" s="8"/>
      <c r="AQ61" s="8"/>
      <c r="AR61" s="8"/>
      <c r="AS61" s="8"/>
      <c r="AT61" s="8"/>
      <c r="AU61" s="8"/>
      <c r="AV61" s="8"/>
      <c r="AW61" s="39"/>
      <c r="AX61" s="39"/>
      <c r="AY61" s="39"/>
      <c r="AZ61" s="39"/>
      <c r="BA61" s="39"/>
      <c r="BB61" s="39"/>
      <c r="BC61" s="39"/>
      <c r="BD61" s="39"/>
      <c r="BE61" s="17"/>
    </row>
    <row r="62" spans="3:57" x14ac:dyDescent="0.2">
      <c r="C62" s="5" t="s">
        <v>62</v>
      </c>
      <c r="D62" s="6" t="s">
        <v>58</v>
      </c>
      <c r="E62" s="23"/>
      <c r="F62" s="17"/>
      <c r="G62" s="17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8"/>
      <c r="U62" s="8"/>
      <c r="V62" s="8"/>
      <c r="W62" s="8"/>
      <c r="X62" s="8"/>
      <c r="Y62" s="8"/>
      <c r="Z62" s="8"/>
      <c r="AA62" s="8"/>
      <c r="AB62" s="8"/>
      <c r="AC62" s="8"/>
      <c r="AD62" s="8"/>
      <c r="AE62" s="8"/>
      <c r="AF62" s="8"/>
      <c r="AG62" s="8"/>
      <c r="AH62" s="8"/>
      <c r="AI62" s="8"/>
      <c r="AJ62" s="8"/>
      <c r="AK62" s="8"/>
      <c r="AL62" s="8"/>
      <c r="AM62" s="8"/>
      <c r="AN62" s="8"/>
      <c r="AO62" s="8"/>
      <c r="AP62" s="8"/>
      <c r="AQ62" s="8"/>
      <c r="AR62" s="8"/>
      <c r="AS62" s="8"/>
      <c r="AT62" s="8"/>
      <c r="AU62" s="8"/>
      <c r="AV62" s="8"/>
      <c r="AW62" s="39"/>
      <c r="AX62" s="39"/>
      <c r="AY62" s="39"/>
      <c r="AZ62" s="39"/>
      <c r="BA62" s="39"/>
      <c r="BB62" s="39"/>
      <c r="BC62" s="39"/>
      <c r="BD62" s="39"/>
      <c r="BE62" s="17"/>
    </row>
    <row r="63" spans="3:57" x14ac:dyDescent="0.2">
      <c r="C63" s="5" t="s">
        <v>75</v>
      </c>
      <c r="D63" s="20" t="s">
        <v>76</v>
      </c>
      <c r="E63" s="23"/>
      <c r="F63" s="17"/>
      <c r="G63" s="17"/>
      <c r="H63" s="8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8"/>
      <c r="T63" s="8"/>
      <c r="U63" s="8"/>
      <c r="V63" s="8"/>
      <c r="W63" s="8"/>
      <c r="X63" s="8"/>
      <c r="Y63" s="8"/>
      <c r="Z63" s="8"/>
      <c r="AA63" s="8"/>
      <c r="AB63" s="8"/>
      <c r="AC63" s="8"/>
      <c r="AD63" s="8"/>
      <c r="AE63" s="8"/>
      <c r="AF63" s="8"/>
      <c r="AG63" s="8"/>
      <c r="AH63" s="8"/>
      <c r="AI63" s="8"/>
      <c r="AJ63" s="8"/>
      <c r="AK63" s="8"/>
      <c r="AL63" s="8"/>
      <c r="AM63" s="8"/>
      <c r="AN63" s="8"/>
      <c r="AO63" s="8"/>
      <c r="AP63" s="8"/>
      <c r="AQ63" s="8"/>
      <c r="AR63" s="8"/>
      <c r="AS63" s="8"/>
      <c r="AT63" s="8"/>
      <c r="AU63" s="8"/>
      <c r="AV63" s="8"/>
      <c r="AW63" s="39"/>
      <c r="AX63" s="39"/>
      <c r="AY63" s="39"/>
      <c r="AZ63" s="39"/>
      <c r="BA63" s="39"/>
      <c r="BB63" s="39"/>
      <c r="BC63" s="39"/>
      <c r="BD63" s="39"/>
      <c r="BE63" s="17"/>
    </row>
    <row r="64" spans="3:57" x14ac:dyDescent="0.2">
      <c r="C64" s="5" t="s">
        <v>63</v>
      </c>
      <c r="D64" s="6" t="s">
        <v>58</v>
      </c>
      <c r="E64" s="8">
        <v>8.4622727202437105</v>
      </c>
      <c r="F64" s="8">
        <v>6.8610884907275933</v>
      </c>
      <c r="G64" s="8">
        <v>5.8151696638890904</v>
      </c>
      <c r="H64" s="8">
        <v>5.622668543418289</v>
      </c>
      <c r="I64" s="8">
        <v>5.3286892896736333</v>
      </c>
      <c r="J64" s="8">
        <v>5.2796493499325097</v>
      </c>
      <c r="K64" s="8">
        <v>5.6</v>
      </c>
      <c r="L64" s="8">
        <v>5.2728107415127763</v>
      </c>
      <c r="M64" s="8">
        <v>5.3261415041782731</v>
      </c>
      <c r="N64" s="8">
        <v>5.3374501188972285</v>
      </c>
      <c r="O64" s="8">
        <v>6.3240634703409384</v>
      </c>
      <c r="P64" s="8">
        <v>5.48</v>
      </c>
      <c r="Q64" s="8">
        <v>4.9384731675637878</v>
      </c>
      <c r="R64" s="8">
        <v>5.1100000000000003</v>
      </c>
      <c r="S64" s="8">
        <v>5.835397719975135</v>
      </c>
      <c r="T64" s="8">
        <v>4.6332612243915356</v>
      </c>
      <c r="U64" s="8">
        <v>3.868351738406147</v>
      </c>
      <c r="V64" s="8">
        <v>5.04</v>
      </c>
      <c r="W64" s="8">
        <v>6.0731921318695985</v>
      </c>
      <c r="X64" s="8">
        <v>4.7542444616843369</v>
      </c>
      <c r="Y64" s="8">
        <v>5.1623877596192864</v>
      </c>
      <c r="Z64" s="8">
        <v>5.3726541482228365</v>
      </c>
      <c r="AA64" s="8">
        <v>5.6988802117909287</v>
      </c>
      <c r="AB64" s="8">
        <v>5.7276299782893414</v>
      </c>
      <c r="AC64" s="8">
        <v>5.3756486434410817</v>
      </c>
      <c r="AD64" s="8">
        <v>5.263194849298201</v>
      </c>
      <c r="AE64" s="8">
        <v>6.0155305776723704</v>
      </c>
      <c r="AF64" s="8">
        <v>5.2801948300164847</v>
      </c>
      <c r="AG64" s="8">
        <v>4.9571715566710859</v>
      </c>
      <c r="AH64" s="8">
        <v>5.21</v>
      </c>
      <c r="AI64" s="8">
        <v>4.9170569408522153</v>
      </c>
      <c r="AJ64" s="8">
        <v>5.4776495745386242</v>
      </c>
      <c r="AK64" s="8">
        <v>5.3976265801225072</v>
      </c>
      <c r="AL64" s="8">
        <v>5.5506986970400964</v>
      </c>
      <c r="AM64" s="8">
        <v>5.7854513785747077</v>
      </c>
      <c r="AN64" s="8">
        <v>5.9647727723956763</v>
      </c>
      <c r="AO64" s="8">
        <v>5.3352587740160899</v>
      </c>
      <c r="AP64" s="8">
        <v>5.323089532987483</v>
      </c>
      <c r="AQ64" s="8">
        <v>5.914134633002309</v>
      </c>
      <c r="AR64" s="8">
        <v>5.4202918499739017</v>
      </c>
      <c r="AS64" s="8">
        <v>6.0893719473755539</v>
      </c>
      <c r="AT64" s="8">
        <v>6.5179377410569028</v>
      </c>
      <c r="AU64" s="8">
        <v>7.1826629821495116</v>
      </c>
      <c r="AV64" s="8">
        <v>7.4471217818053583</v>
      </c>
      <c r="AW64" s="8">
        <v>7.2479616739991686</v>
      </c>
      <c r="AX64" s="8">
        <v>6.7284377807608156</v>
      </c>
      <c r="AY64" s="8">
        <v>5.711470485161116</v>
      </c>
      <c r="AZ64" s="8">
        <v>5.5763675083511011</v>
      </c>
      <c r="BA64" s="8">
        <v>5.4618390424578704</v>
      </c>
      <c r="BB64" s="8">
        <v>5.1627585217843812</v>
      </c>
      <c r="BC64" s="8">
        <v>6.98</v>
      </c>
      <c r="BD64" s="8">
        <v>8.15</v>
      </c>
      <c r="BE64" s="17"/>
    </row>
    <row r="65" spans="3:57" x14ac:dyDescent="0.2">
      <c r="C65" s="5" t="s">
        <v>64</v>
      </c>
      <c r="D65" s="6" t="s">
        <v>58</v>
      </c>
      <c r="E65" s="8">
        <v>5.729018813448822</v>
      </c>
      <c r="F65" s="8">
        <v>5.2071935342944524</v>
      </c>
      <c r="G65" s="8">
        <v>4.1228915229885059</v>
      </c>
      <c r="H65" s="8">
        <v>3.9875436823962915</v>
      </c>
      <c r="I65" s="8">
        <v>3.4125554817083747</v>
      </c>
      <c r="J65" s="8">
        <v>3.5543002906532046</v>
      </c>
      <c r="K65" s="8">
        <v>3.7</v>
      </c>
      <c r="L65" s="8">
        <v>3.2605800678802841</v>
      </c>
      <c r="M65" s="8">
        <v>3.615745875579317</v>
      </c>
      <c r="N65" s="8">
        <v>3.5008633710250234</v>
      </c>
      <c r="O65" s="8">
        <v>3.7787436440372781</v>
      </c>
      <c r="P65" s="8">
        <v>3.65</v>
      </c>
      <c r="Q65" s="8">
        <v>3.4809658528256784</v>
      </c>
      <c r="R65" s="8">
        <v>3.36</v>
      </c>
      <c r="S65" s="8">
        <v>3.7320091142690837</v>
      </c>
      <c r="T65" s="8">
        <v>3.3369415930513742</v>
      </c>
      <c r="U65" s="8">
        <v>3.0071751161323625</v>
      </c>
      <c r="V65" s="8">
        <v>3.77</v>
      </c>
      <c r="W65" s="8">
        <v>4.127198388430295</v>
      </c>
      <c r="X65" s="8">
        <v>3.5566474406324158</v>
      </c>
      <c r="Y65" s="8">
        <v>3.509756606694026</v>
      </c>
      <c r="Z65" s="8">
        <v>3.6758099394157515</v>
      </c>
      <c r="AA65" s="8">
        <v>2.8234322985107316</v>
      </c>
      <c r="AB65" s="8">
        <v>3.4730205183705807</v>
      </c>
      <c r="AC65" s="8">
        <v>3.2609628207097865</v>
      </c>
      <c r="AD65" s="8">
        <v>3.3410038533891617</v>
      </c>
      <c r="AE65" s="8">
        <v>3.2514356880665218</v>
      </c>
      <c r="AF65" s="8">
        <v>3.6926294526433208</v>
      </c>
      <c r="AG65" s="8">
        <v>3.3883508204977542</v>
      </c>
      <c r="AH65" s="8">
        <v>3.25</v>
      </c>
      <c r="AI65" s="8">
        <v>3.7912641544117647</v>
      </c>
      <c r="AJ65" s="8">
        <v>4.0262976045473007</v>
      </c>
      <c r="AK65" s="8">
        <v>4.0713582018173113</v>
      </c>
      <c r="AL65" s="8">
        <v>3.7399644853073735</v>
      </c>
      <c r="AM65" s="8">
        <v>3.4641225997339107</v>
      </c>
      <c r="AN65" s="8">
        <v>3.6850247088568806</v>
      </c>
      <c r="AO65" s="8">
        <v>3.7378810584327349</v>
      </c>
      <c r="AP65" s="8">
        <v>3.6181653075679701</v>
      </c>
      <c r="AQ65" s="8">
        <v>3.9198992517964295</v>
      </c>
      <c r="AR65" s="8">
        <v>3.7250431880362691</v>
      </c>
      <c r="AS65" s="8">
        <v>4.0813468836666171</v>
      </c>
      <c r="AT65" s="8">
        <v>4.2621055982174827</v>
      </c>
      <c r="AU65" s="8">
        <v>4.7181810653759939</v>
      </c>
      <c r="AV65" s="8">
        <v>4.9636332208824605</v>
      </c>
      <c r="AW65" s="8">
        <v>4.8574631761356599</v>
      </c>
      <c r="AX65" s="8">
        <v>4.4474381772714642</v>
      </c>
      <c r="AY65" s="8">
        <v>3.7277457047920506</v>
      </c>
      <c r="AZ65" s="8">
        <v>3.7927903130168836</v>
      </c>
      <c r="BA65" s="8">
        <v>3.8983248714283367</v>
      </c>
      <c r="BB65" s="8">
        <v>3.6042831814910388</v>
      </c>
      <c r="BC65" s="8">
        <v>5.24</v>
      </c>
      <c r="BD65" s="8">
        <v>5.24</v>
      </c>
      <c r="BE65" s="17"/>
    </row>
    <row r="66" spans="3:57" x14ac:dyDescent="0.2">
      <c r="C66" s="5" t="s">
        <v>65</v>
      </c>
      <c r="D66" s="6" t="s">
        <v>58</v>
      </c>
      <c r="E66" s="8">
        <v>4.0277552136752135</v>
      </c>
      <c r="F66" s="8">
        <v>2.9452976018200054</v>
      </c>
      <c r="G66" s="8">
        <v>3.3212805885925594</v>
      </c>
      <c r="H66" s="8">
        <v>2.7539709557722967</v>
      </c>
      <c r="I66" s="8">
        <v>2.8048059943777965</v>
      </c>
      <c r="J66" s="8">
        <v>3.1775101643517654</v>
      </c>
      <c r="K66" s="8">
        <v>3.29</v>
      </c>
      <c r="L66" s="8">
        <v>2.8836981235985997</v>
      </c>
      <c r="M66" s="8">
        <v>2.7790887183532957</v>
      </c>
      <c r="N66" s="8">
        <v>2.8435959074076429</v>
      </c>
      <c r="O66" s="8">
        <v>3.3766862335275198</v>
      </c>
      <c r="P66" s="8">
        <v>3.2</v>
      </c>
      <c r="Q66" s="8">
        <v>3.0900427929069489</v>
      </c>
      <c r="R66" s="8">
        <v>2.99</v>
      </c>
      <c r="S66" s="8">
        <v>2.4884063519686754</v>
      </c>
      <c r="T66" s="8">
        <v>2.5077437835844485</v>
      </c>
      <c r="U66" s="8">
        <v>2.9381717190376397</v>
      </c>
      <c r="V66" s="8">
        <v>3.25</v>
      </c>
      <c r="W66" s="8">
        <v>2.2705308202649919</v>
      </c>
      <c r="X66" s="8">
        <v>2.6687932383967476</v>
      </c>
      <c r="Y66" s="8">
        <v>2.7622614797987994</v>
      </c>
      <c r="Z66" s="8">
        <v>3.4576394748157058</v>
      </c>
      <c r="AA66" s="8">
        <v>2.8759542459209806</v>
      </c>
      <c r="AB66" s="8">
        <v>3.1809197963927263</v>
      </c>
      <c r="AC66" s="8">
        <v>3.6597613077863431</v>
      </c>
      <c r="AD66" s="8">
        <v>3.3734687624237609</v>
      </c>
      <c r="AE66" s="8">
        <v>3.1874489417379359</v>
      </c>
      <c r="AF66" s="8">
        <v>2.665661931021591</v>
      </c>
      <c r="AG66" s="8">
        <v>2.9295271734011488</v>
      </c>
      <c r="AH66" s="8">
        <v>3.47</v>
      </c>
      <c r="AI66" s="8">
        <v>4.1593249541432575</v>
      </c>
      <c r="AJ66" s="8">
        <v>4.2842467342140491</v>
      </c>
      <c r="AK66" s="8">
        <v>4.3224866192807756</v>
      </c>
      <c r="AL66" s="8">
        <v>3.487066111400313</v>
      </c>
      <c r="AM66" s="8">
        <v>3.7086456715505576</v>
      </c>
      <c r="AN66" s="8">
        <v>3.7877372505878908</v>
      </c>
      <c r="AO66" s="8">
        <v>3.5261301907584088</v>
      </c>
      <c r="AP66" s="8">
        <v>3.0614662340173542</v>
      </c>
      <c r="AQ66" s="8">
        <v>2.6898742820751709</v>
      </c>
      <c r="AR66" s="8">
        <v>2.3603431608391605</v>
      </c>
      <c r="AS66" s="8">
        <v>2.2665832491437299</v>
      </c>
      <c r="AT66" s="8">
        <v>2.3396400509420876</v>
      </c>
      <c r="AU66" s="8">
        <v>2.4793418359912058</v>
      </c>
      <c r="AV66" s="8">
        <v>2.4666889588336525</v>
      </c>
      <c r="AW66" s="8">
        <v>2.8817162481455028</v>
      </c>
      <c r="AX66" s="8">
        <v>2.8438967565620583</v>
      </c>
      <c r="AY66" s="8">
        <v>3.1980742670722084</v>
      </c>
      <c r="AZ66" s="8">
        <v>2.6218962579152234</v>
      </c>
      <c r="BA66" s="8">
        <v>2.5311405411247612</v>
      </c>
      <c r="BB66" s="8">
        <v>2.5350905772857231</v>
      </c>
      <c r="BC66" s="8">
        <v>2.98</v>
      </c>
      <c r="BD66" s="8">
        <v>2.94</v>
      </c>
      <c r="BE66" s="17"/>
    </row>
    <row r="67" spans="3:57" x14ac:dyDescent="0.2">
      <c r="C67" s="5" t="s">
        <v>66</v>
      </c>
      <c r="D67" s="6" t="s">
        <v>58</v>
      </c>
      <c r="E67" s="8">
        <v>5.3859462202458799</v>
      </c>
      <c r="F67" s="8">
        <v>3.9147578049354932</v>
      </c>
      <c r="G67" s="8">
        <v>4.0517579151112955</v>
      </c>
      <c r="H67" s="8">
        <v>5.0041520108043214</v>
      </c>
      <c r="I67" s="8">
        <v>5.0951215009835069</v>
      </c>
      <c r="J67" s="8">
        <v>4.4324983998485488</v>
      </c>
      <c r="K67" s="8">
        <v>4.2699999999999996</v>
      </c>
      <c r="L67" s="8">
        <v>3.708328079725828</v>
      </c>
      <c r="M67" s="8">
        <v>4.3073839853839857</v>
      </c>
      <c r="N67" s="8">
        <v>4.1544440701754377</v>
      </c>
      <c r="O67" s="8">
        <v>4.1483328723404256</v>
      </c>
      <c r="P67" s="8">
        <v>4.2</v>
      </c>
      <c r="Q67" s="8">
        <v>4.9371193259887614</v>
      </c>
      <c r="R67" s="8">
        <v>4.67</v>
      </c>
      <c r="S67" s="8">
        <v>3.5381307537025566</v>
      </c>
      <c r="T67" s="8">
        <v>3.4479231585861361</v>
      </c>
      <c r="U67" s="8">
        <v>3.2771568892201448</v>
      </c>
      <c r="V67" s="8">
        <v>3.3</v>
      </c>
      <c r="W67" s="8">
        <v>2.4592047399742709</v>
      </c>
      <c r="X67" s="8">
        <v>3.1201372250054455</v>
      </c>
      <c r="Y67" s="8">
        <v>3.4239842086711314</v>
      </c>
      <c r="Z67" s="8">
        <v>3.5720321698328235</v>
      </c>
      <c r="AA67" s="8">
        <v>2.9568353031852697</v>
      </c>
      <c r="AB67" s="8">
        <v>3.1825806868203839</v>
      </c>
      <c r="AC67" s="8">
        <v>3.2295312318011469</v>
      </c>
      <c r="AD67" s="8">
        <v>3.2134066358355713</v>
      </c>
      <c r="AE67" s="8">
        <v>2.7039382979358071</v>
      </c>
      <c r="AF67" s="8">
        <v>2.831346816773574</v>
      </c>
      <c r="AG67" s="8">
        <v>2.6302969154112543</v>
      </c>
      <c r="AH67" s="8">
        <v>3.9</v>
      </c>
      <c r="AI67" s="8">
        <v>4.9319153555631852</v>
      </c>
      <c r="AJ67" s="8">
        <v>4.4079008561897091</v>
      </c>
      <c r="AK67" s="8">
        <v>3.9954001927478613</v>
      </c>
      <c r="AL67" s="8">
        <v>3.8954980167979887</v>
      </c>
      <c r="AM67" s="8">
        <v>3.47087978202847</v>
      </c>
      <c r="AN67" s="8">
        <v>3.2847231470189957</v>
      </c>
      <c r="AO67" s="8">
        <v>3.3378047207262007</v>
      </c>
      <c r="AP67" s="8">
        <v>3.7379268346846826</v>
      </c>
      <c r="AQ67" s="8">
        <v>3.7351198110436652</v>
      </c>
      <c r="AR67" s="8">
        <v>3.9722042417936252</v>
      </c>
      <c r="AS67" s="8">
        <v>3.7839400450394205</v>
      </c>
      <c r="AT67" s="8">
        <v>3.4923923501848639</v>
      </c>
      <c r="AU67" s="8">
        <v>3.8064012450685873</v>
      </c>
      <c r="AV67" s="8">
        <v>3.836268673038647</v>
      </c>
      <c r="AW67" s="8">
        <v>4.4639331219208334</v>
      </c>
      <c r="AX67" s="8">
        <v>3.4504825520001963</v>
      </c>
      <c r="AY67" s="8">
        <v>3.7460691055653488</v>
      </c>
      <c r="AZ67" s="8">
        <v>4.1851072292174694</v>
      </c>
      <c r="BA67" s="8">
        <v>3.162291370006745</v>
      </c>
      <c r="BB67" s="8">
        <v>3.2304128252437927</v>
      </c>
      <c r="BC67" s="8">
        <v>3.45</v>
      </c>
      <c r="BD67" s="8">
        <v>3.77</v>
      </c>
      <c r="BE67" s="17"/>
    </row>
    <row r="68" spans="3:57" x14ac:dyDescent="0.2">
      <c r="C68" s="5" t="s">
        <v>67</v>
      </c>
      <c r="D68" s="6" t="s">
        <v>58</v>
      </c>
      <c r="E68" s="8">
        <v>7.3820811080052904</v>
      </c>
      <c r="F68" s="8">
        <v>8.3417339339127157</v>
      </c>
      <c r="G68" s="8">
        <v>6.8071290027197273</v>
      </c>
      <c r="H68" s="8">
        <v>5.9001382156622082</v>
      </c>
      <c r="I68" s="8">
        <v>5.8740206442923846</v>
      </c>
      <c r="J68" s="8">
        <v>7.7418717181554371</v>
      </c>
      <c r="K68" s="8">
        <v>7.15</v>
      </c>
      <c r="L68" s="8">
        <v>6.2340626978490254</v>
      </c>
      <c r="M68" s="8">
        <v>5.6100499847123695</v>
      </c>
      <c r="N68" s="8">
        <v>5.3645685881365255</v>
      </c>
      <c r="O68" s="8">
        <v>5.7291206060662994</v>
      </c>
      <c r="P68" s="8">
        <v>5.65</v>
      </c>
      <c r="Q68" s="8">
        <v>5.0207467411676401</v>
      </c>
      <c r="R68" s="8">
        <v>4.71</v>
      </c>
      <c r="S68" s="8">
        <v>6.4327159814599968</v>
      </c>
      <c r="T68" s="8">
        <v>6.1289497496372016</v>
      </c>
      <c r="U68" s="8">
        <v>6.0788383982657814</v>
      </c>
      <c r="V68" s="8">
        <v>5.94</v>
      </c>
      <c r="W68" s="8">
        <v>6.6177750693552593</v>
      </c>
      <c r="X68" s="8">
        <v>5.9807117305420601</v>
      </c>
      <c r="Y68" s="8">
        <v>6.2506199509058611</v>
      </c>
      <c r="Z68" s="8">
        <v>6.629913360653461</v>
      </c>
      <c r="AA68" s="8">
        <v>6.5157773272585873</v>
      </c>
      <c r="AB68" s="8">
        <v>6.5601246205905959</v>
      </c>
      <c r="AC68" s="8">
        <v>5.5587248595044301</v>
      </c>
      <c r="AD68" s="8">
        <v>5.4226686921488092</v>
      </c>
      <c r="AE68" s="8">
        <v>6.0152562993562331</v>
      </c>
      <c r="AF68" s="8">
        <v>5.7577401862705155</v>
      </c>
      <c r="AG68" s="8">
        <v>5.5067875188497695</v>
      </c>
      <c r="AH68" s="8">
        <v>5.22</v>
      </c>
      <c r="AI68" s="8">
        <v>5.0491417459932748</v>
      </c>
      <c r="AJ68" s="8">
        <v>5.5910578011354568</v>
      </c>
      <c r="AK68" s="8">
        <v>5.8844196165326537</v>
      </c>
      <c r="AL68" s="8">
        <v>5.984396086612005</v>
      </c>
      <c r="AM68" s="8">
        <v>6.673803013387575</v>
      </c>
      <c r="AN68" s="8">
        <v>6.7965062136301686</v>
      </c>
      <c r="AO68" s="8">
        <v>6.0279722035771179</v>
      </c>
      <c r="AP68" s="8">
        <v>5.9151599218271915</v>
      </c>
      <c r="AQ68" s="8">
        <v>6.6299469540620812</v>
      </c>
      <c r="AR68" s="8">
        <v>6.4556218662186069</v>
      </c>
      <c r="AS68" s="8">
        <v>6.2232162568913925</v>
      </c>
      <c r="AT68" s="8">
        <v>6.2942087278111618</v>
      </c>
      <c r="AU68" s="8">
        <v>6.8797028394785782</v>
      </c>
      <c r="AV68" s="8">
        <v>7.4173879907309388</v>
      </c>
      <c r="AW68" s="8">
        <v>7.7020541008595051</v>
      </c>
      <c r="AX68" s="8">
        <v>7.6215407090537903</v>
      </c>
      <c r="AY68" s="8">
        <v>7.2785070681012005</v>
      </c>
      <c r="AZ68" s="8">
        <v>7.0068149004312712</v>
      </c>
      <c r="BA68" s="8">
        <v>6.2876468243916186</v>
      </c>
      <c r="BB68" s="8">
        <v>5.6473495402886922</v>
      </c>
      <c r="BC68" s="8">
        <v>6.56</v>
      </c>
      <c r="BD68" s="8">
        <v>6.83</v>
      </c>
      <c r="BE68" s="17"/>
    </row>
    <row r="69" spans="3:57" x14ac:dyDescent="0.2">
      <c r="C69" s="5" t="s">
        <v>68</v>
      </c>
      <c r="D69" s="6" t="s">
        <v>58</v>
      </c>
      <c r="E69" s="8">
        <v>3.6964895808882976</v>
      </c>
      <c r="F69" s="8">
        <v>3.4301179517873361</v>
      </c>
      <c r="G69" s="8">
        <v>3.6523627004441765</v>
      </c>
      <c r="H69" s="8">
        <v>3.9211354707895074</v>
      </c>
      <c r="I69" s="8">
        <v>3.5348089442907158</v>
      </c>
      <c r="J69" s="8">
        <v>3.4968339413464729</v>
      </c>
      <c r="K69" s="8">
        <v>3.66</v>
      </c>
      <c r="L69" s="8">
        <v>3.4661340481189549</v>
      </c>
      <c r="M69" s="8">
        <v>3.7361194757055238</v>
      </c>
      <c r="N69" s="8">
        <v>3.6428331423140361</v>
      </c>
      <c r="O69" s="8">
        <v>3.6884725684065298</v>
      </c>
      <c r="P69" s="8">
        <v>3.56</v>
      </c>
      <c r="Q69" s="8">
        <v>3.5530453996745921</v>
      </c>
      <c r="R69" s="8">
        <v>3.59</v>
      </c>
      <c r="S69" s="8">
        <v>3.4880840388579126</v>
      </c>
      <c r="T69" s="8">
        <v>3.2960987510789339</v>
      </c>
      <c r="U69" s="8">
        <v>3.5348846190897385</v>
      </c>
      <c r="V69" s="8">
        <v>3.44</v>
      </c>
      <c r="W69" s="8">
        <v>3.3517280666991827</v>
      </c>
      <c r="X69" s="8">
        <v>3.3314870107751995</v>
      </c>
      <c r="Y69" s="8">
        <v>3.1835412980505757</v>
      </c>
      <c r="Z69" s="8">
        <v>3.3494844242441246</v>
      </c>
      <c r="AA69" s="8">
        <v>3.5498186857380971</v>
      </c>
      <c r="AB69" s="8">
        <v>3.3426553658693412</v>
      </c>
      <c r="AC69" s="8">
        <v>3.3154185196491781</v>
      </c>
      <c r="AD69" s="8">
        <v>3.530976695209902</v>
      </c>
      <c r="AE69" s="8">
        <v>3.3065887297929453</v>
      </c>
      <c r="AF69" s="8">
        <v>3.1504683849379789</v>
      </c>
      <c r="AG69" s="8">
        <v>3.4124195084264617</v>
      </c>
      <c r="AH69" s="8">
        <v>3.32</v>
      </c>
      <c r="AI69" s="8">
        <v>3.3783172739330576</v>
      </c>
      <c r="AJ69" s="8">
        <v>3.4017291002619374</v>
      </c>
      <c r="AK69" s="8">
        <v>3.5582773397326024</v>
      </c>
      <c r="AL69" s="8">
        <v>3.3318966902062233</v>
      </c>
      <c r="AM69" s="8">
        <v>3.3867785106789117</v>
      </c>
      <c r="AN69" s="8">
        <v>3.0808370659969451</v>
      </c>
      <c r="AO69" s="8">
        <v>2.9076912625210753</v>
      </c>
      <c r="AP69" s="8">
        <v>2.8313369608160044</v>
      </c>
      <c r="AQ69" s="8">
        <v>2.9778638565039035</v>
      </c>
      <c r="AR69" s="8">
        <v>2.845885056024172</v>
      </c>
      <c r="AS69" s="8">
        <v>2.766187996800888</v>
      </c>
      <c r="AT69" s="8">
        <v>2.9216396920539927</v>
      </c>
      <c r="AU69" s="8">
        <v>2.7735751106245154</v>
      </c>
      <c r="AV69" s="8">
        <v>2.7978321405829747</v>
      </c>
      <c r="AW69" s="8">
        <v>3.0453463276983772</v>
      </c>
      <c r="AX69" s="8">
        <v>3.0075610879263204</v>
      </c>
      <c r="AY69" s="8">
        <v>3.0079236687869786</v>
      </c>
      <c r="AZ69" s="8">
        <v>2.9220560443141088</v>
      </c>
      <c r="BA69" s="8">
        <v>2.909946131243879</v>
      </c>
      <c r="BB69" s="8">
        <v>2.7818185061951963</v>
      </c>
      <c r="BC69" s="8">
        <v>2.97</v>
      </c>
      <c r="BD69" s="8">
        <v>3.1</v>
      </c>
      <c r="BE69" s="17"/>
    </row>
    <row r="70" spans="3:57" x14ac:dyDescent="0.2">
      <c r="C70" s="5" t="s">
        <v>69</v>
      </c>
      <c r="D70" s="6" t="s">
        <v>58</v>
      </c>
      <c r="E70" s="8">
        <v>3.2213140927557644</v>
      </c>
      <c r="F70" s="8">
        <v>2.4929796077412649</v>
      </c>
      <c r="G70" s="8">
        <v>2.7064095932579733</v>
      </c>
      <c r="H70" s="8">
        <v>3.1868866403130962</v>
      </c>
      <c r="I70" s="8">
        <v>2.1789445233658653</v>
      </c>
      <c r="J70" s="8">
        <v>1.7937459219664322</v>
      </c>
      <c r="K70" s="8">
        <v>1.77</v>
      </c>
      <c r="L70" s="8">
        <v>1.2491029191471954</v>
      </c>
      <c r="M70" s="8">
        <v>1.5794429353073705</v>
      </c>
      <c r="N70" s="8">
        <v>2.0158813133320694</v>
      </c>
      <c r="O70" s="8">
        <v>2.3195176783694182</v>
      </c>
      <c r="P70" s="8">
        <v>2.02</v>
      </c>
      <c r="Q70" s="8">
        <v>2.4888029147949249</v>
      </c>
      <c r="R70" s="8">
        <v>2.25</v>
      </c>
      <c r="S70" s="8">
        <v>2.202123687541472</v>
      </c>
      <c r="T70" s="8">
        <v>1.748932472231312</v>
      </c>
      <c r="U70" s="8">
        <v>1.794775632869209</v>
      </c>
      <c r="V70" s="8">
        <v>1.97</v>
      </c>
      <c r="W70" s="8">
        <v>1.8788593613729074</v>
      </c>
      <c r="X70" s="8">
        <v>1.8425454827143553</v>
      </c>
      <c r="Y70" s="8">
        <v>2.0607177281051072</v>
      </c>
      <c r="Z70" s="8">
        <v>2.0734571679799787</v>
      </c>
      <c r="AA70" s="8">
        <v>1.5410947565445705</v>
      </c>
      <c r="AB70" s="8">
        <v>1.5125213376603881</v>
      </c>
      <c r="AC70" s="8">
        <v>1.8918750807135354</v>
      </c>
      <c r="AD70" s="8">
        <v>1.5915218451910298</v>
      </c>
      <c r="AE70" s="8">
        <v>1.8872836881532584</v>
      </c>
      <c r="AF70" s="8">
        <v>1.6718198180573218</v>
      </c>
      <c r="AG70" s="8">
        <v>1.4596146116562241</v>
      </c>
      <c r="AH70" s="8">
        <v>1.5</v>
      </c>
      <c r="AI70" s="8">
        <v>1.5637795427312084</v>
      </c>
      <c r="AJ70" s="8">
        <v>1.6850029485057731</v>
      </c>
      <c r="AK70" s="8">
        <v>1.6457046342079082</v>
      </c>
      <c r="AL70" s="8">
        <v>1.5253898322701347</v>
      </c>
      <c r="AM70" s="8">
        <v>1.6465526638874273</v>
      </c>
      <c r="AN70" s="8">
        <v>1.7144043768264661</v>
      </c>
      <c r="AO70" s="8">
        <v>1.6106316360966642</v>
      </c>
      <c r="AP70" s="8">
        <v>1.5423289171070658</v>
      </c>
      <c r="AQ70" s="8">
        <v>1.3806625854289256</v>
      </c>
      <c r="AR70" s="8">
        <v>1.3619210025380712</v>
      </c>
      <c r="AS70" s="8">
        <v>1.3059410478420286</v>
      </c>
      <c r="AT70" s="8">
        <v>1.4313391977223784</v>
      </c>
      <c r="AU70" s="8">
        <v>1.6778088891245808</v>
      </c>
      <c r="AV70" s="8">
        <v>1.6541357360948992</v>
      </c>
      <c r="AW70" s="8">
        <v>1.8307745471738863</v>
      </c>
      <c r="AX70" s="8">
        <v>1.6814909758083634</v>
      </c>
      <c r="AY70" s="8">
        <v>1.6339793892408057</v>
      </c>
      <c r="AZ70" s="8">
        <v>1.6983148700994302</v>
      </c>
      <c r="BA70" s="8">
        <v>1.5027971553097179</v>
      </c>
      <c r="BB70" s="8">
        <v>1.7954832400239544</v>
      </c>
      <c r="BC70" s="8">
        <v>1.78</v>
      </c>
      <c r="BD70" s="8">
        <v>1.88</v>
      </c>
      <c r="BE70" s="17"/>
    </row>
    <row r="71" spans="3:57" x14ac:dyDescent="0.2">
      <c r="C71" s="5" t="s">
        <v>70</v>
      </c>
      <c r="D71" s="6" t="s">
        <v>58</v>
      </c>
      <c r="E71" s="8">
        <v>3.848636476119772</v>
      </c>
      <c r="F71" s="8">
        <v>2.9609224386871111</v>
      </c>
      <c r="G71" s="8">
        <v>3.1912115535108732</v>
      </c>
      <c r="H71" s="8">
        <v>3.6154915618203343</v>
      </c>
      <c r="I71" s="8">
        <v>3.7497895175093676</v>
      </c>
      <c r="J71" s="8">
        <v>3.8905129727636503</v>
      </c>
      <c r="K71" s="8">
        <v>4.0199999999999996</v>
      </c>
      <c r="L71" s="8">
        <v>3.4858796501419449</v>
      </c>
      <c r="M71" s="8">
        <v>2.5744202034821844</v>
      </c>
      <c r="N71" s="8">
        <v>1.7920795194244867</v>
      </c>
      <c r="O71" s="8">
        <v>1.7314988532901752</v>
      </c>
      <c r="P71" s="8">
        <v>1.93</v>
      </c>
      <c r="Q71" s="8">
        <v>2.0207666610735693</v>
      </c>
      <c r="R71" s="8">
        <v>1.84</v>
      </c>
      <c r="S71" s="8">
        <v>1.846994939516386</v>
      </c>
      <c r="T71" s="8">
        <v>1.9326794725115919</v>
      </c>
      <c r="U71" s="8">
        <v>2.0533152991148245</v>
      </c>
      <c r="V71" s="8">
        <v>2.2599999999999998</v>
      </c>
      <c r="W71" s="8">
        <v>2.3560284956392428</v>
      </c>
      <c r="X71" s="8">
        <v>2.8962788777174473</v>
      </c>
      <c r="Y71" s="8">
        <v>2.8053295039629531</v>
      </c>
      <c r="Z71" s="8">
        <v>2.5565441255508974</v>
      </c>
      <c r="AA71" s="8">
        <v>2.8539472966523487</v>
      </c>
      <c r="AB71" s="8">
        <v>3.2358840475333093</v>
      </c>
      <c r="AC71" s="8">
        <v>3.2099073696888114</v>
      </c>
      <c r="AD71" s="8">
        <v>3.3360292105298814</v>
      </c>
      <c r="AE71" s="8">
        <v>3.2392342358846591</v>
      </c>
      <c r="AF71" s="8">
        <v>2.887913135783811</v>
      </c>
      <c r="AG71" s="8">
        <v>3.004290897161273</v>
      </c>
      <c r="AH71" s="8">
        <v>2.6</v>
      </c>
      <c r="AI71" s="8">
        <v>2.4094963493466031</v>
      </c>
      <c r="AJ71" s="8">
        <v>2.445706033665779</v>
      </c>
      <c r="AK71" s="8">
        <v>2.2332804293876611</v>
      </c>
      <c r="AL71" s="8">
        <v>2.5597693801202821</v>
      </c>
      <c r="AM71" s="8">
        <v>2.2297685056833934</v>
      </c>
      <c r="AN71" s="8">
        <v>2.1857806004618938</v>
      </c>
      <c r="AO71" s="8">
        <v>2.4088561375555999</v>
      </c>
      <c r="AP71" s="8">
        <v>2.4048945297739448</v>
      </c>
      <c r="AQ71" s="8">
        <v>2.5829978065889199</v>
      </c>
      <c r="AR71" s="8">
        <v>2.3898438829334698</v>
      </c>
      <c r="AS71" s="8">
        <v>2.5522038230926833</v>
      </c>
      <c r="AT71" s="8">
        <v>2.7295136802467654</v>
      </c>
      <c r="AU71" s="8">
        <v>2.3860336295822151</v>
      </c>
      <c r="AV71" s="8">
        <v>2.6105014990460615</v>
      </c>
      <c r="AW71" s="8">
        <v>2.9310650214006011</v>
      </c>
      <c r="AX71" s="8">
        <v>2.8267082022495011</v>
      </c>
      <c r="AY71" s="8">
        <v>2.8726265962131219</v>
      </c>
      <c r="AZ71" s="8">
        <v>2.6374401385102781</v>
      </c>
      <c r="BA71" s="8">
        <v>2.5643913561480627</v>
      </c>
      <c r="BB71" s="8">
        <v>2.2637956501808176</v>
      </c>
      <c r="BC71" s="8">
        <v>2.41</v>
      </c>
      <c r="BD71" s="8">
        <v>2.06</v>
      </c>
      <c r="BE71" s="17"/>
    </row>
    <row r="72" spans="3:57" x14ac:dyDescent="0.2">
      <c r="C72" s="5" t="s">
        <v>101</v>
      </c>
      <c r="D72" s="6" t="s">
        <v>58</v>
      </c>
      <c r="E72" s="8">
        <v>6.0462027423317748</v>
      </c>
      <c r="F72" s="8">
        <v>6.183257949561404</v>
      </c>
      <c r="G72" s="8">
        <v>5.9674483065293114</v>
      </c>
      <c r="H72" s="8">
        <v>5.9741677639222361</v>
      </c>
      <c r="I72" s="8">
        <v>5.7720226250511111</v>
      </c>
      <c r="J72" s="8">
        <v>6.1264254473161044</v>
      </c>
      <c r="K72" s="8">
        <v>6.2</v>
      </c>
      <c r="L72" s="8">
        <v>5.1133502914679383</v>
      </c>
      <c r="M72" s="8">
        <v>6.3982075306479862</v>
      </c>
      <c r="N72" s="8">
        <v>5.3269571331840204</v>
      </c>
      <c r="O72" s="8">
        <v>5.5469595782073808</v>
      </c>
      <c r="P72" s="8">
        <v>5.45</v>
      </c>
      <c r="Q72" s="8">
        <v>5.9612502303298323</v>
      </c>
      <c r="R72" s="8">
        <v>7.59</v>
      </c>
      <c r="S72" s="8">
        <v>6.9444135021097058</v>
      </c>
      <c r="T72" s="8">
        <v>7.8331513546547162</v>
      </c>
      <c r="U72" s="8">
        <v>8.4473674053370598</v>
      </c>
      <c r="V72" s="8">
        <v>5.26</v>
      </c>
      <c r="W72" s="8">
        <v>5.8890698524929901</v>
      </c>
      <c r="X72" s="8">
        <v>6.5925382387022013</v>
      </c>
      <c r="Y72" s="8">
        <v>6.2387376725838273</v>
      </c>
      <c r="Z72" s="8">
        <v>6.8522887778588659</v>
      </c>
      <c r="AA72" s="8">
        <v>7.6946254303043551</v>
      </c>
      <c r="AB72" s="8">
        <v>7.2364401913875591</v>
      </c>
      <c r="AC72" s="8">
        <v>7.7524456641053785</v>
      </c>
      <c r="AD72" s="8">
        <v>7.3534663718873627</v>
      </c>
      <c r="AE72" s="8">
        <v>7.1703523227383856</v>
      </c>
      <c r="AF72" s="8">
        <v>6.4347017410733107</v>
      </c>
      <c r="AG72" s="8">
        <v>5.9327299538585949</v>
      </c>
      <c r="AH72" s="8">
        <v>5.95</v>
      </c>
      <c r="AI72" s="8">
        <v>5.1839006470372793</v>
      </c>
      <c r="AJ72" s="8">
        <v>5.0311169655098258</v>
      </c>
      <c r="AK72" s="8">
        <v>5.0207792694609115</v>
      </c>
      <c r="AL72" s="8">
        <v>4.8160203850509617</v>
      </c>
      <c r="AM72" s="8">
        <v>5.7932906565438707</v>
      </c>
      <c r="AN72" s="8">
        <v>5.7911529656377532</v>
      </c>
      <c r="AO72" s="8">
        <v>5.4197110832355433</v>
      </c>
      <c r="AP72" s="8">
        <v>5.6617216019509975</v>
      </c>
      <c r="AQ72" s="8">
        <v>6.1078696350429498</v>
      </c>
      <c r="AR72" s="8">
        <v>5.8845982354615316</v>
      </c>
      <c r="AS72" s="8">
        <v>6.4318166123153651</v>
      </c>
      <c r="AT72" s="8">
        <v>5.996822787615077</v>
      </c>
      <c r="AU72" s="8">
        <v>5.6426383495672168</v>
      </c>
      <c r="AV72" s="8">
        <v>6.1990981820352848</v>
      </c>
      <c r="AW72" s="8">
        <v>5.7206241202379324</v>
      </c>
      <c r="AX72" s="8">
        <v>6.1623068666237311</v>
      </c>
      <c r="AY72" s="8">
        <v>6.5203475285484602</v>
      </c>
      <c r="AZ72" s="8">
        <v>6.6328817792018091</v>
      </c>
      <c r="BA72" s="8">
        <v>6.6756359541760499</v>
      </c>
      <c r="BB72" s="8">
        <v>6.197926557110975</v>
      </c>
      <c r="BC72" s="8">
        <v>5.74</v>
      </c>
      <c r="BD72" s="8">
        <v>5.62</v>
      </c>
      <c r="BE72" s="17"/>
    </row>
    <row r="73" spans="3:57" x14ac:dyDescent="0.2">
      <c r="C73" s="5" t="s">
        <v>71</v>
      </c>
      <c r="D73" s="6" t="s">
        <v>58</v>
      </c>
      <c r="E73" s="8">
        <v>3.1582778923843904</v>
      </c>
      <c r="F73" s="8">
        <v>3.2393486737701198</v>
      </c>
      <c r="G73" s="8">
        <v>3.2145840210937</v>
      </c>
      <c r="H73" s="8">
        <v>3.1141301857316441</v>
      </c>
      <c r="I73" s="8">
        <v>3.2134580626941545</v>
      </c>
      <c r="J73" s="8">
        <v>3.1910624762905249</v>
      </c>
      <c r="K73" s="8">
        <v>3.18</v>
      </c>
      <c r="L73" s="8">
        <v>3.1916109273903666</v>
      </c>
      <c r="M73" s="8">
        <v>3.2440921446355557</v>
      </c>
      <c r="N73" s="8">
        <v>3.2827139096094782</v>
      </c>
      <c r="O73" s="8">
        <v>3.2047906698564592</v>
      </c>
      <c r="P73" s="8">
        <v>3.26</v>
      </c>
      <c r="Q73" s="8">
        <v>3.20280388891873</v>
      </c>
      <c r="R73" s="8">
        <v>3.21</v>
      </c>
      <c r="S73" s="8">
        <v>3.2149803603557943</v>
      </c>
      <c r="T73" s="8">
        <v>3.1828370976675489</v>
      </c>
      <c r="U73" s="8">
        <v>3.2434133327839803</v>
      </c>
      <c r="V73" s="8">
        <v>3.16</v>
      </c>
      <c r="W73" s="8">
        <v>3.17854926872507</v>
      </c>
      <c r="X73" s="8">
        <v>3.239700982675628</v>
      </c>
      <c r="Y73" s="8">
        <v>3.0820781880609598</v>
      </c>
      <c r="Z73" s="8">
        <v>3.1954130801804541</v>
      </c>
      <c r="AA73" s="8">
        <v>3.239073913043478</v>
      </c>
      <c r="AB73" s="8">
        <v>3.2665332596833045</v>
      </c>
      <c r="AC73" s="8">
        <v>3.2511547356249344</v>
      </c>
      <c r="AD73" s="8">
        <v>3.2086035465484488</v>
      </c>
      <c r="AE73" s="8">
        <v>3.1042217526914175</v>
      </c>
      <c r="AF73" s="8">
        <v>3.1468528273148442</v>
      </c>
      <c r="AG73" s="8">
        <v>3.1053108904978726</v>
      </c>
      <c r="AH73" s="8">
        <v>3.19</v>
      </c>
      <c r="AI73" s="8">
        <v>3.2145429245568393</v>
      </c>
      <c r="AJ73" s="8">
        <v>3.2671608263331828</v>
      </c>
      <c r="AK73" s="8">
        <v>3.2463255805326807</v>
      </c>
      <c r="AL73" s="8">
        <v>3.3078466220786051</v>
      </c>
      <c r="AM73" s="8">
        <v>3.301285751277041</v>
      </c>
      <c r="AN73" s="8">
        <v>3.3171281279607645</v>
      </c>
      <c r="AO73" s="8">
        <v>3.3005247400668396</v>
      </c>
      <c r="AP73" s="8">
        <v>3.2859770746104737</v>
      </c>
      <c r="AQ73" s="8">
        <v>3.2872286578274017</v>
      </c>
      <c r="AR73" s="8">
        <v>3.3156758078539341</v>
      </c>
      <c r="AS73" s="8">
        <v>3.2998840160337752</v>
      </c>
      <c r="AT73" s="8">
        <v>3.2916160573899371</v>
      </c>
      <c r="AU73" s="8">
        <v>3.2556193853427895</v>
      </c>
      <c r="AV73" s="8">
        <v>3.2290110717572578</v>
      </c>
      <c r="AW73" s="8">
        <v>3.2053534287867373</v>
      </c>
      <c r="AX73" s="8">
        <v>3.273044553125168</v>
      </c>
      <c r="AY73" s="8">
        <v>3.2890309169038447</v>
      </c>
      <c r="AZ73" s="8">
        <v>3.2886418591550979</v>
      </c>
      <c r="BA73" s="8">
        <v>3.2988099650615217</v>
      </c>
      <c r="BB73" s="8">
        <v>3.302880900733395</v>
      </c>
      <c r="BC73" s="8">
        <v>3.41</v>
      </c>
      <c r="BD73" s="8">
        <v>3.29</v>
      </c>
      <c r="BE73" s="17"/>
    </row>
    <row r="74" spans="3:57" x14ac:dyDescent="0.2">
      <c r="C74" s="5" t="s">
        <v>102</v>
      </c>
      <c r="D74" s="6" t="s">
        <v>58</v>
      </c>
      <c r="E74" s="8">
        <v>4.9495151549926124</v>
      </c>
      <c r="F74" s="8">
        <v>4.7346590523411098</v>
      </c>
      <c r="G74" s="8">
        <v>4.6394667711545345</v>
      </c>
      <c r="H74" s="8">
        <v>4.6022850949064598</v>
      </c>
      <c r="I74" s="8">
        <v>4.9381328856688462</v>
      </c>
      <c r="J74" s="8">
        <v>4.9282846399900215</v>
      </c>
      <c r="K74" s="8">
        <v>5.05</v>
      </c>
      <c r="L74" s="8">
        <v>5.1018296202442537</v>
      </c>
      <c r="M74" s="8">
        <v>5.1831419500697482</v>
      </c>
      <c r="N74" s="8">
        <v>5.2415885131929114</v>
      </c>
      <c r="O74" s="8">
        <v>5.2797074027564843</v>
      </c>
      <c r="P74" s="8">
        <v>5.26</v>
      </c>
      <c r="Q74" s="8">
        <v>5.2879272818573408</v>
      </c>
      <c r="R74" s="8">
        <v>5.25</v>
      </c>
      <c r="S74" s="8">
        <v>5.2815254392858986</v>
      </c>
      <c r="T74" s="8">
        <v>5.238215378791975</v>
      </c>
      <c r="U74" s="8">
        <v>5.3098009350601503</v>
      </c>
      <c r="V74" s="8">
        <v>5.35</v>
      </c>
      <c r="W74" s="8">
        <v>5.341481873039192</v>
      </c>
      <c r="X74" s="8">
        <v>5.4056254190839912</v>
      </c>
      <c r="Y74" s="8">
        <v>5.295294869423377</v>
      </c>
      <c r="Z74" s="8">
        <v>5.2893620177207934</v>
      </c>
      <c r="AA74" s="8">
        <v>5.4331555343764064</v>
      </c>
      <c r="AB74" s="8">
        <v>5.4053980159848933</v>
      </c>
      <c r="AC74" s="8">
        <v>5.4124717997065446</v>
      </c>
      <c r="AD74" s="8">
        <v>5.3182285950483896</v>
      </c>
      <c r="AE74" s="8">
        <v>5.4039685493493943</v>
      </c>
      <c r="AF74" s="8">
        <v>5.4158950927656937</v>
      </c>
      <c r="AG74" s="8">
        <v>5.3297148876609262</v>
      </c>
      <c r="AH74" s="8">
        <v>5.23</v>
      </c>
      <c r="AI74" s="8">
        <v>5.4879478420655863</v>
      </c>
      <c r="AJ74" s="8">
        <v>5.4580691006843667</v>
      </c>
      <c r="AK74" s="8">
        <v>5.5239481459595217</v>
      </c>
      <c r="AL74" s="8">
        <v>5.4425377095350296</v>
      </c>
      <c r="AM74" s="8">
        <v>5.483407122832519</v>
      </c>
      <c r="AN74" s="8">
        <v>5.5500828705082608</v>
      </c>
      <c r="AO74" s="8">
        <v>5.433974333140223</v>
      </c>
      <c r="AP74" s="8">
        <v>5.2938852558081084</v>
      </c>
      <c r="AQ74" s="8">
        <v>5.4007721575649059</v>
      </c>
      <c r="AR74" s="8">
        <v>5.2300592449308896</v>
      </c>
      <c r="AS74" s="8">
        <v>5.2821953850764158</v>
      </c>
      <c r="AT74" s="8">
        <v>5.329820631265302</v>
      </c>
      <c r="AU74" s="8">
        <v>5.3096844684264255</v>
      </c>
      <c r="AV74" s="8">
        <v>5.1200689673854152</v>
      </c>
      <c r="AW74" s="8">
        <v>5.1571892676785085</v>
      </c>
      <c r="AX74" s="8">
        <v>5.2800735313937004</v>
      </c>
      <c r="AY74" s="8">
        <v>5.252374566176786</v>
      </c>
      <c r="AZ74" s="8">
        <v>5.2919829709245718</v>
      </c>
      <c r="BA74" s="8">
        <v>5.1731270896680508</v>
      </c>
      <c r="BB74" s="8">
        <v>5.2319931962890669</v>
      </c>
      <c r="BC74" s="8">
        <v>5.1100000000000003</v>
      </c>
      <c r="BD74" s="8">
        <v>5.05</v>
      </c>
      <c r="BE74" s="17"/>
    </row>
    <row r="75" spans="3:57" x14ac:dyDescent="0.2">
      <c r="C75" s="5" t="s">
        <v>72</v>
      </c>
      <c r="D75" s="6" t="s">
        <v>58</v>
      </c>
      <c r="E75" s="8">
        <v>5.5053625751399702</v>
      </c>
      <c r="F75" s="8">
        <v>5.7412766998455727</v>
      </c>
      <c r="G75" s="8">
        <v>5.4886355659721815</v>
      </c>
      <c r="H75" s="8">
        <v>5.4749256558586277</v>
      </c>
      <c r="I75" s="8">
        <v>5.535807980435675</v>
      </c>
      <c r="J75" s="8">
        <v>5.5018920935814677</v>
      </c>
      <c r="K75" s="8">
        <v>5.47</v>
      </c>
      <c r="L75" s="8">
        <v>5.6671585484934255</v>
      </c>
      <c r="M75" s="8">
        <v>5.7242473772276963</v>
      </c>
      <c r="N75" s="8">
        <v>6.0550174507746926</v>
      </c>
      <c r="O75" s="8">
        <v>6.0021713390980018</v>
      </c>
      <c r="P75" s="8">
        <v>5.81</v>
      </c>
      <c r="Q75" s="8">
        <v>5.7193790761448726</v>
      </c>
      <c r="R75" s="8">
        <v>5.84</v>
      </c>
      <c r="S75" s="8">
        <v>6.2843931464274796</v>
      </c>
      <c r="T75" s="8">
        <v>6.3167665275559246</v>
      </c>
      <c r="U75" s="8">
        <v>6.2844929659490063</v>
      </c>
      <c r="V75" s="8">
        <v>6.26</v>
      </c>
      <c r="W75" s="8">
        <v>6.1601258239584338</v>
      </c>
      <c r="X75" s="8">
        <v>6.2671823642051789</v>
      </c>
      <c r="Y75" s="8">
        <v>6.2986241052707683</v>
      </c>
      <c r="Z75" s="8">
        <v>6.4083063387834676</v>
      </c>
      <c r="AA75" s="8">
        <v>6.0487993711370045</v>
      </c>
      <c r="AB75" s="8">
        <v>5.9492768940752079</v>
      </c>
      <c r="AC75" s="8">
        <v>5.9455389965904617</v>
      </c>
      <c r="AD75" s="8">
        <v>6.1523215915272971</v>
      </c>
      <c r="AE75" s="8">
        <v>6.4544303085551826</v>
      </c>
      <c r="AF75" s="8">
        <v>6.7768704115114584</v>
      </c>
      <c r="AG75" s="8">
        <v>6.66883601719708</v>
      </c>
      <c r="AH75" s="8">
        <v>6.75</v>
      </c>
      <c r="AI75" s="8">
        <v>7.1218179660896288</v>
      </c>
      <c r="AJ75" s="8">
        <v>7.1757394245862809</v>
      </c>
      <c r="AK75" s="8">
        <v>7.1492678418345479</v>
      </c>
      <c r="AL75" s="8">
        <v>6.9991959635121788</v>
      </c>
      <c r="AM75" s="8">
        <v>7.0850098243384751</v>
      </c>
      <c r="AN75" s="8">
        <v>6.2697701630068297</v>
      </c>
      <c r="AO75" s="8">
        <v>6.204107250469189</v>
      </c>
      <c r="AP75" s="8">
        <v>5.8702121465514567</v>
      </c>
      <c r="AQ75" s="8">
        <v>5.475884638974521</v>
      </c>
      <c r="AR75" s="8">
        <v>5.4616755840430136</v>
      </c>
      <c r="AS75" s="8">
        <v>5.458947808891101</v>
      </c>
      <c r="AT75" s="8">
        <v>5.2474678558432277</v>
      </c>
      <c r="AU75" s="8">
        <v>5.3604773731972237</v>
      </c>
      <c r="AV75" s="8">
        <v>5.4927543541852017</v>
      </c>
      <c r="AW75" s="8">
        <v>5.6797389244139707</v>
      </c>
      <c r="AX75" s="8">
        <v>5.142636628824711</v>
      </c>
      <c r="AY75" s="8">
        <v>4.615374573910211</v>
      </c>
      <c r="AZ75" s="8">
        <v>4.7852474452436153</v>
      </c>
      <c r="BA75" s="8">
        <v>5.2261452917176054</v>
      </c>
      <c r="BB75" s="8">
        <v>5.9731910447295666</v>
      </c>
      <c r="BC75" s="8">
        <v>6.57</v>
      </c>
      <c r="BD75" s="8">
        <v>6.6</v>
      </c>
      <c r="BE75" s="17"/>
    </row>
    <row r="76" spans="3:57" x14ac:dyDescent="0.2">
      <c r="C76" s="5" t="s">
        <v>73</v>
      </c>
      <c r="D76" s="6" t="s">
        <v>58</v>
      </c>
      <c r="E76" s="8">
        <v>3.8846906670323227</v>
      </c>
      <c r="F76" s="8">
        <v>3.6909378062655591</v>
      </c>
      <c r="G76" s="8">
        <v>3.6888573186123219</v>
      </c>
      <c r="H76" s="8">
        <v>4.3798160469226701</v>
      </c>
      <c r="I76" s="8">
        <v>4.263082235041475</v>
      </c>
      <c r="J76" s="8">
        <v>3.7272711836449552</v>
      </c>
      <c r="K76" s="8">
        <v>3.9</v>
      </c>
      <c r="L76" s="8">
        <v>3.8691470145045441</v>
      </c>
      <c r="M76" s="8">
        <v>4.1510453221236352</v>
      </c>
      <c r="N76" s="8">
        <v>4.024391967757567</v>
      </c>
      <c r="O76" s="8">
        <v>4.7207355047748978</v>
      </c>
      <c r="P76" s="8">
        <v>4.97</v>
      </c>
      <c r="Q76" s="8">
        <v>5.2793835394377293</v>
      </c>
      <c r="R76" s="8">
        <v>5.12</v>
      </c>
      <c r="S76" s="8">
        <v>4.5898959768954581</v>
      </c>
      <c r="T76" s="8">
        <v>4.0487956271758616</v>
      </c>
      <c r="U76" s="8">
        <v>3.7558799984303262</v>
      </c>
      <c r="V76" s="8">
        <v>3.84</v>
      </c>
      <c r="W76" s="8">
        <v>4.0957344902184278</v>
      </c>
      <c r="X76" s="8">
        <v>4.2004986489485292</v>
      </c>
      <c r="Y76" s="8">
        <v>4.4392087247443177</v>
      </c>
      <c r="Z76" s="8">
        <v>3.9912622172937562</v>
      </c>
      <c r="AA76" s="8">
        <v>4.0598883302282784</v>
      </c>
      <c r="AB76" s="8">
        <v>3.8758704330518281</v>
      </c>
      <c r="AC76" s="8">
        <v>4.0207155916256045</v>
      </c>
      <c r="AD76" s="8">
        <v>4.1423102138021459</v>
      </c>
      <c r="AE76" s="8">
        <v>4.4158112461971957</v>
      </c>
      <c r="AF76" s="8">
        <v>4.3584889947760708</v>
      </c>
      <c r="AG76" s="8">
        <v>3.3740268714715156</v>
      </c>
      <c r="AH76" s="8">
        <v>3.76</v>
      </c>
      <c r="AI76" s="8">
        <v>3.8526297326417596</v>
      </c>
      <c r="AJ76" s="8">
        <v>3.8953271456049827</v>
      </c>
      <c r="AK76" s="8">
        <v>4.0773537668953139</v>
      </c>
      <c r="AL76" s="8">
        <v>4.2444298527480511</v>
      </c>
      <c r="AM76" s="8">
        <v>4.2646220803713915</v>
      </c>
      <c r="AN76" s="8">
        <v>4.3161762371379506</v>
      </c>
      <c r="AO76" s="8">
        <v>4.1913618983684069</v>
      </c>
      <c r="AP76" s="8">
        <v>3.9575607204244823</v>
      </c>
      <c r="AQ76" s="8">
        <v>4.1190330547658016</v>
      </c>
      <c r="AR76" s="8">
        <v>4.1806607707592836</v>
      </c>
      <c r="AS76" s="8">
        <v>4.2078164868237549</v>
      </c>
      <c r="AT76" s="8">
        <v>4.1767124417016053</v>
      </c>
      <c r="AU76" s="8">
        <v>3.9953770985895591</v>
      </c>
      <c r="AV76" s="8">
        <v>3.9454491239556506</v>
      </c>
      <c r="AW76" s="8">
        <v>3.871927843233014</v>
      </c>
      <c r="AX76" s="8">
        <v>3.8402820029467848</v>
      </c>
      <c r="AY76" s="8">
        <v>3.8209456686797965</v>
      </c>
      <c r="AZ76" s="8">
        <v>2.5170530104627611</v>
      </c>
      <c r="BA76" s="8">
        <v>3.0174128044088073</v>
      </c>
      <c r="BB76" s="8">
        <v>3.1988142806346946</v>
      </c>
      <c r="BC76" s="8">
        <v>3.07</v>
      </c>
      <c r="BD76" s="8">
        <v>3.45</v>
      </c>
      <c r="BE76" s="17"/>
    </row>
    <row r="77" spans="3:57" x14ac:dyDescent="0.2">
      <c r="C77" s="5" t="s">
        <v>74</v>
      </c>
      <c r="D77" s="6" t="s">
        <v>58</v>
      </c>
      <c r="E77" s="8">
        <v>1.5635617931598311</v>
      </c>
      <c r="F77" s="8">
        <v>1.5215690142346858</v>
      </c>
      <c r="G77" s="8">
        <v>1.5218193926918271</v>
      </c>
      <c r="H77" s="8">
        <v>1.5188442238404687</v>
      </c>
      <c r="I77" s="8">
        <v>1.5380907516805866</v>
      </c>
      <c r="J77" s="8">
        <v>1.5259957621709939</v>
      </c>
      <c r="K77" s="8">
        <v>1.55</v>
      </c>
      <c r="L77" s="8">
        <v>1.5302945041354257</v>
      </c>
      <c r="M77" s="8">
        <v>1.720467095624735</v>
      </c>
      <c r="N77" s="8">
        <v>1.5223579088542074</v>
      </c>
      <c r="O77" s="8">
        <v>1.5247113295690813</v>
      </c>
      <c r="P77" s="8">
        <v>1.5</v>
      </c>
      <c r="Q77" s="8">
        <v>1.7091804525377117</v>
      </c>
      <c r="R77" s="8">
        <v>1.71</v>
      </c>
      <c r="S77" s="8">
        <v>1.7035683012259195</v>
      </c>
      <c r="T77" s="8">
        <v>1.7038227386000964</v>
      </c>
      <c r="U77" s="8">
        <v>1.755228450690437</v>
      </c>
      <c r="V77" s="8">
        <v>1.74</v>
      </c>
      <c r="W77" s="8">
        <v>1.7348915466618771</v>
      </c>
      <c r="X77" s="8">
        <v>1.4863574495319873</v>
      </c>
      <c r="Y77" s="8">
        <v>1.7178686529431124</v>
      </c>
      <c r="Z77" s="8">
        <v>1.5238375028196398</v>
      </c>
      <c r="AA77" s="8">
        <v>1.5200074423870147</v>
      </c>
      <c r="AB77" s="8">
        <v>1.5163940436720562</v>
      </c>
      <c r="AC77" s="8">
        <v>1.4850036499635002</v>
      </c>
      <c r="AD77" s="8">
        <v>1.505364365548981</v>
      </c>
      <c r="AE77" s="8">
        <v>1.5356165889930353</v>
      </c>
      <c r="AF77" s="8">
        <v>1.5159618781538335</v>
      </c>
      <c r="AG77" s="8">
        <v>1.5276644116389608</v>
      </c>
      <c r="AH77" s="8">
        <v>1.52</v>
      </c>
      <c r="AI77" s="8">
        <v>1.5700393123334966</v>
      </c>
      <c r="AJ77" s="8">
        <v>1.5602225987175835</v>
      </c>
      <c r="AK77" s="8">
        <v>1.5243078424824683</v>
      </c>
      <c r="AL77" s="8">
        <v>1.5390432090654418</v>
      </c>
      <c r="AM77" s="8">
        <v>1.5510164564051958</v>
      </c>
      <c r="AN77" s="8">
        <v>1.55713203180601</v>
      </c>
      <c r="AO77" s="8">
        <v>1.559024803923118</v>
      </c>
      <c r="AP77" s="8">
        <v>1.5761021449590007</v>
      </c>
      <c r="AQ77" s="8">
        <v>1.5756680277770556</v>
      </c>
      <c r="AR77" s="8">
        <v>1.5788279602928246</v>
      </c>
      <c r="AS77" s="8">
        <v>1.6041625918142286</v>
      </c>
      <c r="AT77" s="8">
        <v>1.5821625875501695</v>
      </c>
      <c r="AU77" s="8">
        <v>1.591938860744389</v>
      </c>
      <c r="AV77" s="8">
        <v>1.5109595556062856</v>
      </c>
      <c r="AW77" s="8">
        <v>1.5640861332718963</v>
      </c>
      <c r="AX77" s="8">
        <v>1.580535056851146</v>
      </c>
      <c r="AY77" s="8">
        <v>1.5865051931501828</v>
      </c>
      <c r="AZ77" s="8">
        <v>1.5993945520496036</v>
      </c>
      <c r="BA77" s="8">
        <v>1.6080239071113713</v>
      </c>
      <c r="BB77" s="8">
        <v>1.6027305983105651</v>
      </c>
      <c r="BC77" s="8">
        <v>1.64</v>
      </c>
      <c r="BD77" s="8">
        <v>1.62</v>
      </c>
      <c r="BE77" s="17"/>
    </row>
    <row r="78" spans="3:57" x14ac:dyDescent="0.2">
      <c r="C78" s="16" t="s">
        <v>78</v>
      </c>
      <c r="D78" s="6" t="s">
        <v>58</v>
      </c>
      <c r="E78" s="8">
        <v>0.47397317477123102</v>
      </c>
      <c r="F78" s="8">
        <v>0.46918573795515994</v>
      </c>
      <c r="G78" s="8">
        <v>0.4644133042192935</v>
      </c>
      <c r="H78" s="8">
        <v>0.47218860522273803</v>
      </c>
      <c r="I78" s="8">
        <v>0.45574848436769982</v>
      </c>
      <c r="J78" s="8">
        <v>0.43664602998499741</v>
      </c>
      <c r="K78" s="8">
        <v>0.43</v>
      </c>
      <c r="L78" s="8">
        <v>0.43870516972164331</v>
      </c>
      <c r="M78" s="8">
        <v>0.48698429902839446</v>
      </c>
      <c r="N78" s="8">
        <v>0.47993762155029546</v>
      </c>
      <c r="O78" s="8">
        <v>0.47912408471888246</v>
      </c>
      <c r="P78" s="8">
        <v>0.5</v>
      </c>
      <c r="Q78" s="8">
        <v>0.50855528984909704</v>
      </c>
      <c r="R78" s="8">
        <v>0.55000000000000004</v>
      </c>
      <c r="S78" s="8">
        <v>0.56305234816678673</v>
      </c>
      <c r="T78" s="8">
        <v>0.58362182463318457</v>
      </c>
      <c r="U78" s="8">
        <v>0.60242481304769913</v>
      </c>
      <c r="V78" s="8">
        <v>0.61</v>
      </c>
      <c r="W78" s="8">
        <v>0.60949660666014838</v>
      </c>
      <c r="X78" s="8">
        <v>0.62869073923298158</v>
      </c>
      <c r="Y78" s="8">
        <v>0.65171419145004872</v>
      </c>
      <c r="Z78" s="8">
        <v>0.67014153027499568</v>
      </c>
      <c r="AA78" s="8">
        <v>0.67561558005303612</v>
      </c>
      <c r="AB78" s="8">
        <v>0.68543191333545905</v>
      </c>
      <c r="AC78" s="8">
        <v>0.69926668648481316</v>
      </c>
      <c r="AD78" s="8">
        <v>0.71767362950512459</v>
      </c>
      <c r="AE78" s="8">
        <v>0.72848130048066639</v>
      </c>
      <c r="AF78" s="8">
        <v>0.70622507163608672</v>
      </c>
      <c r="AG78" s="8">
        <v>0.68511069477481779</v>
      </c>
      <c r="AH78" s="8">
        <v>0.65</v>
      </c>
      <c r="AI78" s="8">
        <v>0.64075820872861666</v>
      </c>
      <c r="AJ78" s="8">
        <v>0.61545687002243143</v>
      </c>
      <c r="AK78" s="8">
        <v>0.59640721088493664</v>
      </c>
      <c r="AL78" s="8">
        <v>0.54738017506823555</v>
      </c>
      <c r="AM78" s="8">
        <v>0.52571719394546301</v>
      </c>
      <c r="AN78" s="8">
        <v>0.43469905129725134</v>
      </c>
      <c r="AO78" s="8">
        <v>0.42281026652420622</v>
      </c>
      <c r="AP78" s="8">
        <v>0.47302089616525206</v>
      </c>
      <c r="AQ78" s="8">
        <v>0.45119688191435231</v>
      </c>
      <c r="AR78" s="8">
        <v>0.43703836531454637</v>
      </c>
      <c r="AS78" s="8">
        <v>0.42983154056885964</v>
      </c>
      <c r="AT78" s="8">
        <v>0.43094589180122511</v>
      </c>
      <c r="AU78" s="8">
        <v>0.44726221830949986</v>
      </c>
      <c r="AV78" s="8">
        <v>0.36414567934489978</v>
      </c>
      <c r="AW78" s="8">
        <v>0.39896930272121695</v>
      </c>
      <c r="AX78" s="8">
        <v>0.37627113215395058</v>
      </c>
      <c r="AY78" s="8">
        <v>0.39672663011764975</v>
      </c>
      <c r="AZ78" s="8">
        <v>0.37866072410091323</v>
      </c>
      <c r="BA78" s="8">
        <v>0.37408641699203299</v>
      </c>
      <c r="BB78" s="8">
        <v>0.40670928107488469</v>
      </c>
      <c r="BC78" s="8">
        <v>0.39</v>
      </c>
      <c r="BD78" s="8">
        <v>0.39</v>
      </c>
      <c r="BE78" s="17"/>
    </row>
    <row r="79" spans="3:57" x14ac:dyDescent="0.2">
      <c r="C79" s="16" t="s">
        <v>79</v>
      </c>
      <c r="D79" s="6" t="s">
        <v>58</v>
      </c>
      <c r="E79" s="8">
        <v>0.85249106008215869</v>
      </c>
      <c r="F79" s="8">
        <v>0.76976214664922071</v>
      </c>
      <c r="G79" s="8">
        <v>0.6407215288325373</v>
      </c>
      <c r="H79" s="8">
        <v>0.43005241536269684</v>
      </c>
      <c r="I79" s="8">
        <v>0.71140429850344034</v>
      </c>
      <c r="J79" s="8">
        <v>0.63728862371421235</v>
      </c>
      <c r="K79" s="8">
        <v>0.65</v>
      </c>
      <c r="L79" s="8">
        <v>0.67162266093868161</v>
      </c>
      <c r="M79" s="8">
        <v>0.67765382640676464</v>
      </c>
      <c r="N79" s="8">
        <v>0.6193550588869664</v>
      </c>
      <c r="O79" s="8">
        <v>0.58820887793729026</v>
      </c>
      <c r="P79" s="8">
        <v>0.55000000000000004</v>
      </c>
      <c r="Q79" s="8">
        <v>0.58339043422272896</v>
      </c>
      <c r="R79" s="8">
        <v>0.55000000000000004</v>
      </c>
      <c r="S79" s="8">
        <v>0.5882125659899432</v>
      </c>
      <c r="T79" s="8">
        <v>0.61739430347632018</v>
      </c>
      <c r="U79" s="8">
        <v>0.62222251093499636</v>
      </c>
      <c r="V79" s="8">
        <v>0.6</v>
      </c>
      <c r="W79" s="8">
        <v>0.60830092091111998</v>
      </c>
      <c r="X79" s="8">
        <v>0.62138038990049416</v>
      </c>
      <c r="Y79" s="8">
        <v>0.63473607711886226</v>
      </c>
      <c r="Z79" s="8">
        <v>0.64433972590330757</v>
      </c>
      <c r="AA79" s="8">
        <v>0.77149362042825753</v>
      </c>
      <c r="AB79" s="8">
        <v>0.76994883722530549</v>
      </c>
      <c r="AC79" s="8">
        <v>0.73957125403427992</v>
      </c>
      <c r="AD79" s="8">
        <v>0.76841776225062064</v>
      </c>
      <c r="AE79" s="8">
        <v>0.74288393471351655</v>
      </c>
      <c r="AF79" s="8">
        <v>0.70163214031534649</v>
      </c>
      <c r="AG79" s="8">
        <v>0.69688652551018049</v>
      </c>
      <c r="AH79" s="8">
        <v>0.71</v>
      </c>
      <c r="AI79" s="8">
        <v>0.72121702885869754</v>
      </c>
      <c r="AJ79" s="8">
        <v>0.6211981797942483</v>
      </c>
      <c r="AK79" s="8">
        <v>0.62308694842673618</v>
      </c>
      <c r="AL79" s="8">
        <v>0.57732163742690046</v>
      </c>
      <c r="AM79" s="8">
        <v>0.56759068489729669</v>
      </c>
      <c r="AN79" s="8">
        <v>0.61170624093429793</v>
      </c>
      <c r="AO79" s="8">
        <v>0.60650824141176019</v>
      </c>
      <c r="AP79" s="8">
        <v>0.59732095479083802</v>
      </c>
      <c r="AQ79" s="8">
        <v>0.62748579313028752</v>
      </c>
      <c r="AR79" s="8">
        <v>0.60675332775148239</v>
      </c>
      <c r="AS79" s="8">
        <v>0.52834832488895833</v>
      </c>
      <c r="AT79" s="8">
        <v>0.50451677738838352</v>
      </c>
      <c r="AU79" s="8">
        <v>0.47595823773955948</v>
      </c>
      <c r="AV79" s="8">
        <v>0.47239501229839814</v>
      </c>
      <c r="AW79" s="8">
        <v>0.52929335219009543</v>
      </c>
      <c r="AX79" s="8">
        <v>0.57412335231678302</v>
      </c>
      <c r="AY79" s="8">
        <v>0.60581637220569262</v>
      </c>
      <c r="AZ79" s="8">
        <v>0.55966776436699694</v>
      </c>
      <c r="BA79" s="8">
        <v>0.63690939962366222</v>
      </c>
      <c r="BB79" s="8">
        <v>0.65113108978672163</v>
      </c>
      <c r="BC79" s="8">
        <v>0.72</v>
      </c>
      <c r="BD79" s="8">
        <v>0.75</v>
      </c>
      <c r="BE79" s="17"/>
    </row>
    <row r="80" spans="3:57" x14ac:dyDescent="0.2">
      <c r="C80" s="16" t="s">
        <v>128</v>
      </c>
      <c r="D80" s="6" t="s">
        <v>58</v>
      </c>
      <c r="E80" s="8">
        <v>0.99212198931725004</v>
      </c>
      <c r="F80" s="8">
        <v>1.2783382669804455</v>
      </c>
      <c r="G80" s="8">
        <v>1.3635871544881821</v>
      </c>
      <c r="H80" s="8">
        <v>1.2600151499536225</v>
      </c>
      <c r="I80" s="8">
        <v>0.81429886986037181</v>
      </c>
      <c r="J80" s="8">
        <v>0.69905327282796459</v>
      </c>
      <c r="K80" s="8">
        <v>0.78</v>
      </c>
      <c r="L80" s="8">
        <v>0.69920513168416587</v>
      </c>
      <c r="M80" s="8">
        <v>0.68632501407159441</v>
      </c>
      <c r="N80" s="8">
        <v>0.74576174922340899</v>
      </c>
      <c r="O80" s="8">
        <v>0.71137622985130111</v>
      </c>
      <c r="P80" s="8">
        <v>0.65</v>
      </c>
      <c r="Q80" s="8">
        <v>0.64844979932944657</v>
      </c>
      <c r="R80" s="8">
        <v>0.64</v>
      </c>
      <c r="S80" s="8">
        <v>0.58373563337951739</v>
      </c>
      <c r="T80" s="8">
        <v>0.53105019103589024</v>
      </c>
      <c r="U80" s="8">
        <v>0.55130218572251188</v>
      </c>
      <c r="V80" s="8">
        <v>1.07</v>
      </c>
      <c r="W80" s="8">
        <v>1.1403733749639913</v>
      </c>
      <c r="X80" s="8">
        <v>0.7816022413194621</v>
      </c>
      <c r="Y80" s="8">
        <v>0.75959222323545506</v>
      </c>
      <c r="Z80" s="8">
        <v>0.75527659918301393</v>
      </c>
      <c r="AA80" s="8">
        <v>0.71708010478871409</v>
      </c>
      <c r="AB80" s="8">
        <v>0.6823026802743235</v>
      </c>
      <c r="AC80" s="8">
        <v>0.50988728143067574</v>
      </c>
      <c r="AD80" s="8">
        <v>0.4684258457702829</v>
      </c>
      <c r="AE80" s="8">
        <v>0.44903882729714439</v>
      </c>
      <c r="AF80" s="8">
        <v>0.49713270091589035</v>
      </c>
      <c r="AG80" s="8">
        <v>0.50367753118205449</v>
      </c>
      <c r="AH80" s="8">
        <v>0.48</v>
      </c>
      <c r="AI80" s="8">
        <v>0.44424292134357335</v>
      </c>
      <c r="AJ80" s="8">
        <v>0.3776442833698031</v>
      </c>
      <c r="AK80" s="8">
        <v>0.38137127930209547</v>
      </c>
      <c r="AL80" s="8">
        <v>0.45041062864104742</v>
      </c>
      <c r="AM80" s="8">
        <v>0.53712307318016506</v>
      </c>
      <c r="AN80" s="8">
        <v>0.85312184226636978</v>
      </c>
      <c r="AO80" s="8">
        <v>0.74650821152697022</v>
      </c>
      <c r="AP80" s="8">
        <v>0.70554079798978031</v>
      </c>
      <c r="AQ80" s="8">
        <v>0.66499309437398435</v>
      </c>
      <c r="AR80" s="8">
        <v>0.53067772202766217</v>
      </c>
      <c r="AS80" s="8">
        <v>0.64267680235409519</v>
      </c>
      <c r="AT80" s="8">
        <v>0.81073675662507116</v>
      </c>
      <c r="AU80" s="8">
        <v>0.87710261419132429</v>
      </c>
      <c r="AV80" s="8">
        <v>0.92918813803045064</v>
      </c>
      <c r="AW80" s="8">
        <v>1.0620210455561629</v>
      </c>
      <c r="AX80" s="8">
        <v>1.1712842283880722</v>
      </c>
      <c r="AY80" s="8">
        <v>1.82</v>
      </c>
      <c r="AZ80" s="8">
        <v>1.7380904601009126</v>
      </c>
      <c r="BA80" s="8">
        <v>2.0247434699537754</v>
      </c>
      <c r="BB80" s="8">
        <v>2.0015822992732279</v>
      </c>
      <c r="BC80" s="8">
        <v>1.6</v>
      </c>
      <c r="BD80" s="8">
        <v>1.07</v>
      </c>
      <c r="BE80" s="17"/>
    </row>
    <row r="81" spans="3:57" x14ac:dyDescent="0.2">
      <c r="C81" s="16" t="s">
        <v>81</v>
      </c>
      <c r="D81" s="6" t="s">
        <v>58</v>
      </c>
      <c r="E81" s="8">
        <v>0.32119264645815804</v>
      </c>
      <c r="F81" s="8">
        <v>0.33444662027058852</v>
      </c>
      <c r="G81" s="8">
        <v>0.32877007833821736</v>
      </c>
      <c r="H81" s="8">
        <v>0.33596368835586887</v>
      </c>
      <c r="I81" s="8">
        <v>0.33524114348354273</v>
      </c>
      <c r="J81" s="8">
        <v>0.31516638415558923</v>
      </c>
      <c r="K81" s="8">
        <v>0.32</v>
      </c>
      <c r="L81" s="8">
        <v>0.31693091611022639</v>
      </c>
      <c r="M81" s="8">
        <v>0.30638508956156379</v>
      </c>
      <c r="N81" s="8">
        <v>0.33033618079706473</v>
      </c>
      <c r="O81" s="8">
        <v>0.32734030418636123</v>
      </c>
      <c r="P81" s="8">
        <v>0.33</v>
      </c>
      <c r="Q81" s="8">
        <v>0.32836056853584406</v>
      </c>
      <c r="R81" s="8">
        <v>0.35</v>
      </c>
      <c r="S81" s="8">
        <v>0.35329523013133124</v>
      </c>
      <c r="T81" s="8">
        <v>0.35325516831997189</v>
      </c>
      <c r="U81" s="8">
        <v>0.43621941639203315</v>
      </c>
      <c r="V81" s="8">
        <v>0.45</v>
      </c>
      <c r="W81" s="8">
        <v>0.43853600309493412</v>
      </c>
      <c r="X81" s="8">
        <v>0.4373413039092538</v>
      </c>
      <c r="Y81" s="8">
        <v>0.43994657260054892</v>
      </c>
      <c r="Z81" s="8">
        <v>0.45653392229008871</v>
      </c>
      <c r="AA81" s="8">
        <v>0.43224146698086147</v>
      </c>
      <c r="AB81" s="8">
        <v>0.39679338188129648</v>
      </c>
      <c r="AC81" s="8">
        <v>0.38932624491274426</v>
      </c>
      <c r="AD81" s="8">
        <v>0.3785365337962654</v>
      </c>
      <c r="AE81" s="8">
        <v>0.36089662267796802</v>
      </c>
      <c r="AF81" s="8">
        <v>0.34969620758228859</v>
      </c>
      <c r="AG81" s="8">
        <v>0.34175257070233772</v>
      </c>
      <c r="AH81" s="8">
        <v>0.35</v>
      </c>
      <c r="AI81" s="8">
        <v>0.34729845160489781</v>
      </c>
      <c r="AJ81" s="8">
        <v>0.33822762569516773</v>
      </c>
      <c r="AK81" s="8">
        <v>0.33566529317757099</v>
      </c>
      <c r="AL81" s="8">
        <v>0.31088618309390909</v>
      </c>
      <c r="AM81" s="8">
        <v>0.31449418785301719</v>
      </c>
      <c r="AN81" s="8">
        <v>0.29903249046464525</v>
      </c>
      <c r="AO81" s="8">
        <v>0.33087270323029844</v>
      </c>
      <c r="AP81" s="8">
        <v>0.33170990909789988</v>
      </c>
      <c r="AQ81" s="8">
        <v>0.33006741761694414</v>
      </c>
      <c r="AR81" s="8">
        <v>0.32079373138340905</v>
      </c>
      <c r="AS81" s="8">
        <v>0.30414094566044714</v>
      </c>
      <c r="AT81" s="8">
        <v>0.3226471305906799</v>
      </c>
      <c r="AU81" s="8">
        <v>0.32501052697417337</v>
      </c>
      <c r="AV81" s="8">
        <v>0.30041834087028202</v>
      </c>
      <c r="AW81" s="8">
        <v>0.35230360359913249</v>
      </c>
      <c r="AX81" s="8">
        <v>0.29823792726182141</v>
      </c>
      <c r="AY81" s="8">
        <v>0.30360634405091119</v>
      </c>
      <c r="AZ81" s="8">
        <v>0.30801784286407646</v>
      </c>
      <c r="BA81" s="8">
        <v>0.30141348108850502</v>
      </c>
      <c r="BB81" s="8">
        <v>0.30434214851869412</v>
      </c>
      <c r="BC81" s="8">
        <v>0.33</v>
      </c>
      <c r="BD81" s="8">
        <v>0.32</v>
      </c>
      <c r="BE81" s="17"/>
    </row>
    <row r="82" spans="3:57" x14ac:dyDescent="0.2">
      <c r="C82" s="16" t="s">
        <v>82</v>
      </c>
      <c r="D82" s="6" t="s">
        <v>58</v>
      </c>
      <c r="E82" s="8">
        <v>2.1082244219090769</v>
      </c>
      <c r="F82" s="8">
        <v>2.3498037175845035</v>
      </c>
      <c r="G82" s="8">
        <v>2.6720625782634855</v>
      </c>
      <c r="H82" s="8">
        <v>2.5796591934476298</v>
      </c>
      <c r="I82" s="8">
        <v>2.5375529084839963</v>
      </c>
      <c r="J82" s="8">
        <v>2.6108484515506918</v>
      </c>
      <c r="K82" s="8">
        <v>2.84</v>
      </c>
      <c r="L82" s="8">
        <v>2.7853337396327409</v>
      </c>
      <c r="M82" s="8">
        <v>2.2968099989367596</v>
      </c>
      <c r="N82" s="8">
        <v>2.569934525644979</v>
      </c>
      <c r="O82" s="8">
        <v>2.6602238465631256</v>
      </c>
      <c r="P82" s="8">
        <v>2.23</v>
      </c>
      <c r="Q82" s="8">
        <v>2.1948960036105651</v>
      </c>
      <c r="R82" s="8">
        <v>2.04</v>
      </c>
      <c r="S82" s="8">
        <v>2.0959899786448792</v>
      </c>
      <c r="T82" s="8">
        <v>2.1507037498008175</v>
      </c>
      <c r="U82" s="8">
        <v>2.2077526702497994</v>
      </c>
      <c r="V82" s="8">
        <v>2.38</v>
      </c>
      <c r="W82" s="8">
        <v>2.5693200091890649</v>
      </c>
      <c r="X82" s="8">
        <v>2.5557836409827903</v>
      </c>
      <c r="Y82" s="8">
        <v>2.2220546912946966</v>
      </c>
      <c r="Z82" s="8">
        <v>2.5894134465641425</v>
      </c>
      <c r="AA82" s="8">
        <v>2.3616263423608439</v>
      </c>
      <c r="AB82" s="8">
        <v>1.7584646268104525</v>
      </c>
      <c r="AC82" s="8">
        <v>1.6553768144619865</v>
      </c>
      <c r="AD82" s="8">
        <v>1.6190637746895071</v>
      </c>
      <c r="AE82" s="8">
        <v>1.8053448145561832</v>
      </c>
      <c r="AF82" s="8">
        <v>1.8549496894799575</v>
      </c>
      <c r="AG82" s="8">
        <v>1.5663420951230849</v>
      </c>
      <c r="AH82" s="8">
        <v>1.39</v>
      </c>
      <c r="AI82" s="8">
        <v>1.440219191157653</v>
      </c>
      <c r="AJ82" s="8">
        <v>1.4911903906112862</v>
      </c>
      <c r="AK82" s="8">
        <v>1.4019979577306452</v>
      </c>
      <c r="AL82" s="8">
        <v>1.6941795090036909</v>
      </c>
      <c r="AM82" s="8">
        <v>1.5115090170725969</v>
      </c>
      <c r="AN82" s="8">
        <v>2.3229601551431691</v>
      </c>
      <c r="AO82" s="8">
        <v>2.2251870547719017</v>
      </c>
      <c r="AP82" s="8">
        <v>2.17</v>
      </c>
      <c r="AQ82" s="8">
        <v>1.4448413760529011</v>
      </c>
      <c r="AR82" s="8">
        <v>1.5697056060131536</v>
      </c>
      <c r="AS82" s="8">
        <v>1.638933315699759</v>
      </c>
      <c r="AT82" s="8">
        <v>1.7446598023848905</v>
      </c>
      <c r="AU82" s="8">
        <v>2.2245056507236454</v>
      </c>
      <c r="AV82" s="8">
        <v>2.2883540639245061</v>
      </c>
      <c r="AW82" s="8">
        <v>2.1727335818871234</v>
      </c>
      <c r="AX82" s="8">
        <v>2.208612824257989</v>
      </c>
      <c r="AY82" s="8">
        <v>2.1948351085983071</v>
      </c>
      <c r="AZ82" s="8">
        <v>2.6195156547065821</v>
      </c>
      <c r="BA82" s="8">
        <v>2.7383124021269643</v>
      </c>
      <c r="BB82" s="8">
        <v>2.4249580183517732</v>
      </c>
      <c r="BC82" s="8">
        <v>2.35</v>
      </c>
      <c r="BD82" s="8">
        <v>2.0099999999999998</v>
      </c>
      <c r="BE82" s="17"/>
    </row>
    <row r="83" spans="3:57" x14ac:dyDescent="0.2">
      <c r="C83" s="16" t="s">
        <v>84</v>
      </c>
      <c r="D83" s="6" t="s">
        <v>85</v>
      </c>
      <c r="E83" s="8">
        <v>0.56436360712961242</v>
      </c>
      <c r="F83" s="8">
        <v>0.55165169341499976</v>
      </c>
      <c r="G83" s="8">
        <v>0.4873280591232439</v>
      </c>
      <c r="H83" s="8">
        <v>0.46285187993819016</v>
      </c>
      <c r="I83" s="8">
        <v>0.46160344348568372</v>
      </c>
      <c r="J83" s="8">
        <v>0.44160387243481847</v>
      </c>
      <c r="K83" s="8">
        <v>0.44</v>
      </c>
      <c r="L83" s="8">
        <v>0.42409247138961748</v>
      </c>
      <c r="M83" s="8">
        <v>0.42154519399749935</v>
      </c>
      <c r="N83" s="8">
        <v>0.44198912278999825</v>
      </c>
      <c r="O83" s="8">
        <v>0.41472136193606035</v>
      </c>
      <c r="P83" s="8">
        <v>0.43</v>
      </c>
      <c r="Q83" s="8">
        <v>0.42234137269640498</v>
      </c>
      <c r="R83" s="8">
        <v>0.41</v>
      </c>
      <c r="S83" s="8">
        <v>0.42401133999541146</v>
      </c>
      <c r="T83" s="8">
        <v>0.38872259421998234</v>
      </c>
      <c r="U83" s="8">
        <v>0.35467864158080292</v>
      </c>
      <c r="V83" s="8">
        <v>0.45</v>
      </c>
      <c r="W83" s="8">
        <v>0.47610431217818028</v>
      </c>
      <c r="X83" s="8">
        <v>0.45697747927107146</v>
      </c>
      <c r="Y83" s="8">
        <v>0.50373693729903546</v>
      </c>
      <c r="Z83" s="8">
        <v>0.49589289799026376</v>
      </c>
      <c r="AA83" s="8">
        <v>0.51423135500376793</v>
      </c>
      <c r="AB83" s="8">
        <v>0.47398673015963882</v>
      </c>
      <c r="AC83" s="8">
        <v>0.44864626852657835</v>
      </c>
      <c r="AD83" s="8">
        <v>0.44138595624163146</v>
      </c>
      <c r="AE83" s="8">
        <v>0.41345225237780031</v>
      </c>
      <c r="AF83" s="8">
        <v>0.42330024336568206</v>
      </c>
      <c r="AG83" s="8">
        <v>0.4163047672660744</v>
      </c>
      <c r="AH83" s="8">
        <v>0.39</v>
      </c>
      <c r="AI83" s="8">
        <v>0.40328836577043092</v>
      </c>
      <c r="AJ83" s="8">
        <v>0.38997427704324256</v>
      </c>
      <c r="AK83" s="8">
        <v>0.39772892030265955</v>
      </c>
      <c r="AL83" s="8">
        <v>0.38189009624340264</v>
      </c>
      <c r="AM83" s="8">
        <v>0.44695068025369189</v>
      </c>
      <c r="AN83" s="8">
        <v>0.47633018344843725</v>
      </c>
      <c r="AO83" s="8">
        <v>0.42021652487299777</v>
      </c>
      <c r="AP83" s="8">
        <v>0.43700399999220652</v>
      </c>
      <c r="AQ83" s="8">
        <v>0.42113341339088517</v>
      </c>
      <c r="AR83" s="8">
        <v>0.43709398079664824</v>
      </c>
      <c r="AS83" s="8">
        <v>0.51789278857357335</v>
      </c>
      <c r="AT83" s="8">
        <v>0.50387272306964348</v>
      </c>
      <c r="AU83" s="8">
        <v>0.50605558922709581</v>
      </c>
      <c r="AV83" s="8">
        <v>0.48089023313690804</v>
      </c>
      <c r="AW83" s="8">
        <v>0.50034996134408061</v>
      </c>
      <c r="AX83" s="8">
        <v>0.47333822628867833</v>
      </c>
      <c r="AY83" s="8">
        <v>0.48537710756597036</v>
      </c>
      <c r="AZ83" s="8">
        <v>0.41601340488806304</v>
      </c>
      <c r="BA83" s="8">
        <v>0.53720412527993511</v>
      </c>
      <c r="BB83" s="8">
        <v>0.49082870356001118</v>
      </c>
      <c r="BC83" s="8">
        <v>0.5</v>
      </c>
      <c r="BD83" s="8">
        <v>0.4</v>
      </c>
      <c r="BE83" s="17"/>
    </row>
    <row r="84" spans="3:57" x14ac:dyDescent="0.2">
      <c r="C84" s="16" t="s">
        <v>86</v>
      </c>
      <c r="D84" s="6" t="s">
        <v>58</v>
      </c>
      <c r="E84" s="8">
        <v>1.6740279837598475</v>
      </c>
      <c r="F84" s="8">
        <v>1.5502825324773426</v>
      </c>
      <c r="G84" s="8">
        <v>1.5165561375317029</v>
      </c>
      <c r="H84" s="8">
        <v>1.4593129871865302</v>
      </c>
      <c r="I84" s="8">
        <v>1.2890908263713601</v>
      </c>
      <c r="J84" s="8">
        <v>1.2478729466733787</v>
      </c>
      <c r="K84" s="8">
        <v>1.26</v>
      </c>
      <c r="L84" s="8">
        <v>1.189688945637019</v>
      </c>
      <c r="M84" s="8">
        <v>1.2755350341805312</v>
      </c>
      <c r="N84" s="8">
        <v>1.6327357921808343</v>
      </c>
      <c r="O84" s="8">
        <v>1.7582910362910542</v>
      </c>
      <c r="P84" s="8">
        <v>1.54</v>
      </c>
      <c r="Q84" s="8">
        <v>1.5796676139609276</v>
      </c>
      <c r="R84" s="8">
        <v>1.67</v>
      </c>
      <c r="S84" s="8">
        <v>1.426619621316173</v>
      </c>
      <c r="T84" s="8">
        <v>1.4261243833992783</v>
      </c>
      <c r="U84" s="8">
        <v>1.2796634371748394</v>
      </c>
      <c r="V84" s="8">
        <v>1.26</v>
      </c>
      <c r="W84" s="8">
        <v>1.2408566549694493</v>
      </c>
      <c r="X84" s="8">
        <v>0.97090157142897815</v>
      </c>
      <c r="Y84" s="8">
        <v>0.87643828861922901</v>
      </c>
      <c r="Z84" s="8">
        <v>0.80865344696786268</v>
      </c>
      <c r="AA84" s="8">
        <v>0.73087438318363429</v>
      </c>
      <c r="AB84" s="8">
        <v>0.74860020820453266</v>
      </c>
      <c r="AC84" s="8">
        <v>0.79495765964339038</v>
      </c>
      <c r="AD84" s="8">
        <v>0.74283474862500287</v>
      </c>
      <c r="AE84" s="8">
        <v>0.89598260225972426</v>
      </c>
      <c r="AF84" s="8">
        <v>0.80863453383671902</v>
      </c>
      <c r="AG84" s="8">
        <v>0.86043363520784955</v>
      </c>
      <c r="AH84" s="8">
        <v>0.77</v>
      </c>
      <c r="AI84" s="8">
        <v>0.69805644221882346</v>
      </c>
      <c r="AJ84" s="8">
        <v>0.68209358164408906</v>
      </c>
      <c r="AK84" s="8">
        <v>0.69890004977447995</v>
      </c>
      <c r="AL84" s="8">
        <v>0.73556218055032674</v>
      </c>
      <c r="AM84" s="8">
        <v>0.73352275278339008</v>
      </c>
      <c r="AN84" s="8">
        <v>0.83561331277252249</v>
      </c>
      <c r="AO84" s="8">
        <v>0.900247167980462</v>
      </c>
      <c r="AP84" s="8">
        <v>0.79570065251000366</v>
      </c>
      <c r="AQ84" s="8">
        <v>0.84966734713324443</v>
      </c>
      <c r="AR84" s="8">
        <v>0.90808232076320317</v>
      </c>
      <c r="AS84" s="8">
        <v>0.90542840689229431</v>
      </c>
      <c r="AT84" s="8">
        <v>0.80220350303786481</v>
      </c>
      <c r="AU84" s="8">
        <v>0.73555542490199333</v>
      </c>
      <c r="AV84" s="8">
        <v>0.75491161963961806</v>
      </c>
      <c r="AW84" s="8">
        <v>0.86744354781430455</v>
      </c>
      <c r="AX84" s="8">
        <v>0.87873192846676329</v>
      </c>
      <c r="AY84" s="8">
        <v>0.86073552249819718</v>
      </c>
      <c r="AZ84" s="8">
        <v>0.9439540637142787</v>
      </c>
      <c r="BA84" s="8">
        <v>1.2445379791114368</v>
      </c>
      <c r="BB84" s="8">
        <v>1.3592214247734697</v>
      </c>
      <c r="BC84" s="8">
        <v>1.18</v>
      </c>
      <c r="BD84" s="8">
        <v>1.57</v>
      </c>
      <c r="BE84" s="17"/>
    </row>
    <row r="85" spans="3:57" x14ac:dyDescent="0.2">
      <c r="C85" s="16" t="s">
        <v>104</v>
      </c>
      <c r="D85" s="6" t="s">
        <v>58</v>
      </c>
      <c r="E85" s="8">
        <v>0.87577445799688558</v>
      </c>
      <c r="F85" s="8">
        <v>0.86542379154714622</v>
      </c>
      <c r="G85" s="8">
        <v>0.85721985779454113</v>
      </c>
      <c r="H85" s="8">
        <v>0.85624907600278555</v>
      </c>
      <c r="I85" s="8">
        <v>0.82506450653209951</v>
      </c>
      <c r="J85" s="8">
        <v>0.84337816709201363</v>
      </c>
      <c r="K85" s="8">
        <v>0.85</v>
      </c>
      <c r="L85" s="8">
        <v>0.8315973181813755</v>
      </c>
      <c r="M85" s="8">
        <v>0.82762100208513889</v>
      </c>
      <c r="N85" s="8">
        <v>1.1348575589798631</v>
      </c>
      <c r="O85" s="8">
        <v>1.165504746393333</v>
      </c>
      <c r="P85" s="8">
        <v>1.21</v>
      </c>
      <c r="Q85" s="8">
        <v>1.2314323790103856</v>
      </c>
      <c r="R85" s="8">
        <v>1.19</v>
      </c>
      <c r="S85" s="8">
        <v>1.1206669681346373</v>
      </c>
      <c r="T85" s="8">
        <v>1.2046837416327443</v>
      </c>
      <c r="U85" s="8">
        <v>1.2057243917514189</v>
      </c>
      <c r="V85" s="8">
        <v>1.23</v>
      </c>
      <c r="W85" s="8">
        <v>1.5139918949965607</v>
      </c>
      <c r="X85" s="8">
        <v>1.3502402193876266</v>
      </c>
      <c r="Y85" s="8">
        <v>0.80344898721522839</v>
      </c>
      <c r="Z85" s="8">
        <v>0.79894457374134309</v>
      </c>
      <c r="AA85" s="8">
        <v>0.74105185555495789</v>
      </c>
      <c r="AB85" s="8">
        <v>0.75292722847441573</v>
      </c>
      <c r="AC85" s="8">
        <v>0.73125237925211617</v>
      </c>
      <c r="AD85" s="8">
        <v>0.65726154688791349</v>
      </c>
      <c r="AE85" s="8">
        <v>0.72558065193450649</v>
      </c>
      <c r="AF85" s="8">
        <v>0.76756724727020764</v>
      </c>
      <c r="AG85" s="8">
        <v>0.79858723049347724</v>
      </c>
      <c r="AH85" s="8">
        <v>0.79</v>
      </c>
      <c r="AI85" s="8">
        <v>0.75042397699860242</v>
      </c>
      <c r="AJ85" s="8">
        <v>0.73176216075997447</v>
      </c>
      <c r="AK85" s="8">
        <v>0.67936787148594391</v>
      </c>
      <c r="AL85" s="8">
        <v>0.70997975571851424</v>
      </c>
      <c r="AM85" s="8">
        <v>0.67224509236584873</v>
      </c>
      <c r="AN85" s="8">
        <v>0.68056007985992129</v>
      </c>
      <c r="AO85" s="8">
        <v>0.71149332653661979</v>
      </c>
      <c r="AP85" s="8">
        <v>0.74932456560925675</v>
      </c>
      <c r="AQ85" s="8">
        <v>0.73820184211231266</v>
      </c>
      <c r="AR85" s="8">
        <v>0.70310210091209868</v>
      </c>
      <c r="AS85" s="8">
        <v>0.67557315247015071</v>
      </c>
      <c r="AT85" s="8">
        <v>0.73288290198981576</v>
      </c>
      <c r="AU85" s="8">
        <v>0.71740115552310646</v>
      </c>
      <c r="AV85" s="8">
        <v>0.69573585633745738</v>
      </c>
      <c r="AW85" s="8">
        <v>0.74044035667560093</v>
      </c>
      <c r="AX85" s="8">
        <v>0.84884091912195214</v>
      </c>
      <c r="AY85" s="8">
        <v>0.9103231482314823</v>
      </c>
      <c r="AZ85" s="8">
        <v>1.1021327853103566</v>
      </c>
      <c r="BA85" s="8">
        <v>1.2801036483491988</v>
      </c>
      <c r="BB85" s="8">
        <v>1.3432618634541218</v>
      </c>
      <c r="BC85" s="8">
        <v>1.23</v>
      </c>
      <c r="BD85" s="8">
        <v>1.1599999999999999</v>
      </c>
      <c r="BE85" s="17"/>
    </row>
    <row r="86" spans="3:57" x14ac:dyDescent="0.2">
      <c r="C86" s="16" t="s">
        <v>87</v>
      </c>
      <c r="D86" s="6" t="s">
        <v>58</v>
      </c>
      <c r="E86" s="8">
        <v>0.42073304103371634</v>
      </c>
      <c r="F86" s="8">
        <v>0.42448679961345492</v>
      </c>
      <c r="G86" s="8">
        <v>0.39516071980042539</v>
      </c>
      <c r="H86" s="8">
        <v>0.3926746497989192</v>
      </c>
      <c r="I86" s="8">
        <v>0.40111236878206646</v>
      </c>
      <c r="J86" s="8">
        <v>0.3946224418015668</v>
      </c>
      <c r="K86" s="8">
        <v>0.41</v>
      </c>
      <c r="L86" s="8">
        <v>0.41010098880429069</v>
      </c>
      <c r="M86" s="8">
        <v>0.40386177668760553</v>
      </c>
      <c r="N86" s="8">
        <v>0.40633324856099889</v>
      </c>
      <c r="O86" s="8">
        <v>0.4363153487180666</v>
      </c>
      <c r="P86" s="8">
        <v>0.4</v>
      </c>
      <c r="Q86" s="8">
        <v>0.38082201070503041</v>
      </c>
      <c r="R86" s="8">
        <v>0.35</v>
      </c>
      <c r="S86" s="8">
        <v>0.37143310834078114</v>
      </c>
      <c r="T86" s="8">
        <v>0.37396529441717524</v>
      </c>
      <c r="U86" s="8">
        <v>0.37298532178239585</v>
      </c>
      <c r="V86" s="8">
        <v>0.37</v>
      </c>
      <c r="W86" s="8">
        <v>0.37962625245584808</v>
      </c>
      <c r="X86" s="8">
        <v>0.40648491294902139</v>
      </c>
      <c r="Y86" s="8">
        <v>0.42872936962621999</v>
      </c>
      <c r="Z86" s="8">
        <v>0.4793075791311513</v>
      </c>
      <c r="AA86" s="8">
        <v>0.54161142905628479</v>
      </c>
      <c r="AB86" s="8">
        <v>0.53699620182420416</v>
      </c>
      <c r="AC86" s="8">
        <v>0.55217163483168663</v>
      </c>
      <c r="AD86" s="8">
        <v>0.54391971578794185</v>
      </c>
      <c r="AE86" s="8">
        <v>0.53845567317190013</v>
      </c>
      <c r="AF86" s="8">
        <v>0.54289115129199073</v>
      </c>
      <c r="AG86" s="8">
        <v>0.54211614448874423</v>
      </c>
      <c r="AH86" s="8">
        <v>0.54</v>
      </c>
      <c r="AI86" s="8">
        <v>0.55208021873034618</v>
      </c>
      <c r="AJ86" s="8">
        <v>0.50985056950833363</v>
      </c>
      <c r="AK86" s="8">
        <v>0.51204792602933791</v>
      </c>
      <c r="AL86" s="8">
        <v>0.5257675939563099</v>
      </c>
      <c r="AM86" s="8">
        <v>0.52756642684557831</v>
      </c>
      <c r="AN86" s="8">
        <v>0.52645710829474623</v>
      </c>
      <c r="AO86" s="8">
        <v>0.52035135508017982</v>
      </c>
      <c r="AP86" s="8">
        <v>0.45796219231237928</v>
      </c>
      <c r="AQ86" s="8">
        <v>0.42712720346655003</v>
      </c>
      <c r="AR86" s="8">
        <v>0.42652628829008554</v>
      </c>
      <c r="AS86" s="8">
        <v>0.42977979899124757</v>
      </c>
      <c r="AT86" s="8">
        <v>0.42418680811487181</v>
      </c>
      <c r="AU86" s="8">
        <v>0.42612327978628045</v>
      </c>
      <c r="AV86" s="8">
        <v>0.43071567992565601</v>
      </c>
      <c r="AW86" s="8">
        <v>0.44921267848270707</v>
      </c>
      <c r="AX86" s="8">
        <v>0.45566981683273761</v>
      </c>
      <c r="AY86" s="8">
        <v>0.4443507018130704</v>
      </c>
      <c r="AZ86" s="8">
        <v>0.446347467986005</v>
      </c>
      <c r="BA86" s="8">
        <v>0.42990894321453832</v>
      </c>
      <c r="BB86" s="8">
        <v>0.42759296871591257</v>
      </c>
      <c r="BC86" s="8">
        <v>0.43</v>
      </c>
      <c r="BD86" s="8">
        <v>0.44</v>
      </c>
      <c r="BE86" s="17"/>
    </row>
    <row r="87" spans="3:57" x14ac:dyDescent="0.2">
      <c r="C87" s="16" t="s">
        <v>88</v>
      </c>
      <c r="D87" s="6" t="s">
        <v>58</v>
      </c>
      <c r="E87" s="17">
        <v>0.81991864798583391</v>
      </c>
      <c r="F87" s="17">
        <v>0.78782799728458963</v>
      </c>
      <c r="G87" s="17">
        <v>0.77508232277899591</v>
      </c>
      <c r="H87" s="17">
        <v>0.780734587818399</v>
      </c>
      <c r="I87" s="17">
        <v>0.80599054717696872</v>
      </c>
      <c r="J87" s="17">
        <v>0.79609317180027517</v>
      </c>
      <c r="K87" s="17">
        <v>0.79</v>
      </c>
      <c r="L87" s="17">
        <v>0.80790879289417949</v>
      </c>
      <c r="M87" s="17">
        <v>0.8098655864430645</v>
      </c>
      <c r="N87" s="17">
        <v>0.80386404235146669</v>
      </c>
      <c r="O87" s="17">
        <v>0.80568595281797084</v>
      </c>
      <c r="P87" s="17">
        <v>0.79</v>
      </c>
      <c r="Q87" s="17">
        <v>0.78227031475385589</v>
      </c>
      <c r="R87" s="17">
        <v>0.78</v>
      </c>
      <c r="S87" s="17">
        <v>0.78353247698906636</v>
      </c>
      <c r="T87" s="17">
        <v>0.8146174915634522</v>
      </c>
      <c r="U87" s="17">
        <v>0.83941256021201405</v>
      </c>
      <c r="V87" s="17">
        <v>0.83</v>
      </c>
      <c r="W87" s="17">
        <v>0.85340412453726722</v>
      </c>
      <c r="X87" s="17">
        <v>0.81120777714722792</v>
      </c>
      <c r="Y87" s="17">
        <v>0.80412201274368289</v>
      </c>
      <c r="Z87" s="17">
        <v>1.082864885774935</v>
      </c>
      <c r="AA87" s="17">
        <v>1.0969736075970478</v>
      </c>
      <c r="AB87" s="17">
        <v>0.96985336542224854</v>
      </c>
      <c r="AC87" s="17">
        <v>1.031327022145208</v>
      </c>
      <c r="AD87" s="17">
        <v>0.93495424894735257</v>
      </c>
      <c r="AE87" s="17">
        <v>0.94794545936273544</v>
      </c>
      <c r="AF87" s="17">
        <v>0.91517678498164845</v>
      </c>
      <c r="AG87" s="17">
        <v>0.8962828779302402</v>
      </c>
      <c r="AH87" s="17">
        <v>0.9</v>
      </c>
      <c r="AI87" s="17">
        <v>1.0091984857377763</v>
      </c>
      <c r="AJ87" s="17">
        <v>1.003100281950134</v>
      </c>
      <c r="AK87" s="17">
        <v>1.0720291175363321</v>
      </c>
      <c r="AL87" s="17">
        <v>1.2092179029791965</v>
      </c>
      <c r="AM87" s="17">
        <v>1.2723091434140061</v>
      </c>
      <c r="AN87" s="17">
        <v>1.2864406494168588</v>
      </c>
      <c r="AO87" s="17">
        <v>1.2281877426392889</v>
      </c>
      <c r="AP87" s="17">
        <v>1.1755177636452876</v>
      </c>
      <c r="AQ87" s="17">
        <v>1.1817383446756839</v>
      </c>
      <c r="AR87" s="17">
        <v>1.1379411764705882</v>
      </c>
      <c r="AS87" s="17">
        <v>1.1090965916802995</v>
      </c>
      <c r="AT87" s="17">
        <v>1.126692904157546</v>
      </c>
      <c r="AU87" s="17">
        <v>1.1358269276534982</v>
      </c>
      <c r="AV87" s="17">
        <v>1.0659204846845909</v>
      </c>
      <c r="AW87" s="17">
        <v>1.0029739976874883</v>
      </c>
      <c r="AX87" s="17">
        <v>1.005905370620725</v>
      </c>
      <c r="AY87" s="17">
        <v>0.97684067997205193</v>
      </c>
      <c r="AZ87" s="17">
        <v>0.94248866633516237</v>
      </c>
      <c r="BA87" s="17">
        <v>0.90448480608780224</v>
      </c>
      <c r="BB87" s="17">
        <v>0.89729557007988381</v>
      </c>
      <c r="BC87" s="17">
        <v>0.89</v>
      </c>
      <c r="BD87" s="17">
        <v>0.87</v>
      </c>
      <c r="BE87" s="17"/>
    </row>
    <row r="88" spans="3:57" x14ac:dyDescent="0.2">
      <c r="C88" s="18" t="s">
        <v>91</v>
      </c>
      <c r="D88" s="6" t="s">
        <v>58</v>
      </c>
      <c r="E88" s="17">
        <v>0.92106135367392661</v>
      </c>
      <c r="F88" s="17">
        <v>0.90907195241992322</v>
      </c>
      <c r="G88" s="17">
        <v>0.89547465781047186</v>
      </c>
      <c r="H88" s="17">
        <v>0.88547486099146377</v>
      </c>
      <c r="I88" s="17">
        <v>0.94188254406014482</v>
      </c>
      <c r="J88" s="17">
        <v>0.9178910549479119</v>
      </c>
      <c r="K88" s="17">
        <v>0.84</v>
      </c>
      <c r="L88" s="17">
        <v>0.84775040192870499</v>
      </c>
      <c r="M88" s="17">
        <v>0.8132637128032224</v>
      </c>
      <c r="N88" s="17">
        <v>0.81272781709655428</v>
      </c>
      <c r="O88" s="17">
        <v>0.77228376184000025</v>
      </c>
      <c r="P88" s="17">
        <v>0.84</v>
      </c>
      <c r="Q88" s="17">
        <v>0.81069780416025883</v>
      </c>
      <c r="R88" s="17">
        <v>0.82</v>
      </c>
      <c r="S88" s="17">
        <v>0.82597606484772268</v>
      </c>
      <c r="T88" s="17">
        <v>0.85429206942731739</v>
      </c>
      <c r="U88" s="17">
        <v>0.8557198129998701</v>
      </c>
      <c r="V88" s="17">
        <v>0.86</v>
      </c>
      <c r="W88" s="17">
        <v>1.0109231740142357</v>
      </c>
      <c r="X88" s="17">
        <v>0.99590655802813854</v>
      </c>
      <c r="Y88" s="17">
        <v>0.89495535033020235</v>
      </c>
      <c r="Z88" s="90" t="s">
        <v>90</v>
      </c>
      <c r="AA88" s="17">
        <v>0.8665521236279381</v>
      </c>
      <c r="AB88" s="90" t="s">
        <v>90</v>
      </c>
      <c r="AC88" s="17" t="s">
        <v>90</v>
      </c>
      <c r="AD88" s="17" t="s">
        <v>90</v>
      </c>
      <c r="AE88" s="17" t="s">
        <v>90</v>
      </c>
      <c r="AF88" s="17" t="s">
        <v>90</v>
      </c>
      <c r="AG88" s="17" t="s">
        <v>90</v>
      </c>
      <c r="AH88" s="17" t="s">
        <v>90</v>
      </c>
      <c r="AI88" s="17" t="s">
        <v>90</v>
      </c>
      <c r="AJ88" s="17" t="s">
        <v>90</v>
      </c>
      <c r="AK88" s="17" t="s">
        <v>90</v>
      </c>
      <c r="AL88" s="17" t="s">
        <v>90</v>
      </c>
      <c r="AM88" s="17" t="s">
        <v>90</v>
      </c>
      <c r="AN88" s="17" t="s">
        <v>90</v>
      </c>
      <c r="AO88" s="17">
        <v>1.3980713418273882</v>
      </c>
      <c r="AP88" s="17">
        <v>1.3537187328040248</v>
      </c>
      <c r="AQ88" s="17">
        <v>1.115691016793775</v>
      </c>
      <c r="AR88" s="17">
        <v>0.92317201037470331</v>
      </c>
      <c r="AS88" s="17">
        <v>1.00348771343448</v>
      </c>
      <c r="AT88" s="17">
        <v>1.0312037874892501</v>
      </c>
      <c r="AU88" s="17">
        <v>1.1522144999160124</v>
      </c>
      <c r="AV88" s="17">
        <v>1.1879236914607469</v>
      </c>
      <c r="AW88" s="17">
        <v>1.1235404124416857</v>
      </c>
      <c r="AX88" s="17">
        <v>1.1185604465763999</v>
      </c>
      <c r="AY88" s="17">
        <v>0.96347847963269673</v>
      </c>
      <c r="AZ88" s="17">
        <v>0.94367976296386424</v>
      </c>
      <c r="BA88" s="17">
        <v>0.81797510822970354</v>
      </c>
      <c r="BB88" s="17">
        <v>0.76831957442557752</v>
      </c>
      <c r="BC88" s="17">
        <v>0.73</v>
      </c>
      <c r="BD88" s="17">
        <v>0.79</v>
      </c>
      <c r="BE88" s="17"/>
    </row>
    <row r="89" spans="3:57" x14ac:dyDescent="0.2">
      <c r="C89" s="18" t="s">
        <v>100</v>
      </c>
      <c r="D89" s="6" t="s">
        <v>58</v>
      </c>
      <c r="E89" s="8">
        <v>0.6581984584241013</v>
      </c>
      <c r="F89" s="8">
        <v>0.65518894830942587</v>
      </c>
      <c r="G89" s="8">
        <v>0.67416242087165246</v>
      </c>
      <c r="H89" s="8">
        <v>0.71406343822831964</v>
      </c>
      <c r="I89" s="8">
        <v>0.69780361821054171</v>
      </c>
      <c r="J89" s="8">
        <v>0.74860159437300644</v>
      </c>
      <c r="K89" s="8">
        <v>0.73</v>
      </c>
      <c r="L89" s="8">
        <v>0.67885934804038017</v>
      </c>
      <c r="M89" s="8">
        <v>0.68059595547901452</v>
      </c>
      <c r="N89" s="8">
        <v>0.66993972705025673</v>
      </c>
      <c r="O89" s="8">
        <v>0.77514920734693082</v>
      </c>
      <c r="P89" s="8">
        <v>0.8</v>
      </c>
      <c r="Q89" s="8">
        <v>0.77200769995153484</v>
      </c>
      <c r="R89" s="8">
        <v>0.78</v>
      </c>
      <c r="S89" s="8">
        <v>0.83013094244362939</v>
      </c>
      <c r="T89" s="8">
        <v>0.85230204494365591</v>
      </c>
      <c r="U89" s="8">
        <v>0.84948502986139585</v>
      </c>
      <c r="V89" s="8">
        <v>0.85</v>
      </c>
      <c r="W89" s="8">
        <v>0.87536482016869754</v>
      </c>
      <c r="X89" s="8">
        <v>0.9897492047869807</v>
      </c>
      <c r="Y89" s="8">
        <v>1.134558623686365</v>
      </c>
      <c r="Z89" s="8">
        <v>1.1553352945862501</v>
      </c>
      <c r="AA89" s="8">
        <v>0.98332934723912468</v>
      </c>
      <c r="AB89" s="8">
        <v>0.84815339458907613</v>
      </c>
      <c r="AC89" s="8">
        <v>0.93031453828836752</v>
      </c>
      <c r="AD89" s="8">
        <v>0.98085927193924682</v>
      </c>
      <c r="AE89" s="8">
        <v>0.9841463386024818</v>
      </c>
      <c r="AF89" s="8">
        <v>0.93679200788662464</v>
      </c>
      <c r="AG89" s="8">
        <v>0.85171554473452216</v>
      </c>
      <c r="AH89" s="8">
        <v>0.93</v>
      </c>
      <c r="AI89" s="8">
        <v>0.83641578697155294</v>
      </c>
      <c r="AJ89" s="8">
        <v>0.82203993011006593</v>
      </c>
      <c r="AK89" s="8">
        <v>0.88415033957420053</v>
      </c>
      <c r="AL89" s="8">
        <v>0.84695113917478038</v>
      </c>
      <c r="AM89" s="8">
        <v>0.80285742464427812</v>
      </c>
      <c r="AN89" s="8">
        <v>0.88974178369845525</v>
      </c>
      <c r="AO89" s="8">
        <v>0.87469787480354888</v>
      </c>
      <c r="AP89" s="8">
        <v>0.92368671171256544</v>
      </c>
      <c r="AQ89" s="8">
        <v>0.98587679624898295</v>
      </c>
      <c r="AR89" s="8">
        <v>0.95390241605090598</v>
      </c>
      <c r="AS89" s="8">
        <v>0.91757185458397905</v>
      </c>
      <c r="AT89" s="8">
        <v>0.94065013056044244</v>
      </c>
      <c r="AU89" s="8">
        <v>0.86366384286970066</v>
      </c>
      <c r="AV89" s="8">
        <v>0.8320732934905879</v>
      </c>
      <c r="AW89" s="8">
        <v>0.7872193458182245</v>
      </c>
      <c r="AX89" s="8">
        <v>0.71646837771184846</v>
      </c>
      <c r="AY89" s="8">
        <v>0.69461428460413133</v>
      </c>
      <c r="AZ89" s="8">
        <v>0.6754686482977792</v>
      </c>
      <c r="BA89" s="8">
        <v>0.63923828574226538</v>
      </c>
      <c r="BB89" s="8">
        <v>0.61642028961250372</v>
      </c>
      <c r="BC89" s="8">
        <v>0.62</v>
      </c>
      <c r="BD89" s="8">
        <v>0.63</v>
      </c>
      <c r="BE89" s="17"/>
    </row>
    <row r="90" spans="3:57" x14ac:dyDescent="0.2">
      <c r="C90" s="16" t="s">
        <v>89</v>
      </c>
      <c r="D90" s="6" t="s">
        <v>58</v>
      </c>
      <c r="E90" s="8">
        <v>0.96331418962808257</v>
      </c>
      <c r="F90" s="8">
        <v>0.97281726707869121</v>
      </c>
      <c r="G90" s="8">
        <v>0.95879247974273862</v>
      </c>
      <c r="H90" s="8">
        <v>0.94510037113653456</v>
      </c>
      <c r="I90" s="8">
        <v>0.94443850197416068</v>
      </c>
      <c r="J90" s="8">
        <v>0.91299623257887474</v>
      </c>
      <c r="K90" s="8">
        <v>0.92</v>
      </c>
      <c r="L90" s="8">
        <v>0.89423619624693018</v>
      </c>
      <c r="M90" s="8">
        <v>0.87606754236012851</v>
      </c>
      <c r="N90" s="8">
        <v>0.92232893487893997</v>
      </c>
      <c r="O90" s="8">
        <v>0.91870543320063858</v>
      </c>
      <c r="P90" s="8">
        <v>0.88</v>
      </c>
      <c r="Q90" s="8">
        <v>0.89486521308315325</v>
      </c>
      <c r="R90" s="8">
        <v>0.9</v>
      </c>
      <c r="S90" s="8">
        <v>0.90335530152257559</v>
      </c>
      <c r="T90" s="8">
        <v>0.97643175018203809</v>
      </c>
      <c r="U90" s="8">
        <v>1.0671490387998979</v>
      </c>
      <c r="V90" s="8">
        <v>1</v>
      </c>
      <c r="W90" s="8">
        <v>1.0540986304802822</v>
      </c>
      <c r="X90" s="8">
        <v>1.0747315740970056</v>
      </c>
      <c r="Y90" s="8">
        <v>1.0565962096820694</v>
      </c>
      <c r="Z90" s="8">
        <v>1.1055997065015155</v>
      </c>
      <c r="AA90" s="8">
        <v>1.0800724570019984</v>
      </c>
      <c r="AB90" s="8">
        <v>1.1030057919526404</v>
      </c>
      <c r="AC90" s="8">
        <v>1.0776916787366257</v>
      </c>
      <c r="AD90" s="8">
        <v>1.1183072562604521</v>
      </c>
      <c r="AE90" s="8">
        <v>1.1288287942096931</v>
      </c>
      <c r="AF90" s="8">
        <v>1.1253908511491932</v>
      </c>
      <c r="AG90" s="8">
        <v>1.0849469947381936</v>
      </c>
      <c r="AH90" s="8">
        <v>1.1200000000000001</v>
      </c>
      <c r="AI90" s="8">
        <v>1.0505007900316832</v>
      </c>
      <c r="AJ90" s="8">
        <v>1.0327773922461341</v>
      </c>
      <c r="AK90" s="8">
        <v>1.0993034869367371</v>
      </c>
      <c r="AL90" s="8">
        <v>1.1108489894331439</v>
      </c>
      <c r="AM90" s="8">
        <v>1.1618730016560899</v>
      </c>
      <c r="AN90" s="8">
        <v>1.065134205709469</v>
      </c>
      <c r="AO90" s="8">
        <v>1.1266795494375963</v>
      </c>
      <c r="AP90" s="8">
        <v>1.134893928446568</v>
      </c>
      <c r="AQ90" s="8">
        <v>1.0722660754649855</v>
      </c>
      <c r="AR90" s="8">
        <v>1.0032800698518658</v>
      </c>
      <c r="AS90" s="8">
        <v>0.978346796463335</v>
      </c>
      <c r="AT90" s="8">
        <v>0.99016598985265913</v>
      </c>
      <c r="AU90" s="8">
        <v>0.96569794294585687</v>
      </c>
      <c r="AV90" s="8">
        <v>0.96772081607823413</v>
      </c>
      <c r="AW90" s="8">
        <v>0.93789459395255714</v>
      </c>
      <c r="AX90" s="8">
        <v>0.96640785860723999</v>
      </c>
      <c r="AY90" s="8">
        <v>0.95110643229013969</v>
      </c>
      <c r="AZ90" s="8">
        <v>0.97780801615303747</v>
      </c>
      <c r="BA90" s="8">
        <v>0.98714538705366361</v>
      </c>
      <c r="BB90" s="8">
        <v>0.94633205949947241</v>
      </c>
      <c r="BC90" s="8">
        <v>0.93</v>
      </c>
      <c r="BD90" s="8">
        <v>0.92</v>
      </c>
      <c r="BE90" s="17"/>
    </row>
    <row r="91" spans="3:57" x14ac:dyDescent="0.2">
      <c r="C91" s="16" t="s">
        <v>129</v>
      </c>
      <c r="D91" s="6" t="s">
        <v>58</v>
      </c>
      <c r="E91" s="8">
        <v>0.91986296145632074</v>
      </c>
      <c r="F91" s="8">
        <v>0.93909473233134144</v>
      </c>
      <c r="G91" s="8">
        <v>0.93277422397595844</v>
      </c>
      <c r="H91" s="8">
        <v>0.92842950425933446</v>
      </c>
      <c r="I91" s="8">
        <v>0.9480442989578961</v>
      </c>
      <c r="J91" s="8">
        <v>1.1086083006543861</v>
      </c>
      <c r="K91" s="8">
        <v>1.1499999999999999</v>
      </c>
      <c r="L91" s="8">
        <v>1.15170292699507</v>
      </c>
      <c r="M91" s="8">
        <v>1.1627432765261085</v>
      </c>
      <c r="N91" s="8">
        <v>1.1531251952182182</v>
      </c>
      <c r="O91" s="8">
        <v>1.1666703276779427</v>
      </c>
      <c r="P91" s="8">
        <v>1.18</v>
      </c>
      <c r="Q91" s="8">
        <v>1.1728251434378505</v>
      </c>
      <c r="R91" s="8">
        <v>1.34</v>
      </c>
      <c r="S91" s="8">
        <v>1.3327027844762145</v>
      </c>
      <c r="T91" s="8">
        <v>1.3418244842903757</v>
      </c>
      <c r="U91" s="8">
        <v>1.3282885295669962</v>
      </c>
      <c r="V91" s="8">
        <v>1.38</v>
      </c>
      <c r="W91" s="8">
        <v>1.4232490146385142</v>
      </c>
      <c r="X91" s="8">
        <v>1.4091444799067425</v>
      </c>
      <c r="Y91" s="8">
        <v>1.5383220249542955</v>
      </c>
      <c r="Z91" s="8">
        <v>1.6137641623643482</v>
      </c>
      <c r="AA91" s="8">
        <v>1.5028054056464921</v>
      </c>
      <c r="AB91" s="90" t="s">
        <v>90</v>
      </c>
      <c r="AC91" s="8" t="s">
        <v>90</v>
      </c>
      <c r="AD91" s="8" t="s">
        <v>90</v>
      </c>
      <c r="AE91" s="8" t="s">
        <v>90</v>
      </c>
      <c r="AF91" s="8">
        <v>1.4671837283615716</v>
      </c>
      <c r="AG91" s="8">
        <v>1.4514410871256036</v>
      </c>
      <c r="AH91" s="8">
        <v>1.46</v>
      </c>
      <c r="AI91" s="8">
        <v>1.4984289903644743</v>
      </c>
      <c r="AJ91" s="8">
        <v>1.4358051846032993</v>
      </c>
      <c r="AK91" s="8">
        <v>1.2112818189307191</v>
      </c>
      <c r="AL91" s="8">
        <v>1.0591626358257518</v>
      </c>
      <c r="AM91" s="8">
        <v>0.98515330606460771</v>
      </c>
      <c r="AN91" s="8">
        <v>1.0617673680973982</v>
      </c>
      <c r="AO91" s="8">
        <v>1.1652980460840625</v>
      </c>
      <c r="AP91" s="8">
        <v>1.1193083896094429</v>
      </c>
      <c r="AQ91" s="8">
        <v>1.1327370987468035</v>
      </c>
      <c r="AR91" s="8">
        <v>1.1051574281325434</v>
      </c>
      <c r="AS91" s="8">
        <v>1.0911298264012899</v>
      </c>
      <c r="AT91" s="8">
        <v>1.1493359942429391</v>
      </c>
      <c r="AU91" s="8">
        <v>1.1715217106555766</v>
      </c>
      <c r="AV91" s="8">
        <v>1.1483913724086183</v>
      </c>
      <c r="AW91" s="8">
        <v>1.0455691931075315</v>
      </c>
      <c r="AX91" s="8">
        <v>1.1299999999999999</v>
      </c>
      <c r="AY91" s="8">
        <v>1.0256879793611</v>
      </c>
      <c r="AZ91" s="8">
        <v>0.94049457655120106</v>
      </c>
      <c r="BA91" s="8">
        <v>0.94324145389210345</v>
      </c>
      <c r="BB91" s="8">
        <v>0.90949334300852247</v>
      </c>
      <c r="BC91" s="8">
        <v>0.9</v>
      </c>
      <c r="BD91" s="8">
        <v>0.91</v>
      </c>
      <c r="BE91" s="17"/>
    </row>
    <row r="92" spans="3:57" x14ac:dyDescent="0.2">
      <c r="C92" s="23" t="s">
        <v>96</v>
      </c>
      <c r="D92" s="6" t="s">
        <v>58</v>
      </c>
      <c r="E92" s="17">
        <v>1.0390313512114464</v>
      </c>
      <c r="F92" s="17">
        <v>1.0564586232115336</v>
      </c>
      <c r="G92" s="17">
        <v>1.130834182737023</v>
      </c>
      <c r="H92" s="17">
        <v>1.1429421350954463</v>
      </c>
      <c r="I92" s="17">
        <v>1.1322422713615454</v>
      </c>
      <c r="J92" s="17">
        <v>1.0380428538074784</v>
      </c>
      <c r="K92" s="17">
        <v>1</v>
      </c>
      <c r="L92" s="17">
        <v>1.0138540210981202</v>
      </c>
      <c r="M92" s="17">
        <v>1.0391996552985743</v>
      </c>
      <c r="N92" s="17">
        <v>0.95298894634712039</v>
      </c>
      <c r="O92" s="17">
        <v>0.95193495394320238</v>
      </c>
      <c r="P92" s="17">
        <v>0.89</v>
      </c>
      <c r="Q92" s="17">
        <v>0.88248186307279097</v>
      </c>
      <c r="R92" s="17">
        <v>0.92</v>
      </c>
      <c r="S92" s="17">
        <v>0.90916515876217385</v>
      </c>
      <c r="T92" s="17">
        <v>0.88508436711705951</v>
      </c>
      <c r="U92" s="17">
        <v>0.86717756820123248</v>
      </c>
      <c r="V92" s="17">
        <v>0.84</v>
      </c>
      <c r="W92" s="17">
        <v>0.8604581028602285</v>
      </c>
      <c r="X92" s="17">
        <v>0.93921276744244231</v>
      </c>
      <c r="Y92" s="17">
        <v>0.94498118280137622</v>
      </c>
      <c r="Z92" s="17">
        <v>0.9865197940078908</v>
      </c>
      <c r="AA92" s="17">
        <v>1.1875045527165473</v>
      </c>
      <c r="AB92" s="17">
        <v>1.3673165543386139</v>
      </c>
      <c r="AC92" s="17">
        <v>1.6123939208908438</v>
      </c>
      <c r="AD92" s="17">
        <v>1.669683316612141</v>
      </c>
      <c r="AE92" s="17">
        <v>1.7063265623753259</v>
      </c>
      <c r="AF92" s="17">
        <v>1.6517996775487271</v>
      </c>
      <c r="AG92" s="17">
        <v>1.6011299003225821</v>
      </c>
      <c r="AH92" s="17">
        <v>1.63</v>
      </c>
      <c r="AI92" s="17">
        <v>1.5902960218169886</v>
      </c>
      <c r="AJ92" s="17">
        <v>1.5575185850135411</v>
      </c>
      <c r="AK92" s="17">
        <v>1.4618616388115038</v>
      </c>
      <c r="AL92" s="17">
        <v>1.4452857592408801</v>
      </c>
      <c r="AM92" s="17">
        <v>1.323541822303087</v>
      </c>
      <c r="AN92" s="17">
        <v>1.0675563572673357</v>
      </c>
      <c r="AO92" s="17">
        <v>0.99909111860432354</v>
      </c>
      <c r="AP92" s="17">
        <v>0.98360907207069559</v>
      </c>
      <c r="AQ92" s="17">
        <v>0.97712474257741733</v>
      </c>
      <c r="AR92" s="17">
        <v>0.94543609967817022</v>
      </c>
      <c r="AS92" s="17">
        <v>0.95103157312229869</v>
      </c>
      <c r="AT92" s="17">
        <v>1.0761573224373147</v>
      </c>
      <c r="AU92" s="17">
        <v>1.1052899224652866</v>
      </c>
      <c r="AV92" s="17">
        <v>1.1554835810194581</v>
      </c>
      <c r="AW92" s="17">
        <v>1.1936174316201125</v>
      </c>
      <c r="AX92" s="17">
        <v>1.2521601202447183</v>
      </c>
      <c r="AY92" s="17">
        <v>1.2891471794623901</v>
      </c>
      <c r="AZ92" s="17">
        <v>1.2380388879582811</v>
      </c>
      <c r="BA92" s="17">
        <v>1.2398548139047625</v>
      </c>
      <c r="BB92" s="17">
        <v>1.0946056281225052</v>
      </c>
      <c r="BC92" s="17">
        <v>1.0900000000000001</v>
      </c>
      <c r="BD92" s="17">
        <v>1.0900000000000001</v>
      </c>
      <c r="BE92" s="23"/>
    </row>
    <row r="93" spans="3:57" x14ac:dyDescent="0.2">
      <c r="C93" s="67"/>
      <c r="D93" s="64"/>
      <c r="E93" s="65"/>
      <c r="F93" s="65"/>
      <c r="G93" s="65"/>
      <c r="H93" s="65"/>
      <c r="I93" s="65"/>
      <c r="J93" s="65"/>
      <c r="K93" s="65"/>
      <c r="L93" s="65"/>
      <c r="M93" s="65"/>
      <c r="N93" s="65"/>
      <c r="O93" s="65"/>
      <c r="P93" s="65"/>
      <c r="Q93" s="65"/>
      <c r="R93" s="65"/>
      <c r="S93" s="65"/>
      <c r="T93" s="65"/>
      <c r="U93" s="65"/>
      <c r="V93" s="65"/>
      <c r="W93" s="65"/>
      <c r="X93" s="65"/>
      <c r="Y93" s="65"/>
      <c r="Z93" s="65"/>
      <c r="AA93" s="65"/>
      <c r="AB93" s="65"/>
      <c r="AC93" s="65"/>
      <c r="AD93" s="65"/>
      <c r="AE93" s="65"/>
      <c r="AG93" s="65"/>
      <c r="AH93" s="65"/>
      <c r="AI93" s="65"/>
      <c r="AJ93" s="65"/>
      <c r="AK93" s="65"/>
      <c r="AL93" s="65"/>
      <c r="AM93" s="65"/>
      <c r="AN93" s="65"/>
      <c r="AO93" s="65"/>
      <c r="AP93" s="65"/>
      <c r="AQ93" s="65"/>
      <c r="AR93" s="65"/>
      <c r="AS93" s="65"/>
      <c r="AT93" s="65"/>
      <c r="AU93" s="65"/>
      <c r="AV93" s="65"/>
      <c r="AW93" s="65"/>
      <c r="AX93" s="65"/>
      <c r="AY93" s="65"/>
      <c r="AZ93" s="65"/>
      <c r="BA93" s="65"/>
      <c r="BB93" s="65"/>
      <c r="BC93" s="65"/>
    </row>
    <row r="94" spans="3:57" x14ac:dyDescent="0.2"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F94" s="65"/>
      <c r="AG94" s="65"/>
      <c r="AH94" s="65"/>
      <c r="AI94" s="65"/>
      <c r="AJ94" s="65"/>
      <c r="AK94" s="65"/>
      <c r="AL94" s="65"/>
      <c r="AM94" s="65"/>
      <c r="AN94" s="65"/>
      <c r="AO94" s="65"/>
      <c r="AP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7" x14ac:dyDescent="0.2">
      <c r="C95" s="23" t="s">
        <v>106</v>
      </c>
      <c r="D95" s="6" t="s">
        <v>58</v>
      </c>
      <c r="E95" s="34">
        <v>5.84</v>
      </c>
      <c r="F95" s="34">
        <v>5.96</v>
      </c>
      <c r="G95" s="34">
        <v>5.64</v>
      </c>
      <c r="H95" s="34">
        <v>5.81</v>
      </c>
      <c r="I95" s="34">
        <v>5.47</v>
      </c>
      <c r="J95" s="34">
        <v>5.76</v>
      </c>
      <c r="K95" s="34">
        <v>5.71</v>
      </c>
      <c r="L95" s="17">
        <v>5.59</v>
      </c>
      <c r="M95" s="34">
        <v>5.48</v>
      </c>
      <c r="N95" s="34">
        <v>5.8</v>
      </c>
      <c r="O95" s="34">
        <v>5.7</v>
      </c>
      <c r="P95" s="34">
        <v>5.9</v>
      </c>
      <c r="Q95" s="34">
        <v>5.69</v>
      </c>
      <c r="R95" s="34">
        <v>5.41</v>
      </c>
      <c r="S95" s="34">
        <v>5.31</v>
      </c>
      <c r="T95" s="34">
        <v>5.69</v>
      </c>
      <c r="U95" s="34">
        <v>5.69</v>
      </c>
      <c r="V95" s="34">
        <v>5.58</v>
      </c>
      <c r="W95" s="34">
        <v>5.82</v>
      </c>
      <c r="X95" s="34">
        <v>5.66</v>
      </c>
      <c r="Y95" s="34">
        <v>5.41</v>
      </c>
      <c r="Z95" s="34">
        <v>6.11</v>
      </c>
      <c r="AA95" s="34">
        <v>5.57</v>
      </c>
      <c r="AB95" s="34">
        <v>5.51</v>
      </c>
      <c r="AC95" s="34">
        <v>5.77</v>
      </c>
      <c r="AD95" s="34">
        <v>5.63</v>
      </c>
      <c r="AE95" s="34">
        <v>5.52</v>
      </c>
      <c r="AF95" s="34">
        <v>5.58</v>
      </c>
      <c r="AG95" s="34">
        <v>5.92</v>
      </c>
      <c r="AH95" s="34">
        <v>6.05</v>
      </c>
      <c r="AI95" s="34">
        <v>5.9</v>
      </c>
      <c r="AJ95" s="34">
        <v>5.52</v>
      </c>
      <c r="AK95" s="34">
        <v>5.58</v>
      </c>
      <c r="AL95" s="34">
        <v>5.82</v>
      </c>
      <c r="AM95" s="34">
        <v>5.58</v>
      </c>
      <c r="AN95" s="34">
        <v>5.66</v>
      </c>
      <c r="AO95" s="17">
        <v>6.07</v>
      </c>
      <c r="AP95" s="17">
        <v>6.07</v>
      </c>
      <c r="AQ95" s="17">
        <v>5.71</v>
      </c>
      <c r="AR95" s="17">
        <v>5.96</v>
      </c>
      <c r="AS95" s="17">
        <v>5.66</v>
      </c>
      <c r="AT95" s="17">
        <v>5.45</v>
      </c>
      <c r="AU95" s="17">
        <v>5.86</v>
      </c>
      <c r="AV95" s="36">
        <v>5.96</v>
      </c>
      <c r="AW95" s="17">
        <v>5.65</v>
      </c>
      <c r="AX95" s="17">
        <v>5.67</v>
      </c>
      <c r="AY95" s="17">
        <v>6.51</v>
      </c>
      <c r="AZ95" s="17">
        <v>6.33</v>
      </c>
      <c r="BA95" s="17">
        <v>6.31</v>
      </c>
      <c r="BB95" s="17">
        <v>6.49</v>
      </c>
      <c r="BC95" s="17">
        <v>6.59</v>
      </c>
      <c r="BD95" s="17">
        <v>6.65</v>
      </c>
      <c r="BE95" s="23"/>
    </row>
    <row r="96" spans="3:57" x14ac:dyDescent="0.2">
      <c r="D96" s="64"/>
      <c r="E96" s="65"/>
      <c r="F96" s="65"/>
      <c r="G96" s="65"/>
      <c r="H96" s="65"/>
      <c r="I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7" x14ac:dyDescent="0.2">
      <c r="C97" t="s">
        <v>126</v>
      </c>
    </row>
    <row r="98" spans="3:57" x14ac:dyDescent="0.2">
      <c r="C98" t="s">
        <v>127</v>
      </c>
    </row>
    <row r="100" spans="3:57" x14ac:dyDescent="0.2">
      <c r="C100" s="1" t="s">
        <v>97</v>
      </c>
      <c r="E100" s="2">
        <v>2013</v>
      </c>
      <c r="F100" s="1"/>
      <c r="G100" s="1"/>
      <c r="H100" s="1"/>
      <c r="I100" s="1"/>
      <c r="J100" s="1"/>
      <c r="K100" s="1"/>
      <c r="L100" s="1"/>
      <c r="M100" s="1"/>
    </row>
    <row r="101" spans="3:57" x14ac:dyDescent="0.2">
      <c r="C101" s="3" t="s">
        <v>2</v>
      </c>
      <c r="D101" s="3" t="s">
        <v>3</v>
      </c>
      <c r="E101" s="4" t="s">
        <v>15</v>
      </c>
      <c r="F101" s="4" t="s">
        <v>16</v>
      </c>
      <c r="G101" s="4" t="s">
        <v>17</v>
      </c>
      <c r="H101" s="4" t="s">
        <v>18</v>
      </c>
      <c r="I101" s="4" t="s">
        <v>19</v>
      </c>
      <c r="J101" s="4" t="s">
        <v>20</v>
      </c>
      <c r="K101" s="4" t="s">
        <v>21</v>
      </c>
      <c r="L101" s="4" t="s">
        <v>22</v>
      </c>
      <c r="M101" s="4" t="s">
        <v>23</v>
      </c>
      <c r="N101" s="4" t="s">
        <v>24</v>
      </c>
      <c r="O101" s="4" t="s">
        <v>25</v>
      </c>
      <c r="P101" s="4" t="s">
        <v>26</v>
      </c>
      <c r="Q101" s="4" t="s">
        <v>27</v>
      </c>
      <c r="R101" s="4" t="s">
        <v>28</v>
      </c>
      <c r="S101" s="4" t="s">
        <v>29</v>
      </c>
      <c r="T101" s="4" t="s">
        <v>30</v>
      </c>
      <c r="U101" s="4" t="s">
        <v>31</v>
      </c>
      <c r="V101" s="4" t="s">
        <v>32</v>
      </c>
      <c r="W101" s="4" t="s">
        <v>33</v>
      </c>
      <c r="X101" s="4" t="s">
        <v>34</v>
      </c>
      <c r="Y101" s="4" t="s">
        <v>35</v>
      </c>
      <c r="Z101" s="4" t="s">
        <v>36</v>
      </c>
      <c r="AA101" s="4" t="s">
        <v>37</v>
      </c>
      <c r="AB101" s="4" t="s">
        <v>38</v>
      </c>
      <c r="AC101" s="4" t="s">
        <v>39</v>
      </c>
      <c r="AD101" s="4" t="s">
        <v>40</v>
      </c>
      <c r="AE101" s="4" t="s">
        <v>41</v>
      </c>
      <c r="AF101" s="4" t="s">
        <v>42</v>
      </c>
      <c r="AG101" s="4" t="s">
        <v>43</v>
      </c>
      <c r="AH101" s="4" t="s">
        <v>44</v>
      </c>
      <c r="AI101" s="4" t="s">
        <v>45</v>
      </c>
      <c r="AJ101" s="4" t="s">
        <v>46</v>
      </c>
      <c r="AK101" s="4" t="s">
        <v>47</v>
      </c>
      <c r="AL101" s="4" t="s">
        <v>48</v>
      </c>
      <c r="AM101" s="4" t="s">
        <v>49</v>
      </c>
      <c r="AN101" s="4" t="s">
        <v>50</v>
      </c>
      <c r="AO101" s="4" t="s">
        <v>51</v>
      </c>
      <c r="AP101" s="4" t="s">
        <v>52</v>
      </c>
      <c r="AQ101" s="4" t="s">
        <v>53</v>
      </c>
      <c r="AR101" s="4" t="s">
        <v>54</v>
      </c>
      <c r="AS101" s="4" t="s">
        <v>55</v>
      </c>
      <c r="AT101" s="4" t="s">
        <v>4</v>
      </c>
      <c r="AU101" s="4" t="s">
        <v>5</v>
      </c>
      <c r="AV101" s="4" t="s">
        <v>6</v>
      </c>
      <c r="AW101" s="4" t="s">
        <v>7</v>
      </c>
      <c r="AX101" s="4" t="s">
        <v>8</v>
      </c>
      <c r="AY101" s="4" t="s">
        <v>9</v>
      </c>
      <c r="AZ101" s="4" t="s">
        <v>10</v>
      </c>
      <c r="BA101" s="4" t="s">
        <v>11</v>
      </c>
      <c r="BB101" s="4" t="s">
        <v>12</v>
      </c>
      <c r="BC101" s="4" t="s">
        <v>13</v>
      </c>
      <c r="BD101" s="4" t="s">
        <v>14</v>
      </c>
      <c r="BE101" s="4" t="s">
        <v>56</v>
      </c>
    </row>
    <row r="102" spans="3:57" x14ac:dyDescent="0.2">
      <c r="C102" s="88" t="s">
        <v>57</v>
      </c>
      <c r="D102" s="6" t="s">
        <v>58</v>
      </c>
      <c r="E102" s="8">
        <v>17.12</v>
      </c>
      <c r="F102" s="8">
        <v>17.100000000000001</v>
      </c>
      <c r="G102" s="8">
        <v>17.329999999999998</v>
      </c>
      <c r="H102" s="8">
        <v>17.34</v>
      </c>
      <c r="I102" s="8">
        <v>17.36</v>
      </c>
      <c r="J102" s="8">
        <v>17.34</v>
      </c>
      <c r="K102" s="8">
        <v>17.21</v>
      </c>
      <c r="L102" s="8">
        <v>17.21</v>
      </c>
      <c r="M102" s="8">
        <v>17.420000000000002</v>
      </c>
      <c r="N102" s="8">
        <v>17.45</v>
      </c>
      <c r="O102" s="8">
        <v>17.579999999999998</v>
      </c>
      <c r="P102" s="8">
        <v>17.64</v>
      </c>
      <c r="Q102" s="8">
        <v>17.68</v>
      </c>
      <c r="R102" s="8">
        <v>17.75</v>
      </c>
      <c r="S102" s="8">
        <v>17.96</v>
      </c>
      <c r="T102" s="8">
        <v>17.84</v>
      </c>
      <c r="U102" s="8">
        <v>17.82</v>
      </c>
      <c r="V102" s="8">
        <v>17.850000000000001</v>
      </c>
      <c r="W102" s="8">
        <v>17.940000000000001</v>
      </c>
      <c r="X102" s="8">
        <v>17.97</v>
      </c>
      <c r="Y102" s="8">
        <v>17.850000000000001</v>
      </c>
      <c r="Z102" s="8">
        <v>17.68</v>
      </c>
      <c r="AA102" s="8">
        <v>17.59</v>
      </c>
      <c r="AB102" s="8">
        <v>17.71</v>
      </c>
      <c r="AC102" s="8">
        <v>17.7</v>
      </c>
      <c r="AD102" s="8">
        <v>17.670000000000002</v>
      </c>
      <c r="AE102" s="8">
        <v>17.77</v>
      </c>
      <c r="AF102" s="8">
        <v>17.670000000000002</v>
      </c>
      <c r="AG102" s="8">
        <v>17.649999999999999</v>
      </c>
      <c r="AH102" s="8">
        <v>17.670000000000002</v>
      </c>
      <c r="AI102" s="8">
        <v>17.54</v>
      </c>
      <c r="AJ102" s="8">
        <v>17.55</v>
      </c>
      <c r="AK102" s="8">
        <v>17.57</v>
      </c>
      <c r="AL102" s="8">
        <v>17.66</v>
      </c>
      <c r="AM102" s="8">
        <v>17.61</v>
      </c>
      <c r="AN102" s="8">
        <v>17.72</v>
      </c>
      <c r="AO102" s="8">
        <v>17.829999999999998</v>
      </c>
      <c r="AP102" s="8">
        <v>17.899999999999999</v>
      </c>
      <c r="AQ102" s="8">
        <v>17.920000000000002</v>
      </c>
      <c r="AR102" s="8">
        <v>17.82</v>
      </c>
      <c r="AS102" s="8">
        <v>17.850000000000001</v>
      </c>
      <c r="AT102" s="8">
        <v>17.809999999999999</v>
      </c>
      <c r="AU102" s="8">
        <v>17.87</v>
      </c>
      <c r="AV102" s="8">
        <v>17.850000000000001</v>
      </c>
      <c r="AW102" s="8">
        <v>17.82</v>
      </c>
      <c r="AX102" s="8">
        <v>17.62</v>
      </c>
      <c r="AY102" s="8">
        <v>17.59</v>
      </c>
      <c r="AZ102" s="8">
        <v>17.61</v>
      </c>
      <c r="BA102" s="8">
        <v>17.75</v>
      </c>
      <c r="BB102" s="8">
        <v>17.73</v>
      </c>
      <c r="BC102" s="8">
        <v>17.89</v>
      </c>
      <c r="BD102" s="8">
        <v>17.86</v>
      </c>
      <c r="BE102" s="17"/>
    </row>
    <row r="103" spans="3:57" x14ac:dyDescent="0.2">
      <c r="C103" s="88" t="s">
        <v>59</v>
      </c>
      <c r="D103" s="6" t="s">
        <v>58</v>
      </c>
      <c r="E103" s="8">
        <v>10.8</v>
      </c>
      <c r="F103" s="8">
        <v>10.71</v>
      </c>
      <c r="G103" s="8">
        <v>10.71</v>
      </c>
      <c r="H103" s="8">
        <v>10.63</v>
      </c>
      <c r="I103" s="8">
        <v>10.57</v>
      </c>
      <c r="J103" s="8">
        <v>10.52</v>
      </c>
      <c r="K103" s="8">
        <v>10.32</v>
      </c>
      <c r="L103" s="8">
        <v>10.210000000000001</v>
      </c>
      <c r="M103" s="8">
        <v>10.210000000000001</v>
      </c>
      <c r="N103" s="8">
        <v>10.24</v>
      </c>
      <c r="O103" s="8">
        <v>10.54</v>
      </c>
      <c r="P103" s="8">
        <v>10.47</v>
      </c>
      <c r="Q103" s="8">
        <v>10.44</v>
      </c>
      <c r="R103" s="8">
        <v>10.4</v>
      </c>
      <c r="S103" s="8">
        <v>10.36</v>
      </c>
      <c r="T103" s="8">
        <v>10.28</v>
      </c>
      <c r="U103" s="8">
        <v>10.38</v>
      </c>
      <c r="V103" s="8">
        <v>10.38</v>
      </c>
      <c r="W103" s="8">
        <v>10.37</v>
      </c>
      <c r="X103" s="8">
        <v>10.38</v>
      </c>
      <c r="Y103" s="8">
        <v>10.36</v>
      </c>
      <c r="Z103" s="8">
        <v>10.33</v>
      </c>
      <c r="AA103" s="8">
        <v>10.34</v>
      </c>
      <c r="AB103" s="8">
        <v>10.36</v>
      </c>
      <c r="AC103" s="8">
        <v>10.43</v>
      </c>
      <c r="AD103" s="8">
        <v>10.43</v>
      </c>
      <c r="AE103" s="8">
        <v>10.44</v>
      </c>
      <c r="AF103" s="8">
        <v>10.47</v>
      </c>
      <c r="AG103" s="8">
        <v>10.4</v>
      </c>
      <c r="AH103" s="8">
        <v>10.44</v>
      </c>
      <c r="AI103" s="8">
        <v>10.74</v>
      </c>
      <c r="AJ103" s="8">
        <v>10.47</v>
      </c>
      <c r="AK103" s="8">
        <v>10.74</v>
      </c>
      <c r="AL103" s="8">
        <v>10.65</v>
      </c>
      <c r="AM103" s="8">
        <v>10.59</v>
      </c>
      <c r="AN103" s="8">
        <v>10.71</v>
      </c>
      <c r="AO103" s="8">
        <v>10.7</v>
      </c>
      <c r="AP103" s="8">
        <v>10.71</v>
      </c>
      <c r="AQ103" s="8">
        <v>10.74</v>
      </c>
      <c r="AR103" s="8">
        <v>10.76</v>
      </c>
      <c r="AS103" s="8">
        <v>10.74</v>
      </c>
      <c r="AT103" s="8">
        <v>10.75</v>
      </c>
      <c r="AU103" s="8">
        <v>10.74</v>
      </c>
      <c r="AV103" s="8">
        <v>10.77</v>
      </c>
      <c r="AW103" s="8">
        <v>10.71</v>
      </c>
      <c r="AX103" s="8">
        <v>10.63</v>
      </c>
      <c r="AY103" s="8">
        <v>10.51</v>
      </c>
      <c r="AZ103" s="8">
        <v>10.57</v>
      </c>
      <c r="BA103" s="8">
        <v>10.71</v>
      </c>
      <c r="BB103" s="8">
        <v>10.88</v>
      </c>
      <c r="BC103" s="8">
        <v>10.8</v>
      </c>
      <c r="BD103" s="8">
        <v>10.8</v>
      </c>
      <c r="BE103" s="17"/>
    </row>
    <row r="104" spans="3:57" x14ac:dyDescent="0.2">
      <c r="C104" s="88" t="s">
        <v>60</v>
      </c>
      <c r="D104" s="6" t="s">
        <v>58</v>
      </c>
      <c r="E104" s="8">
        <v>5.91</v>
      </c>
      <c r="F104" s="8">
        <v>5.91</v>
      </c>
      <c r="G104" s="8">
        <v>5.88</v>
      </c>
      <c r="H104" s="8">
        <v>5.9</v>
      </c>
      <c r="I104" s="8">
        <v>5.91</v>
      </c>
      <c r="J104" s="8">
        <v>5.92</v>
      </c>
      <c r="K104" s="8">
        <v>5.9</v>
      </c>
      <c r="L104" s="8">
        <v>5.88</v>
      </c>
      <c r="M104" s="8">
        <v>5.87</v>
      </c>
      <c r="N104" s="8">
        <v>5.86</v>
      </c>
      <c r="O104" s="8">
        <v>5.85</v>
      </c>
      <c r="P104" s="8">
        <v>5.84</v>
      </c>
      <c r="Q104" s="8">
        <v>5.84</v>
      </c>
      <c r="R104" s="8">
        <v>5.84</v>
      </c>
      <c r="S104" s="8">
        <v>5.79</v>
      </c>
      <c r="T104" s="8">
        <v>5.79</v>
      </c>
      <c r="U104" s="8">
        <v>5.76</v>
      </c>
      <c r="V104" s="8">
        <v>5.76</v>
      </c>
      <c r="W104" s="8">
        <v>5.75</v>
      </c>
      <c r="X104" s="8">
        <v>5.78</v>
      </c>
      <c r="Y104" s="8">
        <v>5.74</v>
      </c>
      <c r="Z104" s="8">
        <v>5.66</v>
      </c>
      <c r="AA104" s="8">
        <v>5.66</v>
      </c>
      <c r="AB104" s="8">
        <v>5.64</v>
      </c>
      <c r="AC104" s="8">
        <v>5.65</v>
      </c>
      <c r="AD104" s="8">
        <v>5.63</v>
      </c>
      <c r="AE104" s="8">
        <v>5.61</v>
      </c>
      <c r="AF104" s="8">
        <v>5.6</v>
      </c>
      <c r="AG104" s="8">
        <v>5.61</v>
      </c>
      <c r="AH104" s="8">
        <v>5.57</v>
      </c>
      <c r="AI104" s="8">
        <v>5.58</v>
      </c>
      <c r="AJ104" s="8">
        <v>5.57</v>
      </c>
      <c r="AK104" s="8">
        <v>5.59</v>
      </c>
      <c r="AL104" s="8">
        <v>5.57</v>
      </c>
      <c r="AM104" s="8">
        <v>5.57</v>
      </c>
      <c r="AN104" s="8">
        <v>5.55</v>
      </c>
      <c r="AO104" s="8">
        <v>5.57</v>
      </c>
      <c r="AP104" s="8">
        <v>5.58</v>
      </c>
      <c r="AQ104" s="8">
        <v>5.59</v>
      </c>
      <c r="AR104" s="8">
        <v>5.58</v>
      </c>
      <c r="AS104" s="8">
        <v>5.58</v>
      </c>
      <c r="AT104" s="8">
        <v>5.58</v>
      </c>
      <c r="AU104" s="8">
        <v>5.58</v>
      </c>
      <c r="AV104" s="8">
        <v>5.56</v>
      </c>
      <c r="AW104" s="8">
        <v>5.51</v>
      </c>
      <c r="AX104" s="8">
        <v>5.52</v>
      </c>
      <c r="AY104" s="8">
        <v>5.44</v>
      </c>
      <c r="AZ104" s="8">
        <v>5.47</v>
      </c>
      <c r="BA104" s="8">
        <v>5.55</v>
      </c>
      <c r="BB104" s="8">
        <v>5.54</v>
      </c>
      <c r="BC104" s="8">
        <v>5.54</v>
      </c>
      <c r="BD104" s="8">
        <v>5.53</v>
      </c>
      <c r="BE104" s="17"/>
    </row>
    <row r="105" spans="3:57" x14ac:dyDescent="0.2">
      <c r="C105" s="88" t="s">
        <v>61</v>
      </c>
      <c r="D105" s="6" t="s">
        <v>58</v>
      </c>
      <c r="E105" s="8">
        <v>2.91</v>
      </c>
      <c r="F105" s="8">
        <v>2.91</v>
      </c>
      <c r="G105" s="8">
        <v>2.93</v>
      </c>
      <c r="H105" s="8">
        <v>2.92</v>
      </c>
      <c r="I105" s="8">
        <v>2.94</v>
      </c>
      <c r="J105" s="8">
        <v>2.95</v>
      </c>
      <c r="K105" s="8">
        <v>2.95</v>
      </c>
      <c r="L105" s="8">
        <v>2.94</v>
      </c>
      <c r="M105" s="8">
        <v>2.93</v>
      </c>
      <c r="N105" s="8">
        <v>2.92</v>
      </c>
      <c r="O105" s="8">
        <v>2.91</v>
      </c>
      <c r="P105" s="8">
        <v>2.9</v>
      </c>
      <c r="Q105" s="8">
        <v>2.89</v>
      </c>
      <c r="R105" s="8">
        <v>2.88</v>
      </c>
      <c r="S105" s="8">
        <v>2.81</v>
      </c>
      <c r="T105" s="8">
        <v>2.78</v>
      </c>
      <c r="U105" s="8">
        <v>2.77</v>
      </c>
      <c r="V105" s="8">
        <v>2.77</v>
      </c>
      <c r="W105" s="8">
        <v>2.77</v>
      </c>
      <c r="X105" s="8">
        <v>2.76</v>
      </c>
      <c r="Y105" s="8">
        <v>2.78</v>
      </c>
      <c r="Z105" s="8">
        <v>2.79</v>
      </c>
      <c r="AA105" s="8">
        <v>2.81</v>
      </c>
      <c r="AB105" s="8">
        <v>2.81</v>
      </c>
      <c r="AC105" s="8">
        <v>2.81</v>
      </c>
      <c r="AD105" s="8">
        <v>2.82</v>
      </c>
      <c r="AE105" s="8">
        <v>2.83</v>
      </c>
      <c r="AF105" s="8">
        <v>2.83</v>
      </c>
      <c r="AG105" s="8">
        <v>2.83</v>
      </c>
      <c r="AH105" s="8">
        <v>2.84</v>
      </c>
      <c r="AI105" s="8">
        <v>2.84</v>
      </c>
      <c r="AJ105" s="8">
        <v>2.84</v>
      </c>
      <c r="AK105" s="8">
        <v>2.86</v>
      </c>
      <c r="AL105" s="8">
        <v>2.87</v>
      </c>
      <c r="AM105" s="8">
        <v>2.88</v>
      </c>
      <c r="AN105" s="8">
        <v>2.89</v>
      </c>
      <c r="AO105" s="8">
        <v>2.89</v>
      </c>
      <c r="AP105" s="8">
        <v>2.9</v>
      </c>
      <c r="AQ105" s="8">
        <v>2.9</v>
      </c>
      <c r="AR105" s="8">
        <v>2.89</v>
      </c>
      <c r="AS105" s="8">
        <v>2.89</v>
      </c>
      <c r="AT105" s="8">
        <v>2.86</v>
      </c>
      <c r="AU105" s="8">
        <v>2.87</v>
      </c>
      <c r="AV105" s="8">
        <v>2.87</v>
      </c>
      <c r="AW105" s="8">
        <v>2.9</v>
      </c>
      <c r="AX105" s="8">
        <v>2.93</v>
      </c>
      <c r="AY105" s="8">
        <v>2.93</v>
      </c>
      <c r="AZ105" s="8">
        <v>2.93</v>
      </c>
      <c r="BA105" s="8">
        <v>2.93</v>
      </c>
      <c r="BB105" s="8">
        <v>2.93</v>
      </c>
      <c r="BC105" s="8">
        <v>2.94</v>
      </c>
      <c r="BD105" s="8">
        <v>2.93</v>
      </c>
      <c r="BE105" s="17"/>
    </row>
    <row r="106" spans="3:57" x14ac:dyDescent="0.2">
      <c r="C106" s="88" t="s">
        <v>62</v>
      </c>
      <c r="D106" s="6" t="s">
        <v>58</v>
      </c>
      <c r="E106" s="8">
        <v>5.57</v>
      </c>
      <c r="F106" s="8">
        <v>5.57</v>
      </c>
      <c r="G106" s="8">
        <v>5.49</v>
      </c>
      <c r="H106" s="8">
        <v>5.51</v>
      </c>
      <c r="I106" s="8">
        <v>5.48</v>
      </c>
      <c r="J106" s="8">
        <v>5.46</v>
      </c>
      <c r="K106" s="8">
        <v>5.45</v>
      </c>
      <c r="L106" s="8">
        <v>5.41</v>
      </c>
      <c r="M106" s="8">
        <v>5.4</v>
      </c>
      <c r="N106" s="8">
        <v>5.41</v>
      </c>
      <c r="O106" s="8">
        <v>5.41</v>
      </c>
      <c r="P106" s="8">
        <v>5.39</v>
      </c>
      <c r="Q106" s="8">
        <v>5.4</v>
      </c>
      <c r="R106" s="8">
        <v>5.41</v>
      </c>
      <c r="S106" s="8">
        <v>5.28</v>
      </c>
      <c r="T106" s="8">
        <v>5.23</v>
      </c>
      <c r="U106" s="8">
        <v>5.23</v>
      </c>
      <c r="V106" s="8">
        <v>5.21</v>
      </c>
      <c r="W106" s="8">
        <v>5.22</v>
      </c>
      <c r="X106" s="8">
        <v>5.22</v>
      </c>
      <c r="Y106" s="8">
        <v>5.22</v>
      </c>
      <c r="Z106" s="8">
        <v>5.22</v>
      </c>
      <c r="AA106" s="8">
        <v>5.21</v>
      </c>
      <c r="AB106" s="8">
        <v>5.24</v>
      </c>
      <c r="AC106" s="8">
        <v>5.21</v>
      </c>
      <c r="AD106" s="8">
        <v>5.21</v>
      </c>
      <c r="AE106" s="8">
        <v>5.15</v>
      </c>
      <c r="AF106" s="8">
        <v>5.12</v>
      </c>
      <c r="AG106" s="8">
        <v>5.1100000000000003</v>
      </c>
      <c r="AH106" s="8">
        <v>5.13</v>
      </c>
      <c r="AI106" s="8">
        <v>5.13</v>
      </c>
      <c r="AJ106" s="8">
        <v>5.08</v>
      </c>
      <c r="AK106" s="8">
        <v>5.0999999999999996</v>
      </c>
      <c r="AL106" s="8">
        <v>5.13</v>
      </c>
      <c r="AM106" s="8">
        <v>5.13</v>
      </c>
      <c r="AN106" s="8">
        <v>5.0999999999999996</v>
      </c>
      <c r="AO106" s="8">
        <v>5.13</v>
      </c>
      <c r="AP106" s="8">
        <v>5.18</v>
      </c>
      <c r="AQ106" s="8">
        <v>5.16</v>
      </c>
      <c r="AR106" s="8">
        <v>5.16</v>
      </c>
      <c r="AS106" s="8">
        <v>5.16</v>
      </c>
      <c r="AT106" s="8">
        <v>5.18</v>
      </c>
      <c r="AU106" s="8">
        <v>5.17</v>
      </c>
      <c r="AV106" s="8">
        <v>5.2</v>
      </c>
      <c r="AW106" s="8">
        <v>5.2</v>
      </c>
      <c r="AX106" s="8">
        <v>5.2</v>
      </c>
      <c r="AY106" s="8">
        <v>5.27</v>
      </c>
      <c r="AZ106" s="8">
        <v>5.32</v>
      </c>
      <c r="BA106" s="8">
        <v>5.33</v>
      </c>
      <c r="BB106" s="8">
        <v>5.35</v>
      </c>
      <c r="BC106" s="8">
        <v>5.36</v>
      </c>
      <c r="BD106" s="8">
        <v>5.36</v>
      </c>
      <c r="BE106" s="17"/>
    </row>
    <row r="107" spans="3:57" x14ac:dyDescent="0.2">
      <c r="C107" s="88" t="s">
        <v>75</v>
      </c>
      <c r="D107" s="20" t="s">
        <v>76</v>
      </c>
      <c r="E107" s="8">
        <v>1.5</v>
      </c>
      <c r="F107" s="8">
        <v>1.5</v>
      </c>
      <c r="G107" s="8">
        <v>1.5</v>
      </c>
      <c r="H107" s="8">
        <v>1.5</v>
      </c>
      <c r="I107" s="8">
        <v>1.5</v>
      </c>
      <c r="J107" s="8">
        <v>1.51</v>
      </c>
      <c r="K107" s="8">
        <v>1.51</v>
      </c>
      <c r="L107" s="8">
        <v>1.51</v>
      </c>
      <c r="M107" s="8">
        <v>1.53</v>
      </c>
      <c r="N107" s="8">
        <v>1.53</v>
      </c>
      <c r="O107" s="8">
        <v>1.53</v>
      </c>
      <c r="P107" s="8">
        <v>1.53</v>
      </c>
      <c r="Q107" s="8">
        <v>1.53</v>
      </c>
      <c r="R107" s="8">
        <v>1.53</v>
      </c>
      <c r="S107" s="8">
        <v>1.54</v>
      </c>
      <c r="T107" s="8">
        <v>1.57</v>
      </c>
      <c r="U107" s="8">
        <v>1.56</v>
      </c>
      <c r="V107" s="8">
        <v>1.56</v>
      </c>
      <c r="W107" s="8">
        <v>1.56</v>
      </c>
      <c r="X107" s="8">
        <v>1.57</v>
      </c>
      <c r="Y107" s="8">
        <v>1.57</v>
      </c>
      <c r="Z107" s="8">
        <v>1.56</v>
      </c>
      <c r="AA107" s="8">
        <v>1.55</v>
      </c>
      <c r="AB107" s="8">
        <v>1.56</v>
      </c>
      <c r="AC107" s="8">
        <v>1.56</v>
      </c>
      <c r="AD107" s="8">
        <v>1.56</v>
      </c>
      <c r="AE107" s="8">
        <v>1.56</v>
      </c>
      <c r="AF107" s="8">
        <v>1.56</v>
      </c>
      <c r="AG107" s="8">
        <v>1.56</v>
      </c>
      <c r="AH107" s="8">
        <v>1.55</v>
      </c>
      <c r="AI107" s="8">
        <v>1.55</v>
      </c>
      <c r="AJ107" s="8">
        <v>1.55</v>
      </c>
      <c r="AK107" s="8">
        <v>1.55</v>
      </c>
      <c r="AL107" s="8">
        <v>1.55</v>
      </c>
      <c r="AM107" s="8">
        <v>1.55</v>
      </c>
      <c r="AN107" s="8">
        <v>1.55</v>
      </c>
      <c r="AO107" s="8">
        <v>1.54</v>
      </c>
      <c r="AP107" s="8">
        <v>1.54</v>
      </c>
      <c r="AQ107" s="8">
        <v>1.53</v>
      </c>
      <c r="AR107" s="8">
        <v>1.53</v>
      </c>
      <c r="AS107" s="8">
        <v>1.53</v>
      </c>
      <c r="AT107" s="8">
        <v>1.54</v>
      </c>
      <c r="AU107" s="8">
        <v>1.54</v>
      </c>
      <c r="AV107" s="8">
        <v>1.54</v>
      </c>
      <c r="AW107" s="8">
        <v>1.54</v>
      </c>
      <c r="AX107" s="8">
        <v>1.54</v>
      </c>
      <c r="AY107" s="8">
        <v>1.54</v>
      </c>
      <c r="AZ107" s="8">
        <v>1.54</v>
      </c>
      <c r="BA107" s="8">
        <v>1.53</v>
      </c>
      <c r="BB107" s="8">
        <v>1.54</v>
      </c>
      <c r="BC107" s="8">
        <v>1.54</v>
      </c>
      <c r="BD107" s="8">
        <v>1.51</v>
      </c>
      <c r="BE107" s="17"/>
    </row>
    <row r="108" spans="3:57" x14ac:dyDescent="0.2">
      <c r="C108" s="88" t="s">
        <v>63</v>
      </c>
      <c r="D108" s="6" t="s">
        <v>58</v>
      </c>
      <c r="E108" s="8">
        <v>15.23</v>
      </c>
      <c r="F108" s="8">
        <v>15.44</v>
      </c>
      <c r="G108" s="8">
        <v>15.57</v>
      </c>
      <c r="H108" s="8">
        <v>15.38</v>
      </c>
      <c r="I108" s="8">
        <v>15.3</v>
      </c>
      <c r="J108" s="8">
        <v>15.32</v>
      </c>
      <c r="K108" s="8">
        <v>15.29</v>
      </c>
      <c r="L108" s="8">
        <v>15.27</v>
      </c>
      <c r="M108" s="8">
        <v>15.33</v>
      </c>
      <c r="N108" s="8">
        <v>15.27</v>
      </c>
      <c r="O108" s="8">
        <v>15.3</v>
      </c>
      <c r="P108" s="8">
        <v>15.28</v>
      </c>
      <c r="Q108" s="8">
        <v>15.14</v>
      </c>
      <c r="R108" s="8">
        <v>15.4</v>
      </c>
      <c r="S108" s="8">
        <v>15.08</v>
      </c>
      <c r="T108" s="8">
        <v>15.17</v>
      </c>
      <c r="U108" s="8">
        <v>15.43</v>
      </c>
      <c r="V108" s="8">
        <v>15.54</v>
      </c>
      <c r="W108" s="8">
        <v>15</v>
      </c>
      <c r="X108" s="8">
        <v>15.48</v>
      </c>
      <c r="Y108" s="8">
        <v>15.51</v>
      </c>
      <c r="Z108" s="8">
        <v>15.58</v>
      </c>
      <c r="AA108" s="8">
        <v>15.64</v>
      </c>
      <c r="AB108" s="8">
        <v>15.2</v>
      </c>
      <c r="AC108" s="8">
        <v>15.14</v>
      </c>
      <c r="AD108" s="8">
        <v>15.16</v>
      </c>
      <c r="AE108" s="8">
        <v>15.08</v>
      </c>
      <c r="AF108" s="8">
        <v>14.92</v>
      </c>
      <c r="AG108" s="8">
        <v>14.95</v>
      </c>
      <c r="AH108" s="8">
        <v>14.91</v>
      </c>
      <c r="AI108" s="8">
        <v>14.98</v>
      </c>
      <c r="AJ108" s="8">
        <v>15.12</v>
      </c>
      <c r="AK108" s="8">
        <v>15.1</v>
      </c>
      <c r="AL108" s="8">
        <v>15.09</v>
      </c>
      <c r="AM108" s="8">
        <v>15.22</v>
      </c>
      <c r="AN108" s="8">
        <v>15.13</v>
      </c>
      <c r="AO108" s="8">
        <v>15.29</v>
      </c>
      <c r="AP108" s="8">
        <v>15.2</v>
      </c>
      <c r="AQ108" s="8">
        <v>15.21</v>
      </c>
      <c r="AR108" s="8">
        <v>15.07</v>
      </c>
      <c r="AS108" s="8">
        <v>14.68</v>
      </c>
      <c r="AT108" s="8">
        <v>15.05</v>
      </c>
      <c r="AU108" s="8">
        <v>15.11</v>
      </c>
      <c r="AV108" s="8">
        <v>15.32</v>
      </c>
      <c r="AW108" s="8">
        <v>15.44</v>
      </c>
      <c r="AX108" s="8">
        <v>15.71</v>
      </c>
      <c r="AY108" s="8">
        <v>15.49</v>
      </c>
      <c r="AZ108" s="8">
        <v>15.36</v>
      </c>
      <c r="BA108" s="8">
        <v>15.24</v>
      </c>
      <c r="BB108" s="8">
        <v>15.18</v>
      </c>
      <c r="BC108" s="8">
        <v>15.47</v>
      </c>
      <c r="BD108" s="8">
        <v>15.35</v>
      </c>
      <c r="BE108" s="17"/>
    </row>
    <row r="109" spans="3:57" x14ac:dyDescent="0.2">
      <c r="C109" s="88" t="s">
        <v>64</v>
      </c>
      <c r="D109" s="6" t="s">
        <v>58</v>
      </c>
      <c r="E109" s="8">
        <v>8.9600000000000009</v>
      </c>
      <c r="F109" s="8">
        <v>9.16</v>
      </c>
      <c r="G109" s="8">
        <v>9.16</v>
      </c>
      <c r="H109" s="8">
        <v>9.01</v>
      </c>
      <c r="I109" s="8">
        <v>8.93</v>
      </c>
      <c r="J109" s="8">
        <v>8.9</v>
      </c>
      <c r="K109" s="8">
        <v>8.7899999999999991</v>
      </c>
      <c r="L109" s="8">
        <v>8.66</v>
      </c>
      <c r="M109" s="8">
        <v>8.43</v>
      </c>
      <c r="N109" s="8">
        <v>8.58</v>
      </c>
      <c r="O109" s="8">
        <v>8.6</v>
      </c>
      <c r="P109" s="8">
        <v>8.6199999999999992</v>
      </c>
      <c r="Q109" s="8">
        <v>8.65</v>
      </c>
      <c r="R109" s="8">
        <v>8.7100000000000009</v>
      </c>
      <c r="S109" s="8">
        <v>8.6999999999999993</v>
      </c>
      <c r="T109" s="8">
        <v>8.66</v>
      </c>
      <c r="U109" s="8">
        <v>8.48</v>
      </c>
      <c r="V109" s="8">
        <v>8.4700000000000006</v>
      </c>
      <c r="W109" s="8">
        <v>8.5500000000000007</v>
      </c>
      <c r="X109" s="8">
        <v>8.59</v>
      </c>
      <c r="Y109" s="8">
        <v>8.51</v>
      </c>
      <c r="Z109" s="8">
        <v>8.41</v>
      </c>
      <c r="AA109" s="8">
        <v>8.48</v>
      </c>
      <c r="AB109" s="8">
        <v>8.51</v>
      </c>
      <c r="AC109" s="8">
        <v>8.4</v>
      </c>
      <c r="AD109" s="8">
        <v>8.43</v>
      </c>
      <c r="AE109" s="8">
        <v>8.52</v>
      </c>
      <c r="AF109" s="8">
        <v>8.52</v>
      </c>
      <c r="AG109" s="8">
        <v>8.4499999999999993</v>
      </c>
      <c r="AH109" s="8">
        <v>8.3800000000000008</v>
      </c>
      <c r="AI109" s="8">
        <v>8.43</v>
      </c>
      <c r="AJ109" s="8">
        <v>8.43</v>
      </c>
      <c r="AK109" s="8">
        <v>8.5299999999999994</v>
      </c>
      <c r="AL109" s="8">
        <v>8.5</v>
      </c>
      <c r="AM109" s="8">
        <v>8.7100000000000009</v>
      </c>
      <c r="AN109" s="8">
        <v>8.82</v>
      </c>
      <c r="AO109" s="8">
        <v>8.77</v>
      </c>
      <c r="AP109" s="8">
        <v>8.57</v>
      </c>
      <c r="AQ109" s="8">
        <v>8.59</v>
      </c>
      <c r="AR109" s="8">
        <v>8.69</v>
      </c>
      <c r="AS109" s="8">
        <v>8.73</v>
      </c>
      <c r="AT109" s="8">
        <v>8.66</v>
      </c>
      <c r="AU109" s="8">
        <v>8.8800000000000008</v>
      </c>
      <c r="AV109" s="8">
        <v>9.24</v>
      </c>
      <c r="AW109" s="8">
        <v>9.52</v>
      </c>
      <c r="AX109" s="8">
        <v>9.52</v>
      </c>
      <c r="AY109" s="8">
        <v>9.51</v>
      </c>
      <c r="AZ109" s="8">
        <v>9.33</v>
      </c>
      <c r="BA109" s="8">
        <v>9.41</v>
      </c>
      <c r="BB109" s="8">
        <v>9.36</v>
      </c>
      <c r="BC109" s="8">
        <v>9.9</v>
      </c>
      <c r="BD109" s="8">
        <v>9.86</v>
      </c>
      <c r="BE109" s="17"/>
    </row>
    <row r="110" spans="3:57" x14ac:dyDescent="0.2">
      <c r="C110" s="88" t="s">
        <v>65</v>
      </c>
      <c r="D110" s="6" t="s">
        <v>58</v>
      </c>
      <c r="E110" s="8">
        <v>4.71</v>
      </c>
      <c r="F110" s="8">
        <v>4.67</v>
      </c>
      <c r="G110" s="8">
        <v>4.74</v>
      </c>
      <c r="H110" s="8">
        <v>4.79</v>
      </c>
      <c r="I110" s="8">
        <v>4.6900000000000004</v>
      </c>
      <c r="J110" s="8">
        <v>4.74</v>
      </c>
      <c r="K110" s="8">
        <v>4.6500000000000004</v>
      </c>
      <c r="L110" s="8">
        <v>4.59</v>
      </c>
      <c r="M110" s="8">
        <v>4.6399999999999997</v>
      </c>
      <c r="N110" s="8">
        <v>4.74</v>
      </c>
      <c r="O110" s="8">
        <v>4.63</v>
      </c>
      <c r="P110" s="8">
        <v>4.5999999999999996</v>
      </c>
      <c r="Q110" s="8">
        <v>4.71</v>
      </c>
      <c r="R110" s="8">
        <v>4.67</v>
      </c>
      <c r="S110" s="8">
        <v>4.43</v>
      </c>
      <c r="T110" s="8">
        <v>4.3600000000000003</v>
      </c>
      <c r="U110" s="8">
        <v>4.46</v>
      </c>
      <c r="V110" s="8">
        <v>4.45</v>
      </c>
      <c r="W110" s="8">
        <v>4.41</v>
      </c>
      <c r="X110" s="8">
        <v>4.41</v>
      </c>
      <c r="Y110" s="8">
        <v>4.49</v>
      </c>
      <c r="Z110" s="8">
        <v>4.51</v>
      </c>
      <c r="AA110" s="8">
        <v>4.55</v>
      </c>
      <c r="AB110" s="8">
        <v>4.6500000000000004</v>
      </c>
      <c r="AC110" s="8">
        <v>4.95</v>
      </c>
      <c r="AD110" s="8">
        <v>4.97</v>
      </c>
      <c r="AE110" s="8">
        <v>4.8499999999999996</v>
      </c>
      <c r="AF110" s="8">
        <v>4.8499999999999996</v>
      </c>
      <c r="AG110" s="8">
        <v>4.8600000000000003</v>
      </c>
      <c r="AH110" s="8">
        <v>4.95</v>
      </c>
      <c r="AI110" s="8">
        <v>4.99</v>
      </c>
      <c r="AJ110" s="8">
        <v>5.0199999999999996</v>
      </c>
      <c r="AK110" s="8">
        <v>5.13</v>
      </c>
      <c r="AL110" s="8">
        <v>5.21</v>
      </c>
      <c r="AM110" s="8">
        <v>5.34</v>
      </c>
      <c r="AN110" s="8">
        <v>5.26</v>
      </c>
      <c r="AO110" s="8">
        <v>5.16</v>
      </c>
      <c r="AP110" s="8">
        <v>5.0999999999999996</v>
      </c>
      <c r="AQ110" s="8">
        <v>4.83</v>
      </c>
      <c r="AR110" s="8">
        <v>4.76</v>
      </c>
      <c r="AS110" s="8">
        <v>4.66</v>
      </c>
      <c r="AT110" s="8">
        <v>4.5999999999999996</v>
      </c>
      <c r="AU110" s="8">
        <v>4.4400000000000004</v>
      </c>
      <c r="AV110" s="8">
        <v>4.3899999999999997</v>
      </c>
      <c r="AW110" s="8">
        <v>4.45</v>
      </c>
      <c r="AX110" s="8">
        <v>4.47</v>
      </c>
      <c r="AY110" s="8">
        <v>4.67</v>
      </c>
      <c r="AZ110" s="8">
        <v>4.59</v>
      </c>
      <c r="BA110" s="8">
        <v>4.59</v>
      </c>
      <c r="BB110" s="8">
        <v>4.67</v>
      </c>
      <c r="BC110" s="8">
        <v>4.62</v>
      </c>
      <c r="BD110" s="8">
        <v>4.5599999999999996</v>
      </c>
      <c r="BE110" s="17"/>
    </row>
    <row r="111" spans="3:57" x14ac:dyDescent="0.2">
      <c r="C111" s="88" t="s">
        <v>66</v>
      </c>
      <c r="D111" s="6" t="s">
        <v>58</v>
      </c>
      <c r="E111" s="8">
        <v>6.53</v>
      </c>
      <c r="F111" s="8">
        <v>6.44</v>
      </c>
      <c r="G111" s="8">
        <v>6.46</v>
      </c>
      <c r="H111" s="8">
        <v>6.7</v>
      </c>
      <c r="I111" s="8">
        <v>6.71</v>
      </c>
      <c r="J111" s="8">
        <v>6.76</v>
      </c>
      <c r="K111" s="8">
        <v>6.75</v>
      </c>
      <c r="L111" s="8">
        <v>6.72</v>
      </c>
      <c r="M111" s="8">
        <v>6.89</v>
      </c>
      <c r="N111" s="8">
        <v>7.34</v>
      </c>
      <c r="O111" s="8">
        <v>7.39</v>
      </c>
      <c r="P111" s="8">
        <v>7.45</v>
      </c>
      <c r="Q111" s="8">
        <v>7.47</v>
      </c>
      <c r="R111" s="8">
        <v>7.34</v>
      </c>
      <c r="S111" s="8">
        <v>6.89</v>
      </c>
      <c r="T111" s="8">
        <v>6.75</v>
      </c>
      <c r="U111" s="8">
        <v>6.98</v>
      </c>
      <c r="V111" s="8">
        <v>6.94</v>
      </c>
      <c r="W111" s="8">
        <v>6.58</v>
      </c>
      <c r="X111" s="8">
        <v>6.72</v>
      </c>
      <c r="Y111" s="8">
        <v>6.73</v>
      </c>
      <c r="Z111" s="8">
        <v>6.89</v>
      </c>
      <c r="AA111" s="8">
        <v>6.58</v>
      </c>
      <c r="AB111" s="8">
        <v>6.35</v>
      </c>
      <c r="AC111" s="8">
        <v>6.64</v>
      </c>
      <c r="AD111" s="8">
        <v>6.56</v>
      </c>
      <c r="AE111" s="8">
        <v>6.16</v>
      </c>
      <c r="AF111" s="8">
        <v>5.97</v>
      </c>
      <c r="AG111" s="8">
        <v>5.93</v>
      </c>
      <c r="AH111" s="8">
        <v>6.1</v>
      </c>
      <c r="AI111" s="8">
        <v>6.13</v>
      </c>
      <c r="AJ111" s="8">
        <v>6.07</v>
      </c>
      <c r="AK111" s="8">
        <v>6.11</v>
      </c>
      <c r="AL111" s="8">
        <v>6.31</v>
      </c>
      <c r="AM111" s="8">
        <v>6.35</v>
      </c>
      <c r="AN111" s="8">
        <v>6.05</v>
      </c>
      <c r="AO111" s="8">
        <v>6.19</v>
      </c>
      <c r="AP111" s="8">
        <v>6.38</v>
      </c>
      <c r="AQ111" s="8">
        <v>6.48</v>
      </c>
      <c r="AR111" s="8">
        <v>6.4</v>
      </c>
      <c r="AS111" s="8">
        <v>6.13</v>
      </c>
      <c r="AT111" s="8">
        <v>6.18</v>
      </c>
      <c r="AU111" s="8">
        <v>6.06</v>
      </c>
      <c r="AV111" s="8">
        <v>6.1</v>
      </c>
      <c r="AW111" s="8">
        <v>6.4</v>
      </c>
      <c r="AX111" s="8">
        <v>6.48</v>
      </c>
      <c r="AY111" s="8">
        <v>6.49</v>
      </c>
      <c r="AZ111" s="8">
        <v>6.66</v>
      </c>
      <c r="BA111" s="8">
        <v>6.74</v>
      </c>
      <c r="BB111" s="8">
        <v>6.65</v>
      </c>
      <c r="BC111" s="8">
        <v>6.44</v>
      </c>
      <c r="BD111" s="8">
        <v>6.39</v>
      </c>
      <c r="BE111" s="17"/>
    </row>
    <row r="112" spans="3:57" x14ac:dyDescent="0.2">
      <c r="C112" s="88" t="s">
        <v>116</v>
      </c>
      <c r="D112" s="6" t="s">
        <v>58</v>
      </c>
      <c r="E112" s="8">
        <v>10.78</v>
      </c>
      <c r="F112" s="8">
        <v>10.77</v>
      </c>
      <c r="G112" s="8">
        <v>10.95</v>
      </c>
      <c r="H112" s="8">
        <v>10.82</v>
      </c>
      <c r="I112" s="8">
        <v>10.65</v>
      </c>
      <c r="J112" s="8">
        <v>10.69</v>
      </c>
      <c r="K112" s="8">
        <v>10.75</v>
      </c>
      <c r="L112" s="8">
        <v>10.35</v>
      </c>
      <c r="M112" s="8">
        <v>9.99</v>
      </c>
      <c r="N112" s="8">
        <v>10.130000000000001</v>
      </c>
      <c r="O112" s="8">
        <v>10.029999999999999</v>
      </c>
      <c r="P112" s="8">
        <v>10.15</v>
      </c>
      <c r="Q112" s="8">
        <v>9.98</v>
      </c>
      <c r="R112" s="8">
        <v>9.8800000000000008</v>
      </c>
      <c r="S112" s="8">
        <v>9.9600000000000009</v>
      </c>
      <c r="T112" s="8">
        <v>9.9700000000000006</v>
      </c>
      <c r="U112" s="8">
        <v>9.89</v>
      </c>
      <c r="V112" s="8">
        <v>9.8800000000000008</v>
      </c>
      <c r="W112" s="8">
        <v>9.7899999999999991</v>
      </c>
      <c r="X112" s="8">
        <v>9.85</v>
      </c>
      <c r="Y112" s="8">
        <v>9.85</v>
      </c>
      <c r="Z112" s="8">
        <v>9.67</v>
      </c>
      <c r="AA112" s="8">
        <v>9.74</v>
      </c>
      <c r="AB112" s="8">
        <v>9.56</v>
      </c>
      <c r="AC112" s="8">
        <v>9.56</v>
      </c>
      <c r="AD112" s="8">
        <v>9.24</v>
      </c>
      <c r="AE112" s="8">
        <v>9.3800000000000008</v>
      </c>
      <c r="AF112" s="8">
        <v>9.43</v>
      </c>
      <c r="AG112" s="8">
        <v>9.39</v>
      </c>
      <c r="AH112" s="8">
        <v>9.56</v>
      </c>
      <c r="AI112" s="8">
        <v>9.56</v>
      </c>
      <c r="AJ112" s="8">
        <v>9.6300000000000008</v>
      </c>
      <c r="AK112" s="8">
        <v>9.61</v>
      </c>
      <c r="AL112" s="8">
        <v>9.56</v>
      </c>
      <c r="AM112" s="8">
        <v>9.64</v>
      </c>
      <c r="AN112" s="8">
        <v>9.66</v>
      </c>
      <c r="AO112" s="8">
        <v>9.75</v>
      </c>
      <c r="AP112" s="8">
        <v>9.8000000000000007</v>
      </c>
      <c r="AQ112" s="8">
        <v>9.7200000000000006</v>
      </c>
      <c r="AR112" s="8">
        <v>9.4700000000000006</v>
      </c>
      <c r="AS112" s="8">
        <v>9.7200000000000006</v>
      </c>
      <c r="AT112" s="8">
        <v>9.77</v>
      </c>
      <c r="AU112" s="8">
        <v>9.7899999999999991</v>
      </c>
      <c r="AV112" s="8">
        <v>9.7899999999999991</v>
      </c>
      <c r="AW112" s="8">
        <v>10.14</v>
      </c>
      <c r="AX112" s="8">
        <v>10.77</v>
      </c>
      <c r="AY112" s="8">
        <v>10.78</v>
      </c>
      <c r="AZ112" s="8">
        <v>10.67</v>
      </c>
      <c r="BA112" s="8">
        <v>10.38</v>
      </c>
      <c r="BB112" s="8">
        <v>10.039999999999999</v>
      </c>
      <c r="BC112" s="8">
        <v>10.1</v>
      </c>
      <c r="BD112" s="8">
        <v>9.91</v>
      </c>
      <c r="BE112" s="17"/>
    </row>
    <row r="113" spans="3:57" x14ac:dyDescent="0.2">
      <c r="C113" s="88" t="s">
        <v>68</v>
      </c>
      <c r="D113" s="6" t="s">
        <v>58</v>
      </c>
      <c r="E113" s="8">
        <v>5.1100000000000003</v>
      </c>
      <c r="F113" s="8">
        <v>5.0999999999999996</v>
      </c>
      <c r="G113" s="8">
        <v>5.13</v>
      </c>
      <c r="H113" s="8">
        <v>5.18</v>
      </c>
      <c r="I113" s="8">
        <v>5.33</v>
      </c>
      <c r="J113" s="8">
        <v>5.23</v>
      </c>
      <c r="K113" s="8">
        <v>5.22</v>
      </c>
      <c r="L113" s="8">
        <v>5.15</v>
      </c>
      <c r="M113" s="8">
        <v>5.12</v>
      </c>
      <c r="N113" s="8">
        <v>5.08</v>
      </c>
      <c r="O113" s="8">
        <v>5.09</v>
      </c>
      <c r="P113" s="8">
        <v>5.05</v>
      </c>
      <c r="Q113" s="8">
        <v>5.73</v>
      </c>
      <c r="R113" s="8">
        <v>5.89</v>
      </c>
      <c r="S113" s="8">
        <v>5.62</v>
      </c>
      <c r="T113" s="8">
        <v>4.79</v>
      </c>
      <c r="U113" s="8">
        <v>4.72</v>
      </c>
      <c r="V113" s="8">
        <v>4.7699999999999996</v>
      </c>
      <c r="W113" s="8">
        <v>4.72</v>
      </c>
      <c r="X113" s="8">
        <v>4.7300000000000004</v>
      </c>
      <c r="Y113" s="8">
        <v>4.88</v>
      </c>
      <c r="Z113" s="8">
        <v>4.84</v>
      </c>
      <c r="AA113" s="8">
        <v>4.82</v>
      </c>
      <c r="AB113" s="8">
        <v>4.6900000000000004</v>
      </c>
      <c r="AC113" s="8">
        <v>4.66</v>
      </c>
      <c r="AD113" s="8">
        <v>4.66</v>
      </c>
      <c r="AE113" s="8">
        <v>4.68</v>
      </c>
      <c r="AF113" s="8">
        <v>4.74</v>
      </c>
      <c r="AG113" s="8">
        <v>4.8099999999999996</v>
      </c>
      <c r="AH113" s="8">
        <v>4.71</v>
      </c>
      <c r="AI113" s="8">
        <v>4.68</v>
      </c>
      <c r="AJ113" s="8">
        <v>4.66</v>
      </c>
      <c r="AK113" s="8">
        <v>4.62</v>
      </c>
      <c r="AL113" s="8">
        <v>4.6100000000000003</v>
      </c>
      <c r="AM113" s="8">
        <v>4.51</v>
      </c>
      <c r="AN113" s="8">
        <v>4.6500000000000004</v>
      </c>
      <c r="AO113" s="8">
        <v>4.54</v>
      </c>
      <c r="AP113" s="8">
        <v>4.55</v>
      </c>
      <c r="AQ113" s="8">
        <v>4.3899999999999997</v>
      </c>
      <c r="AR113" s="8">
        <v>4.33</v>
      </c>
      <c r="AS113" s="8">
        <v>4.3099999999999996</v>
      </c>
      <c r="AT113" s="8">
        <v>4.26</v>
      </c>
      <c r="AU113" s="8">
        <v>4.33</v>
      </c>
      <c r="AV113" s="8">
        <v>4.3899999999999997</v>
      </c>
      <c r="AW113" s="8">
        <v>4.59</v>
      </c>
      <c r="AX113" s="8">
        <v>4.6399999999999997</v>
      </c>
      <c r="AY113" s="8">
        <v>4.6500000000000004</v>
      </c>
      <c r="AZ113" s="8">
        <v>4.62</v>
      </c>
      <c r="BA113" s="8">
        <v>4.6900000000000004</v>
      </c>
      <c r="BB113" s="8">
        <v>4.7300000000000004</v>
      </c>
      <c r="BC113" s="8">
        <v>4.75</v>
      </c>
      <c r="BD113" s="8">
        <v>4.6500000000000004</v>
      </c>
      <c r="BE113" s="17"/>
    </row>
    <row r="114" spans="3:57" x14ac:dyDescent="0.2">
      <c r="C114" s="88" t="s">
        <v>69</v>
      </c>
      <c r="D114" s="6" t="s">
        <v>58</v>
      </c>
      <c r="E114" s="8">
        <v>4.4800000000000004</v>
      </c>
      <c r="F114" s="8">
        <v>4.5599999999999996</v>
      </c>
      <c r="G114" s="8">
        <v>4.53</v>
      </c>
      <c r="H114" s="8">
        <v>4.5199999999999996</v>
      </c>
      <c r="I114" s="8">
        <v>4.49</v>
      </c>
      <c r="J114" s="8">
        <v>4.34</v>
      </c>
      <c r="K114" s="8">
        <v>4.26</v>
      </c>
      <c r="L114" s="8">
        <v>4.04</v>
      </c>
      <c r="M114" s="8">
        <v>3.99</v>
      </c>
      <c r="N114" s="8">
        <v>4</v>
      </c>
      <c r="O114" s="8">
        <v>3.99</v>
      </c>
      <c r="P114" s="8">
        <v>3.99</v>
      </c>
      <c r="Q114" s="8">
        <v>4.0999999999999996</v>
      </c>
      <c r="R114" s="8">
        <v>4.18</v>
      </c>
      <c r="S114" s="8">
        <v>4.41</v>
      </c>
      <c r="T114" s="8">
        <v>4.37</v>
      </c>
      <c r="U114" s="8">
        <v>4.1500000000000004</v>
      </c>
      <c r="V114" s="8">
        <v>4.07</v>
      </c>
      <c r="W114" s="8">
        <v>3.98</v>
      </c>
      <c r="X114" s="8">
        <v>3.89</v>
      </c>
      <c r="Y114" s="8">
        <v>3.83</v>
      </c>
      <c r="Z114" s="8">
        <v>4</v>
      </c>
      <c r="AA114" s="8">
        <v>3.86</v>
      </c>
      <c r="AB114" s="8">
        <v>3.95</v>
      </c>
      <c r="AC114" s="8">
        <v>4.0199999999999996</v>
      </c>
      <c r="AD114" s="8">
        <v>3.94</v>
      </c>
      <c r="AE114" s="8">
        <v>3.89</v>
      </c>
      <c r="AF114" s="8">
        <v>3.78</v>
      </c>
      <c r="AG114" s="8">
        <v>3.83</v>
      </c>
      <c r="AH114" s="8">
        <v>3.79</v>
      </c>
      <c r="AI114" s="8">
        <v>3.78</v>
      </c>
      <c r="AJ114" s="8">
        <v>3.76</v>
      </c>
      <c r="AK114" s="8">
        <v>3.88</v>
      </c>
      <c r="AL114" s="8">
        <v>3.85</v>
      </c>
      <c r="AM114" s="8">
        <v>3.78</v>
      </c>
      <c r="AN114" s="8">
        <v>3.83</v>
      </c>
      <c r="AO114" s="8">
        <v>3.7</v>
      </c>
      <c r="AP114" s="8">
        <v>4.59</v>
      </c>
      <c r="AQ114" s="8">
        <v>3.65</v>
      </c>
      <c r="AR114" s="8">
        <v>3.74</v>
      </c>
      <c r="AS114" s="8">
        <v>3.75</v>
      </c>
      <c r="AT114" s="8">
        <v>3.77</v>
      </c>
      <c r="AU114" s="8">
        <v>3.82</v>
      </c>
      <c r="AV114" s="8">
        <v>3.87</v>
      </c>
      <c r="AW114" s="8">
        <v>3.95</v>
      </c>
      <c r="AX114" s="8">
        <v>3.97</v>
      </c>
      <c r="AY114" s="8">
        <v>3.96</v>
      </c>
      <c r="AZ114" s="8">
        <v>4.0199999999999996</v>
      </c>
      <c r="BA114" s="8">
        <v>3.96</v>
      </c>
      <c r="BB114" s="8">
        <v>3.97</v>
      </c>
      <c r="BC114" s="8">
        <v>3.97</v>
      </c>
      <c r="BD114" s="8">
        <v>3.95</v>
      </c>
      <c r="BE114" s="17"/>
    </row>
    <row r="115" spans="3:57" x14ac:dyDescent="0.2">
      <c r="C115" s="88" t="s">
        <v>70</v>
      </c>
      <c r="D115" s="6" t="s">
        <v>58</v>
      </c>
      <c r="E115" s="8">
        <v>4.38</v>
      </c>
      <c r="F115" s="8">
        <v>4.38</v>
      </c>
      <c r="G115" s="8">
        <v>4.46</v>
      </c>
      <c r="H115" s="8">
        <v>4.6100000000000003</v>
      </c>
      <c r="I115" s="8">
        <v>4.66</v>
      </c>
      <c r="J115" s="8">
        <v>4.66</v>
      </c>
      <c r="K115" s="8">
        <v>4.59</v>
      </c>
      <c r="L115" s="8">
        <v>4.5999999999999996</v>
      </c>
      <c r="M115" s="8">
        <v>4.58</v>
      </c>
      <c r="N115" s="8">
        <v>4.2</v>
      </c>
      <c r="O115" s="8">
        <v>4.16</v>
      </c>
      <c r="P115" s="8">
        <v>4.12</v>
      </c>
      <c r="Q115" s="8">
        <v>4.09</v>
      </c>
      <c r="R115" s="8">
        <v>4</v>
      </c>
      <c r="S115" s="8">
        <v>3.87</v>
      </c>
      <c r="T115" s="8">
        <v>3.86</v>
      </c>
      <c r="U115" s="8">
        <v>3.88</v>
      </c>
      <c r="V115" s="8">
        <v>3.95</v>
      </c>
      <c r="W115" s="8">
        <v>3.99</v>
      </c>
      <c r="X115" s="8">
        <v>3.97</v>
      </c>
      <c r="Y115" s="8">
        <v>4</v>
      </c>
      <c r="Z115" s="8">
        <v>4.05</v>
      </c>
      <c r="AA115" s="8">
        <v>4.05</v>
      </c>
      <c r="AB115" s="8">
        <v>4.0599999999999996</v>
      </c>
      <c r="AC115" s="8">
        <v>4.08</v>
      </c>
      <c r="AD115" s="8">
        <v>4.1500000000000004</v>
      </c>
      <c r="AE115" s="8">
        <v>4.1399999999999997</v>
      </c>
      <c r="AF115" s="8">
        <v>4.13</v>
      </c>
      <c r="AG115" s="8">
        <v>4.17</v>
      </c>
      <c r="AH115" s="8">
        <v>4.26</v>
      </c>
      <c r="AI115" s="8">
        <v>4.3600000000000003</v>
      </c>
      <c r="AJ115" s="8">
        <v>4.34</v>
      </c>
      <c r="AK115" s="8">
        <v>4.3499999999999996</v>
      </c>
      <c r="AL115" s="8">
        <v>4.3899999999999997</v>
      </c>
      <c r="AM115" s="8">
        <v>4.38</v>
      </c>
      <c r="AN115" s="8">
        <v>4.29</v>
      </c>
      <c r="AO115" s="8">
        <v>4.29</v>
      </c>
      <c r="AP115" s="8">
        <v>4.42</v>
      </c>
      <c r="AQ115" s="8">
        <v>4.42</v>
      </c>
      <c r="AR115" s="8">
        <v>4.32</v>
      </c>
      <c r="AS115" s="8">
        <v>4.08</v>
      </c>
      <c r="AT115" s="8">
        <v>4.04</v>
      </c>
      <c r="AU115" s="8">
        <v>4.01</v>
      </c>
      <c r="AV115" s="8">
        <v>4.04</v>
      </c>
      <c r="AW115" s="8">
        <v>4.08</v>
      </c>
      <c r="AX115" s="8">
        <v>4.16</v>
      </c>
      <c r="AY115" s="8">
        <v>4.2300000000000004</v>
      </c>
      <c r="AZ115" s="8">
        <v>4.1500000000000004</v>
      </c>
      <c r="BA115" s="8">
        <v>4.2300000000000004</v>
      </c>
      <c r="BB115" s="8">
        <v>4.21</v>
      </c>
      <c r="BC115" s="8">
        <v>4.3600000000000003</v>
      </c>
      <c r="BD115" s="8">
        <v>4.38</v>
      </c>
      <c r="BE115" s="17"/>
    </row>
    <row r="116" spans="3:57" x14ac:dyDescent="0.2">
      <c r="C116" s="88" t="s">
        <v>101</v>
      </c>
      <c r="D116" s="6" t="s">
        <v>58</v>
      </c>
      <c r="E116" s="8">
        <v>9.7799999999999994</v>
      </c>
      <c r="F116" s="8">
        <v>9.94</v>
      </c>
      <c r="G116" s="8">
        <v>9.9600000000000009</v>
      </c>
      <c r="H116" s="8">
        <v>10.199999999999999</v>
      </c>
      <c r="I116" s="8">
        <v>10.23</v>
      </c>
      <c r="J116" s="8">
        <v>10.26</v>
      </c>
      <c r="K116" s="8">
        <v>10.55</v>
      </c>
      <c r="L116" s="8">
        <v>10.34</v>
      </c>
      <c r="M116" s="8">
        <v>10.32</v>
      </c>
      <c r="N116" s="8">
        <v>10.220000000000001</v>
      </c>
      <c r="O116" s="8">
        <v>10.220000000000001</v>
      </c>
      <c r="P116" s="8">
        <v>10.24</v>
      </c>
      <c r="Q116" s="8">
        <v>10.24</v>
      </c>
      <c r="R116" s="8">
        <v>10.17</v>
      </c>
      <c r="S116" s="8">
        <v>9.92</v>
      </c>
      <c r="T116" s="8">
        <v>10.050000000000001</v>
      </c>
      <c r="U116" s="8">
        <v>10.44</v>
      </c>
      <c r="V116" s="8">
        <v>10.52</v>
      </c>
      <c r="W116" s="8">
        <v>10.62</v>
      </c>
      <c r="X116" s="8">
        <v>10.72</v>
      </c>
      <c r="Y116" s="8">
        <v>10.77</v>
      </c>
      <c r="Z116" s="8">
        <v>10.71</v>
      </c>
      <c r="AA116" s="8">
        <v>10.84</v>
      </c>
      <c r="AB116" s="8">
        <v>10.82</v>
      </c>
      <c r="AC116" s="8">
        <v>11.01</v>
      </c>
      <c r="AD116" s="8">
        <v>11.31</v>
      </c>
      <c r="AE116" s="8">
        <v>10.71</v>
      </c>
      <c r="AF116" s="8">
        <v>10.51</v>
      </c>
      <c r="AG116" s="8">
        <v>10.06</v>
      </c>
      <c r="AH116" s="8">
        <v>9.99</v>
      </c>
      <c r="AI116" s="8">
        <v>9.83</v>
      </c>
      <c r="AJ116" s="8">
        <v>9.6999999999999993</v>
      </c>
      <c r="AK116" s="8">
        <v>9.6999999999999993</v>
      </c>
      <c r="AL116" s="8">
        <v>9.76</v>
      </c>
      <c r="AM116" s="8">
        <v>10.15</v>
      </c>
      <c r="AN116" s="8">
        <v>10.19</v>
      </c>
      <c r="AO116" s="8">
        <v>10.37</v>
      </c>
      <c r="AP116" s="8">
        <v>10.48</v>
      </c>
      <c r="AQ116" s="8">
        <v>10.210000000000001</v>
      </c>
      <c r="AR116" s="8">
        <v>10.33</v>
      </c>
      <c r="AS116" s="8">
        <v>10.45</v>
      </c>
      <c r="AT116" s="8">
        <v>10.35</v>
      </c>
      <c r="AU116" s="8">
        <v>10.62</v>
      </c>
      <c r="AV116" s="8">
        <v>10.67</v>
      </c>
      <c r="AW116" s="8">
        <v>10.43</v>
      </c>
      <c r="AX116" s="8">
        <v>10.210000000000001</v>
      </c>
      <c r="AY116" s="8">
        <v>10.37</v>
      </c>
      <c r="AZ116" s="8">
        <v>10.55</v>
      </c>
      <c r="BA116" s="8">
        <v>10.61</v>
      </c>
      <c r="BB116" s="8">
        <v>10.4</v>
      </c>
      <c r="BC116" s="8">
        <v>10.3</v>
      </c>
      <c r="BD116" s="8">
        <v>10.59</v>
      </c>
      <c r="BE116" s="17"/>
    </row>
    <row r="117" spans="3:57" x14ac:dyDescent="0.2">
      <c r="C117" s="88" t="s">
        <v>71</v>
      </c>
      <c r="D117" s="6" t="s">
        <v>58</v>
      </c>
      <c r="E117" s="8">
        <v>5.2</v>
      </c>
      <c r="F117" s="8">
        <v>5.21</v>
      </c>
      <c r="G117" s="8">
        <v>5.21</v>
      </c>
      <c r="H117" s="8">
        <v>5.23</v>
      </c>
      <c r="I117" s="8">
        <v>5.21</v>
      </c>
      <c r="J117" s="8">
        <v>5.18</v>
      </c>
      <c r="K117" s="8">
        <v>5.18</v>
      </c>
      <c r="L117" s="8">
        <v>5.15</v>
      </c>
      <c r="M117" s="8">
        <v>5.22</v>
      </c>
      <c r="N117" s="8">
        <v>5.21</v>
      </c>
      <c r="O117" s="8">
        <v>5.2</v>
      </c>
      <c r="P117" s="8">
        <v>5.2</v>
      </c>
      <c r="Q117" s="8">
        <v>5.22</v>
      </c>
      <c r="R117" s="8">
        <v>5.2</v>
      </c>
      <c r="S117" s="8">
        <v>5.24</v>
      </c>
      <c r="T117" s="8">
        <v>5.39</v>
      </c>
      <c r="U117" s="8">
        <v>5.4</v>
      </c>
      <c r="V117" s="8">
        <v>5.39</v>
      </c>
      <c r="W117" s="8">
        <v>5.38</v>
      </c>
      <c r="X117" s="8">
        <v>5.36</v>
      </c>
      <c r="Y117" s="8">
        <v>5.42</v>
      </c>
      <c r="Z117" s="8">
        <v>5.44</v>
      </c>
      <c r="AA117" s="8">
        <v>5.44</v>
      </c>
      <c r="AB117" s="8">
        <v>5.4</v>
      </c>
      <c r="AC117" s="8">
        <v>5.42</v>
      </c>
      <c r="AD117" s="8">
        <v>5.47</v>
      </c>
      <c r="AE117" s="8">
        <v>5.43</v>
      </c>
      <c r="AF117" s="8">
        <v>5.38</v>
      </c>
      <c r="AG117" s="8">
        <v>5.35</v>
      </c>
      <c r="AH117" s="8">
        <v>5.37</v>
      </c>
      <c r="AI117" s="8">
        <v>5.39</v>
      </c>
      <c r="AJ117" s="8">
        <v>5.43</v>
      </c>
      <c r="AK117" s="8">
        <v>5.46</v>
      </c>
      <c r="AL117" s="8">
        <v>5.46</v>
      </c>
      <c r="AM117" s="8">
        <v>5.46</v>
      </c>
      <c r="AN117" s="8">
        <v>5.55</v>
      </c>
      <c r="AO117" s="8">
        <v>5.53</v>
      </c>
      <c r="AP117" s="8">
        <v>5.53</v>
      </c>
      <c r="AQ117" s="8">
        <v>5.46</v>
      </c>
      <c r="AR117" s="8">
        <v>5.55</v>
      </c>
      <c r="AS117" s="8">
        <v>5.53</v>
      </c>
      <c r="AT117" s="8">
        <v>5.5</v>
      </c>
      <c r="AU117" s="8">
        <v>5.53</v>
      </c>
      <c r="AV117" s="8">
        <v>5.54</v>
      </c>
      <c r="AW117" s="8">
        <v>5.5</v>
      </c>
      <c r="AX117" s="8">
        <v>5.5</v>
      </c>
      <c r="AY117" s="8">
        <v>5.48</v>
      </c>
      <c r="AZ117" s="8">
        <v>5.5</v>
      </c>
      <c r="BA117" s="8">
        <v>5.47</v>
      </c>
      <c r="BB117" s="8">
        <v>5.45</v>
      </c>
      <c r="BC117" s="8">
        <v>5.44</v>
      </c>
      <c r="BD117" s="8">
        <v>5.36</v>
      </c>
      <c r="BE117" s="17"/>
    </row>
    <row r="118" spans="3:57" x14ac:dyDescent="0.2">
      <c r="C118" s="88" t="s">
        <v>102</v>
      </c>
      <c r="D118" s="6" t="s">
        <v>58</v>
      </c>
      <c r="E118" s="17">
        <v>9.74</v>
      </c>
      <c r="F118" s="17">
        <v>9.42</v>
      </c>
      <c r="G118" s="17">
        <v>9.32</v>
      </c>
      <c r="H118" s="17">
        <v>9.3800000000000008</v>
      </c>
      <c r="I118" s="17">
        <v>9.34</v>
      </c>
      <c r="J118" s="17">
        <v>9.34</v>
      </c>
      <c r="K118" s="17">
        <v>9.51</v>
      </c>
      <c r="L118" s="17">
        <v>9.4700000000000006</v>
      </c>
      <c r="M118" s="17">
        <v>9.4600000000000009</v>
      </c>
      <c r="N118" s="17">
        <v>9.4</v>
      </c>
      <c r="O118" s="17">
        <v>9.49</v>
      </c>
      <c r="P118" s="17">
        <v>9.41</v>
      </c>
      <c r="Q118" s="17">
        <v>9.44</v>
      </c>
      <c r="R118" s="17">
        <v>9.4499999999999993</v>
      </c>
      <c r="S118" s="17">
        <v>9.1199999999999992</v>
      </c>
      <c r="T118" s="17">
        <v>9.0299999999999994</v>
      </c>
      <c r="U118" s="17">
        <v>9.02</v>
      </c>
      <c r="V118" s="17">
        <v>8.8000000000000007</v>
      </c>
      <c r="W118" s="17">
        <v>8.89</v>
      </c>
      <c r="X118" s="17">
        <v>9</v>
      </c>
      <c r="Y118" s="17">
        <v>9.0399999999999991</v>
      </c>
      <c r="Z118" s="17">
        <v>9</v>
      </c>
      <c r="AA118" s="17">
        <v>8.91</v>
      </c>
      <c r="AB118" s="17">
        <v>8.92</v>
      </c>
      <c r="AC118" s="17">
        <v>8.9</v>
      </c>
      <c r="AD118" s="17">
        <v>8.9700000000000006</v>
      </c>
      <c r="AE118" s="17">
        <v>8.99</v>
      </c>
      <c r="AF118" s="17">
        <v>8.93</v>
      </c>
      <c r="AG118" s="17">
        <v>8.85</v>
      </c>
      <c r="AH118" s="17">
        <v>8.92</v>
      </c>
      <c r="AI118" s="17">
        <v>8.93</v>
      </c>
      <c r="AJ118" s="17">
        <v>8.91</v>
      </c>
      <c r="AK118" s="17">
        <v>8.93</v>
      </c>
      <c r="AL118" s="17">
        <v>8.91</v>
      </c>
      <c r="AM118" s="17">
        <v>8.9499999999999993</v>
      </c>
      <c r="AN118" s="17">
        <v>8.99</v>
      </c>
      <c r="AO118" s="17">
        <v>8.99</v>
      </c>
      <c r="AP118" s="17">
        <v>8.91</v>
      </c>
      <c r="AQ118" s="17">
        <v>8.92</v>
      </c>
      <c r="AR118" s="17">
        <v>8.98</v>
      </c>
      <c r="AS118" s="17">
        <v>8.8699999999999992</v>
      </c>
      <c r="AT118" s="17">
        <v>8.9600000000000009</v>
      </c>
      <c r="AU118" s="17">
        <v>9.07</v>
      </c>
      <c r="AV118" s="17">
        <v>9.07</v>
      </c>
      <c r="AW118" s="17">
        <v>9.07</v>
      </c>
      <c r="AX118" s="17">
        <v>9</v>
      </c>
      <c r="AY118" s="17">
        <v>9.11</v>
      </c>
      <c r="AZ118" s="17">
        <v>9.2799999999999994</v>
      </c>
      <c r="BA118" s="17">
        <v>9.25</v>
      </c>
      <c r="BB118" s="17">
        <v>9.4700000000000006</v>
      </c>
      <c r="BC118" s="17">
        <v>9.49</v>
      </c>
      <c r="BD118" s="17">
        <v>9.59</v>
      </c>
      <c r="BE118" s="17"/>
    </row>
    <row r="119" spans="3:57" x14ac:dyDescent="0.2">
      <c r="C119" s="88" t="s">
        <v>72</v>
      </c>
      <c r="D119" s="6" t="s">
        <v>58</v>
      </c>
      <c r="E119" s="8">
        <v>9.93</v>
      </c>
      <c r="F119" s="8">
        <v>9.93</v>
      </c>
      <c r="G119" s="8">
        <v>10.050000000000001</v>
      </c>
      <c r="H119" s="8">
        <v>10.029999999999999</v>
      </c>
      <c r="I119" s="8">
        <v>10.050000000000001</v>
      </c>
      <c r="J119" s="8">
        <v>10.17</v>
      </c>
      <c r="K119" s="8">
        <v>10.28</v>
      </c>
      <c r="L119" s="8">
        <v>10.29</v>
      </c>
      <c r="M119" s="8">
        <v>10.32</v>
      </c>
      <c r="N119" s="8">
        <v>10.53</v>
      </c>
      <c r="O119" s="8">
        <v>10.47</v>
      </c>
      <c r="P119" s="8">
        <v>10.46</v>
      </c>
      <c r="Q119" s="8">
        <v>10.35</v>
      </c>
      <c r="R119" s="8">
        <v>10.5</v>
      </c>
      <c r="S119" s="8">
        <v>10.63</v>
      </c>
      <c r="T119" s="8">
        <v>10.74</v>
      </c>
      <c r="U119" s="8">
        <v>10.85</v>
      </c>
      <c r="V119" s="8">
        <v>10.9</v>
      </c>
      <c r="W119" s="8">
        <v>10.86</v>
      </c>
      <c r="X119" s="8">
        <v>11.01</v>
      </c>
      <c r="Y119" s="8">
        <v>11.12</v>
      </c>
      <c r="Z119" s="8">
        <v>11.16</v>
      </c>
      <c r="AA119" s="8">
        <v>11.18</v>
      </c>
      <c r="AB119" s="8">
        <v>11.05</v>
      </c>
      <c r="AC119" s="8">
        <v>10.9</v>
      </c>
      <c r="AD119" s="8">
        <v>10.96</v>
      </c>
      <c r="AE119" s="8">
        <v>11.16</v>
      </c>
      <c r="AF119" s="8">
        <v>11.24</v>
      </c>
      <c r="AG119" s="8">
        <v>11.42</v>
      </c>
      <c r="AH119" s="8">
        <v>11.49</v>
      </c>
      <c r="AI119" s="8">
        <v>11.55</v>
      </c>
      <c r="AJ119" s="8">
        <v>11.56</v>
      </c>
      <c r="AK119" s="8">
        <v>11.54</v>
      </c>
      <c r="AL119" s="8">
        <v>11.63</v>
      </c>
      <c r="AM119" s="8">
        <v>11.74</v>
      </c>
      <c r="AN119" s="8">
        <v>11.84</v>
      </c>
      <c r="AO119" s="8">
        <v>11.77</v>
      </c>
      <c r="AP119" s="8">
        <v>11.47</v>
      </c>
      <c r="AQ119" s="8">
        <v>11.22</v>
      </c>
      <c r="AR119" s="8">
        <v>11.01</v>
      </c>
      <c r="AS119" s="8">
        <v>10.95</v>
      </c>
      <c r="AT119" s="8">
        <v>10.77</v>
      </c>
      <c r="AU119" s="8">
        <v>10.84</v>
      </c>
      <c r="AV119" s="8">
        <v>10.82</v>
      </c>
      <c r="AW119" s="8">
        <v>10.91</v>
      </c>
      <c r="AX119" s="8">
        <v>10.96</v>
      </c>
      <c r="AY119" s="8">
        <v>10.99</v>
      </c>
      <c r="AZ119" s="8">
        <v>10.94</v>
      </c>
      <c r="BA119" s="8">
        <v>10.86</v>
      </c>
      <c r="BB119" s="8">
        <v>11.04</v>
      </c>
      <c r="BC119" s="8">
        <v>11.11</v>
      </c>
      <c r="BD119" s="8">
        <v>11.12</v>
      </c>
      <c r="BE119" s="17"/>
    </row>
    <row r="120" spans="3:57" x14ac:dyDescent="0.2">
      <c r="C120" s="88" t="s">
        <v>73</v>
      </c>
      <c r="D120" s="6" t="s">
        <v>58</v>
      </c>
      <c r="E120" s="8">
        <v>8.73</v>
      </c>
      <c r="F120" s="8">
        <v>8.69</v>
      </c>
      <c r="G120" s="8">
        <v>8.5399999999999991</v>
      </c>
      <c r="H120" s="8">
        <v>8.5399999999999991</v>
      </c>
      <c r="I120" s="8">
        <v>8.5399999999999991</v>
      </c>
      <c r="J120" s="8">
        <v>8.4700000000000006</v>
      </c>
      <c r="K120" s="8">
        <v>8.43</v>
      </c>
      <c r="L120" s="8">
        <v>8.43</v>
      </c>
      <c r="M120" s="8">
        <v>8.51</v>
      </c>
      <c r="N120" s="8">
        <v>8.58</v>
      </c>
      <c r="O120" s="8">
        <v>8.58</v>
      </c>
      <c r="P120" s="8">
        <v>8.59</v>
      </c>
      <c r="Q120" s="8">
        <v>8.59</v>
      </c>
      <c r="R120" s="8">
        <v>8.57</v>
      </c>
      <c r="S120" s="8">
        <v>8.9499999999999993</v>
      </c>
      <c r="T120" s="8">
        <v>8.7200000000000006</v>
      </c>
      <c r="U120" s="8">
        <v>8.6</v>
      </c>
      <c r="V120" s="8">
        <v>8.6300000000000008</v>
      </c>
      <c r="W120" s="8">
        <v>8.66</v>
      </c>
      <c r="X120" s="8">
        <v>8.7200000000000006</v>
      </c>
      <c r="Y120" s="8">
        <v>8.7899999999999991</v>
      </c>
      <c r="Z120" s="8">
        <v>8.9700000000000006</v>
      </c>
      <c r="AA120" s="8">
        <v>8.75</v>
      </c>
      <c r="AB120" s="8">
        <v>8.4700000000000006</v>
      </c>
      <c r="AC120" s="8">
        <v>8.4499999999999993</v>
      </c>
      <c r="AD120" s="8">
        <v>8.4499999999999993</v>
      </c>
      <c r="AE120" s="8">
        <v>8.7200000000000006</v>
      </c>
      <c r="AF120" s="8">
        <v>8.8000000000000007</v>
      </c>
      <c r="AG120" s="8">
        <v>8.6199999999999992</v>
      </c>
      <c r="AH120" s="8">
        <v>8.5299999999999994</v>
      </c>
      <c r="AI120" s="8">
        <v>8.5299999999999994</v>
      </c>
      <c r="AJ120" s="8">
        <v>8.4600000000000009</v>
      </c>
      <c r="AK120" s="8">
        <v>8.4</v>
      </c>
      <c r="AL120" s="8">
        <v>8.41</v>
      </c>
      <c r="AM120" s="8">
        <v>8.36</v>
      </c>
      <c r="AN120" s="8">
        <v>8.27</v>
      </c>
      <c r="AO120" s="8">
        <v>8.31</v>
      </c>
      <c r="AP120" s="8">
        <v>8.1199999999999992</v>
      </c>
      <c r="AQ120" s="8">
        <v>8.17</v>
      </c>
      <c r="AR120" s="8">
        <v>8.17</v>
      </c>
      <c r="AS120" s="8">
        <v>8.26</v>
      </c>
      <c r="AT120" s="8">
        <v>8.27</v>
      </c>
      <c r="AU120" s="8">
        <v>8.23</v>
      </c>
      <c r="AV120" s="8">
        <v>8.24</v>
      </c>
      <c r="AW120" s="8">
        <v>8.33</v>
      </c>
      <c r="AX120" s="8">
        <v>8.2899999999999991</v>
      </c>
      <c r="AY120" s="8">
        <v>8.25</v>
      </c>
      <c r="AZ120" s="8">
        <v>8.19</v>
      </c>
      <c r="BA120" s="8">
        <v>8.2100000000000009</v>
      </c>
      <c r="BB120" s="8">
        <v>8.44</v>
      </c>
      <c r="BC120" s="8">
        <v>8.69</v>
      </c>
      <c r="BD120" s="8">
        <v>8.7899999999999991</v>
      </c>
      <c r="BE120" s="17"/>
    </row>
    <row r="121" spans="3:57" x14ac:dyDescent="0.2">
      <c r="C121" s="88" t="s">
        <v>74</v>
      </c>
      <c r="D121" s="6" t="s">
        <v>58</v>
      </c>
      <c r="E121" s="8">
        <v>2.99</v>
      </c>
      <c r="F121" s="8">
        <v>2.99</v>
      </c>
      <c r="G121" s="8">
        <v>2.98</v>
      </c>
      <c r="H121" s="8">
        <v>2.98</v>
      </c>
      <c r="I121" s="8">
        <v>2.95</v>
      </c>
      <c r="J121" s="8">
        <v>2.96</v>
      </c>
      <c r="K121" s="8">
        <v>2.95</v>
      </c>
      <c r="L121" s="8">
        <v>2.92</v>
      </c>
      <c r="M121" s="8">
        <v>2.92</v>
      </c>
      <c r="N121" s="8">
        <v>2.87</v>
      </c>
      <c r="O121" s="8">
        <v>2.87</v>
      </c>
      <c r="P121" s="8">
        <v>2.91</v>
      </c>
      <c r="Q121" s="8">
        <v>2.89</v>
      </c>
      <c r="R121" s="8">
        <v>2.9</v>
      </c>
      <c r="S121" s="8">
        <v>2.71</v>
      </c>
      <c r="T121" s="8">
        <v>2.73</v>
      </c>
      <c r="U121" s="8">
        <v>2.82</v>
      </c>
      <c r="V121" s="8">
        <v>2.83</v>
      </c>
      <c r="W121" s="8">
        <v>2.86</v>
      </c>
      <c r="X121" s="8">
        <v>2.84</v>
      </c>
      <c r="Y121" s="8">
        <v>2.84</v>
      </c>
      <c r="Z121" s="8">
        <v>2.85</v>
      </c>
      <c r="AA121" s="8">
        <v>2.83</v>
      </c>
      <c r="AB121" s="8">
        <v>2.78</v>
      </c>
      <c r="AC121" s="8">
        <v>2.8</v>
      </c>
      <c r="AD121" s="8">
        <v>2.81</v>
      </c>
      <c r="AE121" s="8">
        <v>2.83</v>
      </c>
      <c r="AF121" s="8">
        <v>2.79</v>
      </c>
      <c r="AG121" s="8">
        <v>2.8</v>
      </c>
      <c r="AH121" s="8">
        <v>2.79</v>
      </c>
      <c r="AI121" s="8">
        <v>2.8</v>
      </c>
      <c r="AJ121" s="8">
        <v>2.78</v>
      </c>
      <c r="AK121" s="8">
        <v>2.78</v>
      </c>
      <c r="AL121" s="8">
        <v>2.81</v>
      </c>
      <c r="AM121" s="8">
        <v>2.82</v>
      </c>
      <c r="AN121" s="8">
        <v>2.84</v>
      </c>
      <c r="AO121" s="8">
        <v>2.81</v>
      </c>
      <c r="AP121" s="8">
        <v>2.78</v>
      </c>
      <c r="AQ121" s="8">
        <v>2.76</v>
      </c>
      <c r="AR121" s="8">
        <v>2.77</v>
      </c>
      <c r="AS121" s="8">
        <v>2.76</v>
      </c>
      <c r="AT121" s="8">
        <v>2.77</v>
      </c>
      <c r="AU121" s="8">
        <v>2.74</v>
      </c>
      <c r="AV121" s="8">
        <v>2.75</v>
      </c>
      <c r="AW121" s="8">
        <v>2.8</v>
      </c>
      <c r="AX121" s="8">
        <v>2.77</v>
      </c>
      <c r="AY121" s="8">
        <v>2.79</v>
      </c>
      <c r="AZ121" s="8">
        <v>2.78</v>
      </c>
      <c r="BA121" s="8">
        <v>2.78</v>
      </c>
      <c r="BB121" s="8">
        <v>2.8</v>
      </c>
      <c r="BC121" s="8">
        <v>2.8</v>
      </c>
      <c r="BD121" s="8">
        <v>2.72</v>
      </c>
      <c r="BE121" s="17"/>
    </row>
    <row r="122" spans="3:57" x14ac:dyDescent="0.2">
      <c r="C122" s="89" t="s">
        <v>78</v>
      </c>
      <c r="D122" s="6" t="s">
        <v>58</v>
      </c>
      <c r="E122" s="8">
        <v>0.78</v>
      </c>
      <c r="F122" s="8">
        <v>0.54</v>
      </c>
      <c r="G122" s="8">
        <v>0.55000000000000004</v>
      </c>
      <c r="H122" s="8">
        <v>0.85</v>
      </c>
      <c r="I122" s="8">
        <v>0.8</v>
      </c>
      <c r="J122" s="8">
        <v>0.79</v>
      </c>
      <c r="K122" s="8">
        <v>0.8</v>
      </c>
      <c r="L122" s="8">
        <v>0.85</v>
      </c>
      <c r="M122" s="8">
        <v>0.86</v>
      </c>
      <c r="N122" s="8">
        <v>0.86</v>
      </c>
      <c r="O122" s="8">
        <v>0.88</v>
      </c>
      <c r="P122" s="8">
        <v>0.88</v>
      </c>
      <c r="Q122" s="8">
        <v>0.89</v>
      </c>
      <c r="R122" s="8">
        <v>0.88</v>
      </c>
      <c r="S122" s="8">
        <v>0.91</v>
      </c>
      <c r="T122" s="8">
        <v>0.97</v>
      </c>
      <c r="U122" s="8">
        <v>0.98</v>
      </c>
      <c r="V122" s="8">
        <v>1</v>
      </c>
      <c r="W122" s="8">
        <v>1.01</v>
      </c>
      <c r="X122" s="8">
        <v>1</v>
      </c>
      <c r="Y122" s="8">
        <v>1</v>
      </c>
      <c r="Z122" s="8">
        <v>1.01</v>
      </c>
      <c r="AA122" s="8">
        <v>1.1000000000000001</v>
      </c>
      <c r="AB122" s="8">
        <v>0.73</v>
      </c>
      <c r="AC122" s="8">
        <v>1.17</v>
      </c>
      <c r="AD122" s="8">
        <v>1.19</v>
      </c>
      <c r="AE122" s="8">
        <v>1.18</v>
      </c>
      <c r="AF122" s="8">
        <v>1.22</v>
      </c>
      <c r="AG122" s="8">
        <v>0.77</v>
      </c>
      <c r="AH122" s="8">
        <v>1.21</v>
      </c>
      <c r="AI122" s="8">
        <v>1.21</v>
      </c>
      <c r="AJ122" s="8">
        <v>1.23</v>
      </c>
      <c r="AK122" s="8">
        <v>1.23</v>
      </c>
      <c r="AL122" s="8">
        <v>1.23</v>
      </c>
      <c r="AM122" s="8">
        <v>1.22</v>
      </c>
      <c r="AN122" s="8">
        <v>1.23</v>
      </c>
      <c r="AO122" s="8">
        <v>1.1499999999999999</v>
      </c>
      <c r="AP122" s="8">
        <v>1.1499999999999999</v>
      </c>
      <c r="AQ122" s="8">
        <v>1.1000000000000001</v>
      </c>
      <c r="AR122" s="8">
        <v>1.1000000000000001</v>
      </c>
      <c r="AS122" s="8">
        <v>1.1000000000000001</v>
      </c>
      <c r="AT122" s="8">
        <v>1.1100000000000001</v>
      </c>
      <c r="AU122" s="8">
        <v>1.26</v>
      </c>
      <c r="AV122" s="8">
        <v>1.25</v>
      </c>
      <c r="AW122" s="8">
        <v>1.05</v>
      </c>
      <c r="AX122" s="8">
        <v>1.04</v>
      </c>
      <c r="AY122" s="8">
        <v>1.05</v>
      </c>
      <c r="AZ122" s="8">
        <v>1.04</v>
      </c>
      <c r="BA122" s="8">
        <v>1.04</v>
      </c>
      <c r="BB122" s="8">
        <v>1.04</v>
      </c>
      <c r="BC122" s="8">
        <v>1.04</v>
      </c>
      <c r="BD122" s="8">
        <v>1.04</v>
      </c>
      <c r="BE122" s="17"/>
    </row>
    <row r="123" spans="3:57" x14ac:dyDescent="0.2">
      <c r="C123" s="89" t="s">
        <v>79</v>
      </c>
      <c r="D123" s="6" t="s">
        <v>58</v>
      </c>
      <c r="E123" s="8">
        <v>1.62</v>
      </c>
      <c r="F123" s="8">
        <v>1.62</v>
      </c>
      <c r="G123" s="8">
        <v>1.61</v>
      </c>
      <c r="H123" s="8">
        <v>1.61</v>
      </c>
      <c r="I123" s="8">
        <v>1.6</v>
      </c>
      <c r="J123" s="8">
        <v>1.59</v>
      </c>
      <c r="K123" s="8">
        <v>1.59</v>
      </c>
      <c r="L123" s="8">
        <v>1.59</v>
      </c>
      <c r="M123" s="8">
        <v>1.59</v>
      </c>
      <c r="N123" s="8">
        <v>1.6</v>
      </c>
      <c r="O123" s="8">
        <v>1.6</v>
      </c>
      <c r="P123" s="8">
        <v>1.6</v>
      </c>
      <c r="Q123" s="8">
        <v>1.6</v>
      </c>
      <c r="R123" s="8">
        <v>1.59</v>
      </c>
      <c r="S123" s="8">
        <v>1.55</v>
      </c>
      <c r="T123" s="8">
        <v>1.53</v>
      </c>
      <c r="U123" s="8">
        <v>1.56</v>
      </c>
      <c r="V123" s="8">
        <v>1.56</v>
      </c>
      <c r="W123" s="8">
        <v>1.57</v>
      </c>
      <c r="X123" s="8">
        <v>1.58</v>
      </c>
      <c r="Y123" s="8">
        <v>1.57</v>
      </c>
      <c r="Z123" s="8">
        <v>1.61</v>
      </c>
      <c r="AA123" s="8">
        <v>1.64</v>
      </c>
      <c r="AB123" s="8">
        <v>1.67</v>
      </c>
      <c r="AC123" s="8">
        <v>1.68</v>
      </c>
      <c r="AD123" s="8">
        <v>1.68</v>
      </c>
      <c r="AE123" s="8">
        <v>1.67</v>
      </c>
      <c r="AF123" s="8">
        <v>1.67</v>
      </c>
      <c r="AG123" s="8">
        <v>1.7</v>
      </c>
      <c r="AH123" s="8">
        <v>1.7</v>
      </c>
      <c r="AI123" s="8">
        <v>1.72</v>
      </c>
      <c r="AJ123" s="8">
        <v>1.72</v>
      </c>
      <c r="AK123" s="8">
        <v>1.71</v>
      </c>
      <c r="AL123" s="8">
        <v>1.74</v>
      </c>
      <c r="AM123" s="8">
        <v>1.72</v>
      </c>
      <c r="AN123" s="8">
        <v>1.74</v>
      </c>
      <c r="AO123" s="8">
        <v>1.77</v>
      </c>
      <c r="AP123" s="8">
        <v>1.8</v>
      </c>
      <c r="AQ123" s="8">
        <v>1.74</v>
      </c>
      <c r="AR123" s="8">
        <v>1.79</v>
      </c>
      <c r="AS123" s="8">
        <v>1.8</v>
      </c>
      <c r="AT123" s="8">
        <v>1.79</v>
      </c>
      <c r="AU123" s="8">
        <v>1.79</v>
      </c>
      <c r="AV123" s="8">
        <v>1.81</v>
      </c>
      <c r="AW123" s="8">
        <v>1.82</v>
      </c>
      <c r="AX123" s="8">
        <v>1.83</v>
      </c>
      <c r="AY123" s="8">
        <v>1.82</v>
      </c>
      <c r="AZ123" s="8">
        <v>1.81</v>
      </c>
      <c r="BA123" s="8">
        <v>1.84</v>
      </c>
      <c r="BB123" s="8">
        <v>1.85</v>
      </c>
      <c r="BC123" s="8">
        <v>1.85</v>
      </c>
      <c r="BD123" s="8">
        <v>1.83</v>
      </c>
      <c r="BE123" s="17"/>
    </row>
    <row r="124" spans="3:57" x14ac:dyDescent="0.2">
      <c r="C124" s="89" t="s">
        <v>80</v>
      </c>
      <c r="D124" s="6" t="s">
        <v>58</v>
      </c>
      <c r="E124" s="8">
        <v>1.96</v>
      </c>
      <c r="F124" s="8">
        <v>1.91</v>
      </c>
      <c r="G124" s="8">
        <v>1.96</v>
      </c>
      <c r="H124" s="8">
        <v>1.96</v>
      </c>
      <c r="I124" s="8">
        <v>1.84</v>
      </c>
      <c r="J124" s="8">
        <v>1.77</v>
      </c>
      <c r="K124" s="8">
        <v>1.69</v>
      </c>
      <c r="L124" s="8">
        <v>1.65</v>
      </c>
      <c r="M124" s="8">
        <v>1.65</v>
      </c>
      <c r="N124" s="8">
        <v>1.61</v>
      </c>
      <c r="O124" s="8">
        <v>1.6</v>
      </c>
      <c r="P124" s="8">
        <v>1.59</v>
      </c>
      <c r="Q124" s="8">
        <v>1.55</v>
      </c>
      <c r="R124" s="8">
        <v>1.58</v>
      </c>
      <c r="S124" s="8">
        <v>1.57</v>
      </c>
      <c r="T124" s="8">
        <v>1.54</v>
      </c>
      <c r="U124" s="8">
        <v>1.49</v>
      </c>
      <c r="V124" s="8">
        <v>1.49</v>
      </c>
      <c r="W124" s="8">
        <v>1.57</v>
      </c>
      <c r="X124" s="8">
        <v>1.58</v>
      </c>
      <c r="Y124" s="8">
        <v>1.57</v>
      </c>
      <c r="Z124" s="8">
        <v>1.53</v>
      </c>
      <c r="AA124" s="8">
        <v>1.54</v>
      </c>
      <c r="AB124" s="8">
        <v>1.52</v>
      </c>
      <c r="AC124" s="8">
        <v>1.49</v>
      </c>
      <c r="AD124" s="8">
        <v>1.44</v>
      </c>
      <c r="AE124" s="8">
        <v>1.44</v>
      </c>
      <c r="AF124" s="8">
        <v>1.45</v>
      </c>
      <c r="AG124" s="8">
        <v>1.44</v>
      </c>
      <c r="AH124" s="8">
        <v>1.43</v>
      </c>
      <c r="AI124" s="8">
        <v>1.42</v>
      </c>
      <c r="AJ124" s="8">
        <v>1.4</v>
      </c>
      <c r="AK124" s="8">
        <v>1.39</v>
      </c>
      <c r="AL124" s="8">
        <v>1.37</v>
      </c>
      <c r="AM124" s="8">
        <v>1.35</v>
      </c>
      <c r="AN124" s="8">
        <v>1.44</v>
      </c>
      <c r="AO124" s="8">
        <v>1.5</v>
      </c>
      <c r="AP124" s="8">
        <v>1.51</v>
      </c>
      <c r="AQ124" s="8">
        <v>1.52</v>
      </c>
      <c r="AR124" s="8">
        <v>1.48</v>
      </c>
      <c r="AS124" s="8">
        <v>1.47</v>
      </c>
      <c r="AT124" s="8">
        <v>1.47</v>
      </c>
      <c r="AU124" s="8">
        <v>1.44</v>
      </c>
      <c r="AV124" s="8">
        <v>1.46</v>
      </c>
      <c r="AW124" s="8">
        <v>1.56</v>
      </c>
      <c r="AX124" s="8">
        <v>1.68</v>
      </c>
      <c r="AY124" s="8">
        <v>1.81</v>
      </c>
      <c r="AZ124" s="8">
        <v>2.02</v>
      </c>
      <c r="BA124" s="8">
        <v>2.1800000000000002</v>
      </c>
      <c r="BB124" s="8">
        <v>2.39</v>
      </c>
      <c r="BC124" s="8">
        <v>2.5099999999999998</v>
      </c>
      <c r="BD124" s="8">
        <v>2.4900000000000002</v>
      </c>
      <c r="BE124" s="17"/>
    </row>
    <row r="125" spans="3:57" x14ac:dyDescent="0.2">
      <c r="C125" s="89" t="s">
        <v>117</v>
      </c>
      <c r="D125" s="6" t="s">
        <v>58</v>
      </c>
      <c r="E125" s="8">
        <v>1</v>
      </c>
      <c r="F125" s="8">
        <v>1</v>
      </c>
      <c r="G125" s="8">
        <v>1</v>
      </c>
      <c r="H125" s="8">
        <v>1</v>
      </c>
      <c r="I125" s="8">
        <v>1.01</v>
      </c>
      <c r="J125" s="8">
        <v>1.01</v>
      </c>
      <c r="K125" s="8">
        <v>1.01</v>
      </c>
      <c r="L125" s="8">
        <v>1.01</v>
      </c>
      <c r="M125" s="8">
        <v>1</v>
      </c>
      <c r="N125" s="8">
        <v>1</v>
      </c>
      <c r="O125" s="8">
        <v>1</v>
      </c>
      <c r="P125" s="8">
        <v>1</v>
      </c>
      <c r="Q125" s="8">
        <v>1.01</v>
      </c>
      <c r="R125" s="8">
        <v>1.02</v>
      </c>
      <c r="S125" s="8">
        <v>1.01</v>
      </c>
      <c r="T125" s="8">
        <v>1.01</v>
      </c>
      <c r="U125" s="8">
        <v>1.02</v>
      </c>
      <c r="V125" s="8">
        <v>1.03</v>
      </c>
      <c r="W125" s="8">
        <v>1.03</v>
      </c>
      <c r="X125" s="8">
        <v>1.04</v>
      </c>
      <c r="Y125" s="8">
        <v>1.04</v>
      </c>
      <c r="Z125" s="8">
        <v>1.06</v>
      </c>
      <c r="AA125" s="8">
        <v>1.06</v>
      </c>
      <c r="AB125" s="8">
        <v>1.05</v>
      </c>
      <c r="AC125" s="8">
        <v>1.04</v>
      </c>
      <c r="AD125" s="8">
        <v>1.04</v>
      </c>
      <c r="AE125" s="8">
        <v>1.05</v>
      </c>
      <c r="AF125" s="8">
        <v>1.03</v>
      </c>
      <c r="AG125" s="8">
        <v>1.02</v>
      </c>
      <c r="AH125" s="8">
        <v>1.03</v>
      </c>
      <c r="AI125" s="8">
        <v>1.03</v>
      </c>
      <c r="AJ125" s="8">
        <v>1.03</v>
      </c>
      <c r="AK125" s="8">
        <v>1.03</v>
      </c>
      <c r="AL125" s="8">
        <v>1.03</v>
      </c>
      <c r="AM125" s="8">
        <v>1.02</v>
      </c>
      <c r="AN125" s="8">
        <v>1.02</v>
      </c>
      <c r="AO125" s="8">
        <v>1.01</v>
      </c>
      <c r="AP125" s="8">
        <v>1.01</v>
      </c>
      <c r="AQ125" s="8">
        <v>1.01</v>
      </c>
      <c r="AR125" s="8">
        <v>1.01</v>
      </c>
      <c r="AS125" s="8">
        <v>1.01</v>
      </c>
      <c r="AT125" s="8">
        <v>1.01</v>
      </c>
      <c r="AU125" s="8">
        <v>1.01</v>
      </c>
      <c r="AV125" s="8">
        <v>1.01</v>
      </c>
      <c r="AW125" s="8">
        <v>1</v>
      </c>
      <c r="AX125" s="8">
        <v>1.01</v>
      </c>
      <c r="AY125" s="8">
        <v>1.01</v>
      </c>
      <c r="AZ125" s="8">
        <v>1.01</v>
      </c>
      <c r="BA125" s="8">
        <v>1.01</v>
      </c>
      <c r="BB125" s="8">
        <v>1.01</v>
      </c>
      <c r="BC125" s="8">
        <v>1.01</v>
      </c>
      <c r="BD125" s="8">
        <v>1</v>
      </c>
      <c r="BE125" s="17"/>
    </row>
    <row r="126" spans="3:57" x14ac:dyDescent="0.2">
      <c r="C126" s="89" t="s">
        <v>82</v>
      </c>
      <c r="D126" s="6" t="s">
        <v>58</v>
      </c>
      <c r="E126" s="8">
        <v>3.8</v>
      </c>
      <c r="F126" s="8">
        <v>3.75</v>
      </c>
      <c r="G126" s="8">
        <v>3.73</v>
      </c>
      <c r="H126" s="8">
        <v>3.82</v>
      </c>
      <c r="I126" s="8">
        <v>3.75</v>
      </c>
      <c r="J126" s="8">
        <v>3.76</v>
      </c>
      <c r="K126" s="8">
        <v>3.85</v>
      </c>
      <c r="L126" s="8">
        <v>3.9</v>
      </c>
      <c r="M126" s="8">
        <v>3.88</v>
      </c>
      <c r="N126" s="8">
        <v>3.83</v>
      </c>
      <c r="O126" s="8">
        <v>3.81</v>
      </c>
      <c r="P126" s="8">
        <v>3.77</v>
      </c>
      <c r="Q126" s="8">
        <v>3.76</v>
      </c>
      <c r="R126" s="8">
        <v>3.6</v>
      </c>
      <c r="S126" s="8">
        <v>3.57</v>
      </c>
      <c r="T126" s="8">
        <v>3.52</v>
      </c>
      <c r="U126" s="8">
        <v>3.49</v>
      </c>
      <c r="V126" s="8">
        <v>3.41</v>
      </c>
      <c r="W126" s="8">
        <v>3.49</v>
      </c>
      <c r="X126" s="8">
        <v>3.68</v>
      </c>
      <c r="Y126" s="8">
        <v>3.67</v>
      </c>
      <c r="Z126" s="8">
        <v>3.67</v>
      </c>
      <c r="AA126" s="8">
        <v>3.68</v>
      </c>
      <c r="AB126" s="8">
        <v>3.64</v>
      </c>
      <c r="AC126" s="8">
        <v>3.53</v>
      </c>
      <c r="AD126" s="8">
        <v>3.44</v>
      </c>
      <c r="AE126" s="8">
        <v>3.41</v>
      </c>
      <c r="AF126" s="8">
        <v>3.4</v>
      </c>
      <c r="AG126" s="8">
        <v>3.34</v>
      </c>
      <c r="AH126" s="8">
        <v>3.35</v>
      </c>
      <c r="AI126" s="8">
        <v>3.31</v>
      </c>
      <c r="AJ126" s="8">
        <v>3.27</v>
      </c>
      <c r="AK126" s="8">
        <v>3.27</v>
      </c>
      <c r="AL126" s="8">
        <v>3.19</v>
      </c>
      <c r="AM126" s="8">
        <v>3.17</v>
      </c>
      <c r="AN126" s="8">
        <v>3.29</v>
      </c>
      <c r="AO126" s="8">
        <v>3.4</v>
      </c>
      <c r="AP126" s="8">
        <v>3.52</v>
      </c>
      <c r="AQ126" s="8">
        <v>3.48</v>
      </c>
      <c r="AR126" s="8">
        <v>3.36</v>
      </c>
      <c r="AS126" s="8">
        <v>3.33</v>
      </c>
      <c r="AT126" s="8">
        <v>3.27</v>
      </c>
      <c r="AU126" s="8">
        <v>3.39</v>
      </c>
      <c r="AV126" s="8">
        <v>3.42</v>
      </c>
      <c r="AW126" s="8">
        <v>3.46</v>
      </c>
      <c r="AX126" s="8">
        <v>3.4</v>
      </c>
      <c r="AY126" s="8">
        <v>3.38</v>
      </c>
      <c r="AZ126" s="8">
        <v>3.39</v>
      </c>
      <c r="BA126" s="8">
        <v>3.55</v>
      </c>
      <c r="BB126" s="8">
        <v>3.59</v>
      </c>
      <c r="BC126" s="8">
        <v>3.56</v>
      </c>
      <c r="BD126" s="8">
        <v>3.56</v>
      </c>
      <c r="BE126" s="17"/>
    </row>
    <row r="127" spans="3:57" x14ac:dyDescent="0.2">
      <c r="C127" s="89" t="s">
        <v>84</v>
      </c>
      <c r="D127" s="6" t="s">
        <v>85</v>
      </c>
      <c r="E127" s="8">
        <v>0.96</v>
      </c>
      <c r="F127" s="8">
        <v>0.96</v>
      </c>
      <c r="G127" s="8">
        <v>0.95</v>
      </c>
      <c r="H127" s="8">
        <v>0.96</v>
      </c>
      <c r="I127" s="8">
        <v>0.94</v>
      </c>
      <c r="J127" s="8">
        <v>0.93</v>
      </c>
      <c r="K127" s="8">
        <v>0.93</v>
      </c>
      <c r="L127" s="8">
        <v>0.93</v>
      </c>
      <c r="M127" s="8">
        <v>0.92</v>
      </c>
      <c r="N127" s="8">
        <v>0.92</v>
      </c>
      <c r="O127" s="8">
        <v>0.92</v>
      </c>
      <c r="P127" s="8">
        <v>0.91</v>
      </c>
      <c r="Q127" s="8">
        <v>0.91</v>
      </c>
      <c r="R127" s="8">
        <v>0.92</v>
      </c>
      <c r="S127" s="8">
        <v>0.91</v>
      </c>
      <c r="T127" s="8">
        <v>0.9</v>
      </c>
      <c r="U127" s="8">
        <v>0.91</v>
      </c>
      <c r="V127" s="8">
        <v>0.92</v>
      </c>
      <c r="W127" s="8">
        <v>0.93</v>
      </c>
      <c r="X127" s="8">
        <v>0.94</v>
      </c>
      <c r="Y127" s="8">
        <v>0.95</v>
      </c>
      <c r="Z127" s="8">
        <v>0.96</v>
      </c>
      <c r="AA127" s="8">
        <v>0.97</v>
      </c>
      <c r="AB127" s="8">
        <v>0.97</v>
      </c>
      <c r="AC127" s="8">
        <v>0.97</v>
      </c>
      <c r="AD127" s="8">
        <v>0.96</v>
      </c>
      <c r="AE127" s="8">
        <v>0.96</v>
      </c>
      <c r="AF127" s="8">
        <v>0.94</v>
      </c>
      <c r="AG127" s="8">
        <v>0.94</v>
      </c>
      <c r="AH127" s="8">
        <v>0.94</v>
      </c>
      <c r="AI127" s="8">
        <v>0.94</v>
      </c>
      <c r="AJ127" s="8">
        <v>0.94</v>
      </c>
      <c r="AK127" s="8">
        <v>0.93</v>
      </c>
      <c r="AL127" s="8">
        <v>0.94</v>
      </c>
      <c r="AM127" s="8">
        <v>0.94</v>
      </c>
      <c r="AN127" s="8">
        <v>0.96</v>
      </c>
      <c r="AO127" s="8">
        <v>0.97</v>
      </c>
      <c r="AP127" s="8">
        <v>0.98</v>
      </c>
      <c r="AQ127" s="8">
        <v>0.98</v>
      </c>
      <c r="AR127" s="8">
        <v>0.98</v>
      </c>
      <c r="AS127" s="8">
        <v>0.98</v>
      </c>
      <c r="AT127" s="8">
        <v>0.97</v>
      </c>
      <c r="AU127" s="8">
        <v>0.95</v>
      </c>
      <c r="AV127" s="8">
        <v>0.95</v>
      </c>
      <c r="AW127" s="8">
        <v>0.93</v>
      </c>
      <c r="AX127" s="8">
        <v>0.92</v>
      </c>
      <c r="AY127" s="8">
        <v>0.93</v>
      </c>
      <c r="AZ127" s="8">
        <v>0.93</v>
      </c>
      <c r="BA127" s="8">
        <v>0.94</v>
      </c>
      <c r="BB127" s="8">
        <v>0.96</v>
      </c>
      <c r="BC127" s="8">
        <v>0.97</v>
      </c>
      <c r="BD127" s="8">
        <v>0.95</v>
      </c>
      <c r="BE127" s="17"/>
    </row>
    <row r="128" spans="3:57" x14ac:dyDescent="0.2">
      <c r="C128" s="89" t="s">
        <v>118</v>
      </c>
      <c r="D128" s="6" t="s">
        <v>58</v>
      </c>
      <c r="E128" s="8">
        <v>2.0699999999999998</v>
      </c>
      <c r="F128" s="8">
        <v>2.1</v>
      </c>
      <c r="G128" s="8">
        <v>2.2000000000000002</v>
      </c>
      <c r="H128" s="8">
        <v>2.2000000000000002</v>
      </c>
      <c r="I128" s="8">
        <v>2.15</v>
      </c>
      <c r="J128" s="8">
        <v>2.14</v>
      </c>
      <c r="K128" s="8">
        <v>2.09</v>
      </c>
      <c r="L128" s="8">
        <v>2.09</v>
      </c>
      <c r="M128" s="8">
        <v>2.08</v>
      </c>
      <c r="N128" s="8">
        <v>2.16</v>
      </c>
      <c r="O128" s="8">
        <v>2.17</v>
      </c>
      <c r="P128" s="8">
        <v>2.19</v>
      </c>
      <c r="Q128" s="8">
        <v>2.21</v>
      </c>
      <c r="R128" s="8">
        <v>2.25</v>
      </c>
      <c r="S128" s="8">
        <v>2.33</v>
      </c>
      <c r="T128" s="8">
        <v>2.42</v>
      </c>
      <c r="U128" s="8">
        <v>2.4</v>
      </c>
      <c r="V128" s="8">
        <v>2.36</v>
      </c>
      <c r="W128" s="8">
        <v>2.35</v>
      </c>
      <c r="X128" s="8">
        <v>2.29</v>
      </c>
      <c r="Y128" s="8">
        <v>2.27</v>
      </c>
      <c r="Z128" s="8">
        <v>2.2000000000000002</v>
      </c>
      <c r="AA128" s="8">
        <v>2.12</v>
      </c>
      <c r="AB128" s="8">
        <v>2.09</v>
      </c>
      <c r="AC128" s="8">
        <v>2.09</v>
      </c>
      <c r="AD128" s="8">
        <v>2.0499999999999998</v>
      </c>
      <c r="AE128" s="8">
        <v>2.06</v>
      </c>
      <c r="AF128" s="8">
        <v>2.02</v>
      </c>
      <c r="AG128" s="8">
        <v>2.0499999999999998</v>
      </c>
      <c r="AH128" s="8">
        <v>1.95</v>
      </c>
      <c r="AI128" s="8">
        <v>1.92</v>
      </c>
      <c r="AJ128" s="8">
        <v>1.9</v>
      </c>
      <c r="AK128" s="8">
        <v>1.89</v>
      </c>
      <c r="AL128" s="8">
        <v>1.86</v>
      </c>
      <c r="AM128" s="8">
        <v>1.84</v>
      </c>
      <c r="AN128" s="8">
        <v>1.84</v>
      </c>
      <c r="AO128" s="8">
        <v>1.81</v>
      </c>
      <c r="AP128" s="8">
        <v>1.81</v>
      </c>
      <c r="AQ128" s="8">
        <v>1.8</v>
      </c>
      <c r="AR128" s="8">
        <v>1.81</v>
      </c>
      <c r="AS128" s="8">
        <v>1.85</v>
      </c>
      <c r="AT128" s="8">
        <v>1.83</v>
      </c>
      <c r="AU128" s="8">
        <v>1.77</v>
      </c>
      <c r="AV128" s="8">
        <v>1.76</v>
      </c>
      <c r="AW128" s="8">
        <v>1.76</v>
      </c>
      <c r="AX128" s="8">
        <v>1.76</v>
      </c>
      <c r="AY128" s="8">
        <v>1.76</v>
      </c>
      <c r="AZ128" s="8">
        <v>1.78</v>
      </c>
      <c r="BA128" s="8">
        <v>1.84</v>
      </c>
      <c r="BB128" s="8">
        <v>1.91</v>
      </c>
      <c r="BC128" s="8">
        <v>1.95</v>
      </c>
      <c r="BD128" s="8">
        <v>1.97</v>
      </c>
      <c r="BE128" s="17"/>
    </row>
    <row r="129" spans="3:57" x14ac:dyDescent="0.2">
      <c r="C129" s="89" t="s">
        <v>119</v>
      </c>
      <c r="D129" s="6" t="s">
        <v>58</v>
      </c>
      <c r="E129" s="8">
        <v>1.91</v>
      </c>
      <c r="F129" s="8">
        <v>1.91</v>
      </c>
      <c r="G129" s="8">
        <v>1.91</v>
      </c>
      <c r="H129" s="8">
        <v>1.92</v>
      </c>
      <c r="I129" s="8">
        <v>1.94</v>
      </c>
      <c r="J129" s="8">
        <v>1.93</v>
      </c>
      <c r="K129" s="8">
        <v>1.94</v>
      </c>
      <c r="L129" s="8">
        <v>1.93</v>
      </c>
      <c r="M129" s="8">
        <v>1.88</v>
      </c>
      <c r="N129" s="8">
        <v>1.87</v>
      </c>
      <c r="O129" s="8">
        <v>1.89</v>
      </c>
      <c r="P129" s="8">
        <v>1.92</v>
      </c>
      <c r="Q129" s="8">
        <v>1.93</v>
      </c>
      <c r="R129" s="8">
        <v>1.98</v>
      </c>
      <c r="S129" s="8">
        <v>2.0299999999999998</v>
      </c>
      <c r="T129" s="8">
        <v>1.97</v>
      </c>
      <c r="U129" s="8">
        <v>2.0099999999999998</v>
      </c>
      <c r="V129" s="8">
        <v>2.0499999999999998</v>
      </c>
      <c r="W129" s="8">
        <v>2.06</v>
      </c>
      <c r="X129" s="8">
        <v>2.09</v>
      </c>
      <c r="Y129" s="8">
        <v>2.0499999999999998</v>
      </c>
      <c r="Z129" s="8">
        <v>2.0099999999999998</v>
      </c>
      <c r="AA129" s="8">
        <v>1.95</v>
      </c>
      <c r="AB129" s="8">
        <v>1.92</v>
      </c>
      <c r="AC129" s="8">
        <v>1.89</v>
      </c>
      <c r="AD129" s="8">
        <v>1.82</v>
      </c>
      <c r="AE129" s="8">
        <v>1.73</v>
      </c>
      <c r="AF129" s="8">
        <v>1.78</v>
      </c>
      <c r="AG129" s="8">
        <v>1.8</v>
      </c>
      <c r="AH129" s="8">
        <v>1.78</v>
      </c>
      <c r="AI129" s="8">
        <v>1.78</v>
      </c>
      <c r="AJ129" s="8">
        <v>1.77</v>
      </c>
      <c r="AK129" s="8">
        <v>1.77</v>
      </c>
      <c r="AL129" s="8">
        <v>1.78</v>
      </c>
      <c r="AM129" s="8">
        <v>1.79</v>
      </c>
      <c r="AN129" s="8">
        <v>1.78</v>
      </c>
      <c r="AO129" s="8">
        <v>1.81</v>
      </c>
      <c r="AP129" s="8">
        <v>1.8</v>
      </c>
      <c r="AQ129" s="8">
        <v>1.79</v>
      </c>
      <c r="AR129" s="8">
        <v>1.81</v>
      </c>
      <c r="AS129" s="8">
        <v>1.83</v>
      </c>
      <c r="AT129" s="8">
        <v>1.82</v>
      </c>
      <c r="AU129" s="8">
        <v>1.83</v>
      </c>
      <c r="AV129" s="8">
        <v>1.83</v>
      </c>
      <c r="AW129" s="8">
        <v>1.81</v>
      </c>
      <c r="AX129" s="8">
        <v>1.85</v>
      </c>
      <c r="AY129" s="8">
        <v>1.85</v>
      </c>
      <c r="AZ129" s="8">
        <v>1.85</v>
      </c>
      <c r="BA129" s="8">
        <v>1.92</v>
      </c>
      <c r="BB129" s="8">
        <v>2.1</v>
      </c>
      <c r="BC129" s="8">
        <v>2.12</v>
      </c>
      <c r="BD129" s="8">
        <v>2.14</v>
      </c>
      <c r="BE129" s="17"/>
    </row>
    <row r="130" spans="3:57" x14ac:dyDescent="0.2">
      <c r="C130" s="89" t="s">
        <v>87</v>
      </c>
      <c r="D130" s="6" t="s">
        <v>58</v>
      </c>
      <c r="E130" s="8">
        <v>0.98</v>
      </c>
      <c r="F130" s="8">
        <v>0.98</v>
      </c>
      <c r="G130" s="8">
        <v>0.98</v>
      </c>
      <c r="H130" s="8">
        <v>0.98</v>
      </c>
      <c r="I130" s="8">
        <v>0.99</v>
      </c>
      <c r="J130" s="8">
        <v>1</v>
      </c>
      <c r="K130" s="8">
        <v>0.99</v>
      </c>
      <c r="L130" s="8">
        <v>0.98</v>
      </c>
      <c r="M130" s="8">
        <v>0.98</v>
      </c>
      <c r="N130" s="8">
        <v>0.98</v>
      </c>
      <c r="O130" s="8">
        <v>0.97</v>
      </c>
      <c r="P130" s="8">
        <v>0.97</v>
      </c>
      <c r="Q130" s="8">
        <v>0.98</v>
      </c>
      <c r="R130" s="8">
        <v>0.98</v>
      </c>
      <c r="S130" s="8">
        <v>1.03</v>
      </c>
      <c r="T130" s="8">
        <v>1.01</v>
      </c>
      <c r="U130" s="8">
        <v>1.02</v>
      </c>
      <c r="V130" s="8">
        <v>1.03</v>
      </c>
      <c r="W130" s="8">
        <v>1.01</v>
      </c>
      <c r="X130" s="8">
        <v>1.01</v>
      </c>
      <c r="Y130" s="8">
        <v>1</v>
      </c>
      <c r="Z130" s="8">
        <v>1.01</v>
      </c>
      <c r="AA130" s="8">
        <v>1</v>
      </c>
      <c r="AB130" s="8">
        <v>0.98</v>
      </c>
      <c r="AC130" s="8">
        <v>1</v>
      </c>
      <c r="AD130" s="8">
        <v>1</v>
      </c>
      <c r="AE130" s="8">
        <v>1.01</v>
      </c>
      <c r="AF130" s="8">
        <v>1</v>
      </c>
      <c r="AG130" s="8">
        <v>0.99</v>
      </c>
      <c r="AH130" s="8">
        <v>0.99</v>
      </c>
      <c r="AI130" s="8">
        <v>0.99</v>
      </c>
      <c r="AJ130" s="8">
        <v>0.99</v>
      </c>
      <c r="AK130" s="8">
        <v>1</v>
      </c>
      <c r="AL130" s="8">
        <v>1</v>
      </c>
      <c r="AM130" s="8">
        <v>1</v>
      </c>
      <c r="AN130" s="8">
        <v>1</v>
      </c>
      <c r="AO130" s="8">
        <v>1</v>
      </c>
      <c r="AP130" s="8">
        <v>1.01</v>
      </c>
      <c r="AQ130" s="8">
        <v>1</v>
      </c>
      <c r="AR130" s="8">
        <v>1</v>
      </c>
      <c r="AS130" s="8">
        <v>1</v>
      </c>
      <c r="AT130" s="8">
        <v>1</v>
      </c>
      <c r="AU130" s="8">
        <v>1.01</v>
      </c>
      <c r="AV130" s="8">
        <v>1.01</v>
      </c>
      <c r="AW130" s="8">
        <v>1.02</v>
      </c>
      <c r="AX130" s="8">
        <v>1.02</v>
      </c>
      <c r="AY130" s="8">
        <v>1.02</v>
      </c>
      <c r="AZ130" s="8">
        <v>1.02</v>
      </c>
      <c r="BA130" s="8">
        <v>1.03</v>
      </c>
      <c r="BB130" s="8">
        <v>1.03</v>
      </c>
      <c r="BC130" s="8">
        <v>1.03</v>
      </c>
      <c r="BD130" s="8">
        <v>1</v>
      </c>
      <c r="BE130" s="17"/>
    </row>
    <row r="131" spans="3:57" x14ac:dyDescent="0.2">
      <c r="C131" s="89" t="s">
        <v>88</v>
      </c>
      <c r="D131" s="6" t="s">
        <v>58</v>
      </c>
      <c r="E131" s="8">
        <v>1.61</v>
      </c>
      <c r="F131" s="8">
        <v>1.59</v>
      </c>
      <c r="G131" s="8">
        <v>1.56</v>
      </c>
      <c r="H131" s="8">
        <v>1.56</v>
      </c>
      <c r="I131" s="8">
        <v>1.58</v>
      </c>
      <c r="J131" s="8">
        <v>1.57</v>
      </c>
      <c r="K131" s="8">
        <v>1.55</v>
      </c>
      <c r="L131" s="8">
        <v>1.56</v>
      </c>
      <c r="M131" s="8">
        <v>1.58</v>
      </c>
      <c r="N131" s="8">
        <v>1.57</v>
      </c>
      <c r="O131" s="8">
        <v>1.57</v>
      </c>
      <c r="P131" s="8">
        <v>1.56</v>
      </c>
      <c r="Q131" s="8">
        <v>1.57</v>
      </c>
      <c r="R131" s="8">
        <v>1.59</v>
      </c>
      <c r="S131" s="8">
        <v>1.55</v>
      </c>
      <c r="T131" s="8">
        <v>1.58</v>
      </c>
      <c r="U131" s="8">
        <v>1.6</v>
      </c>
      <c r="V131" s="8">
        <v>1.62</v>
      </c>
      <c r="W131" s="8">
        <v>1.67</v>
      </c>
      <c r="X131" s="8">
        <v>1.69</v>
      </c>
      <c r="Y131" s="8">
        <v>1.72</v>
      </c>
      <c r="Z131" s="8">
        <v>1.75</v>
      </c>
      <c r="AA131" s="8">
        <v>1.76</v>
      </c>
      <c r="AB131" s="8">
        <v>1.78</v>
      </c>
      <c r="AC131" s="8">
        <v>1.78</v>
      </c>
      <c r="AD131" s="8">
        <v>1.78</v>
      </c>
      <c r="AE131" s="8">
        <v>1.78</v>
      </c>
      <c r="AF131" s="8">
        <v>1.8</v>
      </c>
      <c r="AG131" s="8">
        <v>1.81</v>
      </c>
      <c r="AH131" s="8">
        <v>1.82</v>
      </c>
      <c r="AI131" s="8">
        <v>1.84</v>
      </c>
      <c r="AJ131" s="8">
        <v>1.85</v>
      </c>
      <c r="AK131" s="8">
        <v>1.85</v>
      </c>
      <c r="AL131" s="8">
        <v>1.92</v>
      </c>
      <c r="AM131" s="8">
        <v>1.98</v>
      </c>
      <c r="AN131" s="8">
        <v>2.0299999999999998</v>
      </c>
      <c r="AO131" s="8">
        <v>2.08</v>
      </c>
      <c r="AP131" s="8">
        <v>2.09</v>
      </c>
      <c r="AQ131" s="8">
        <v>2.09</v>
      </c>
      <c r="AR131" s="8">
        <v>2.0699999999999998</v>
      </c>
      <c r="AS131" s="8">
        <v>2.02</v>
      </c>
      <c r="AT131" s="8">
        <v>1.97</v>
      </c>
      <c r="AU131" s="8">
        <v>1.91</v>
      </c>
      <c r="AV131" s="8">
        <v>1.87</v>
      </c>
      <c r="AW131" s="8">
        <v>1.8</v>
      </c>
      <c r="AX131" s="8">
        <v>1.78</v>
      </c>
      <c r="AY131" s="8">
        <v>1.78</v>
      </c>
      <c r="AZ131" s="8">
        <v>1.75</v>
      </c>
      <c r="BA131" s="8">
        <v>1.75</v>
      </c>
      <c r="BB131" s="8">
        <v>1.75</v>
      </c>
      <c r="BC131" s="8">
        <v>1.75</v>
      </c>
      <c r="BD131" s="8">
        <v>1.75</v>
      </c>
      <c r="BE131" s="17"/>
    </row>
    <row r="132" spans="3:57" x14ac:dyDescent="0.2">
      <c r="C132" s="18" t="s">
        <v>91</v>
      </c>
      <c r="D132" s="6" t="s">
        <v>58</v>
      </c>
      <c r="E132" s="8">
        <v>1.65</v>
      </c>
      <c r="F132" s="8">
        <v>1.64</v>
      </c>
      <c r="G132" s="8">
        <v>1.66</v>
      </c>
      <c r="H132" s="8">
        <v>1.67</v>
      </c>
      <c r="I132" s="8">
        <v>1.72</v>
      </c>
      <c r="J132" s="8">
        <v>1.75</v>
      </c>
      <c r="K132" s="8">
        <v>1.81</v>
      </c>
      <c r="L132" s="8">
        <v>1.86</v>
      </c>
      <c r="M132" s="8">
        <v>1.87</v>
      </c>
      <c r="N132" s="8">
        <v>1.95</v>
      </c>
      <c r="O132" s="8">
        <v>1.97</v>
      </c>
      <c r="P132" s="8">
        <v>1.98</v>
      </c>
      <c r="Q132" s="8">
        <v>2.0099999999999998</v>
      </c>
      <c r="R132" s="8">
        <v>1.76</v>
      </c>
      <c r="S132" s="8">
        <v>1.89</v>
      </c>
      <c r="T132" s="8">
        <v>1.97</v>
      </c>
      <c r="U132" s="8">
        <v>2.06</v>
      </c>
      <c r="V132" s="8">
        <v>2.12</v>
      </c>
      <c r="W132" s="8">
        <v>2.14</v>
      </c>
      <c r="X132" s="8">
        <v>2.17</v>
      </c>
      <c r="Y132" s="8">
        <v>2.1800000000000002</v>
      </c>
      <c r="Z132" s="8">
        <v>2.0299999999999998</v>
      </c>
      <c r="AA132" s="8">
        <v>2.13</v>
      </c>
      <c r="AB132" s="8">
        <v>2.2599999999999998</v>
      </c>
      <c r="AC132" s="8">
        <v>2.31</v>
      </c>
      <c r="AD132" s="8">
        <v>2.39</v>
      </c>
      <c r="AE132" s="8">
        <v>2.4900000000000002</v>
      </c>
      <c r="AF132" s="8">
        <v>2.54</v>
      </c>
      <c r="AG132" s="8">
        <v>2.5099999999999998</v>
      </c>
      <c r="AH132" s="8">
        <v>2.5499999999999998</v>
      </c>
      <c r="AI132" s="8">
        <v>2.54</v>
      </c>
      <c r="AJ132" s="8">
        <v>2.58</v>
      </c>
      <c r="AK132" s="8">
        <v>2.57</v>
      </c>
      <c r="AL132" s="8">
        <v>2.58</v>
      </c>
      <c r="AM132" s="8">
        <v>2.69</v>
      </c>
      <c r="AN132" s="8">
        <v>2.79</v>
      </c>
      <c r="AO132" s="8">
        <v>2.77</v>
      </c>
      <c r="AP132" s="8">
        <v>2.78</v>
      </c>
      <c r="AQ132" s="8">
        <v>2.69</v>
      </c>
      <c r="AR132" s="8">
        <v>2.5099999999999998</v>
      </c>
      <c r="AS132" s="8">
        <v>2.41</v>
      </c>
      <c r="AT132" s="8">
        <v>2.08</v>
      </c>
      <c r="AU132" s="8">
        <v>1.95</v>
      </c>
      <c r="AV132" s="8">
        <v>1.95</v>
      </c>
      <c r="AW132" s="8">
        <v>2.04</v>
      </c>
      <c r="AX132" s="8">
        <v>1.96</v>
      </c>
      <c r="AY132" s="8">
        <v>1.91</v>
      </c>
      <c r="AZ132" s="8">
        <v>1.83</v>
      </c>
      <c r="BA132" s="8">
        <v>1.81</v>
      </c>
      <c r="BB132" s="8">
        <v>1.79</v>
      </c>
      <c r="BC132" s="8">
        <v>1.79</v>
      </c>
      <c r="BD132" s="8">
        <v>1.8</v>
      </c>
      <c r="BE132" s="17"/>
    </row>
    <row r="133" spans="3:57" x14ac:dyDescent="0.2">
      <c r="C133" s="16" t="s">
        <v>100</v>
      </c>
      <c r="D133" s="6" t="s">
        <v>58</v>
      </c>
      <c r="E133" s="8">
        <v>1.39</v>
      </c>
      <c r="F133" s="8">
        <v>1.37</v>
      </c>
      <c r="G133" s="8">
        <v>1.36</v>
      </c>
      <c r="H133" s="8">
        <v>1.35</v>
      </c>
      <c r="I133" s="8">
        <v>1.34</v>
      </c>
      <c r="J133" s="8">
        <v>1.34</v>
      </c>
      <c r="K133" s="8">
        <v>1.33</v>
      </c>
      <c r="L133" s="8">
        <v>1.32</v>
      </c>
      <c r="M133" s="8">
        <v>1.31</v>
      </c>
      <c r="N133" s="8">
        <v>1.31</v>
      </c>
      <c r="O133" s="8">
        <v>1.31</v>
      </c>
      <c r="P133" s="8">
        <v>1.32</v>
      </c>
      <c r="Q133" s="8">
        <v>1.32</v>
      </c>
      <c r="R133" s="8">
        <v>1.32</v>
      </c>
      <c r="S133" s="8">
        <v>1.28</v>
      </c>
      <c r="T133" s="8">
        <v>1.3</v>
      </c>
      <c r="U133" s="8">
        <v>1.3</v>
      </c>
      <c r="V133" s="8">
        <v>1.3</v>
      </c>
      <c r="W133" s="8">
        <v>1.33</v>
      </c>
      <c r="X133" s="8">
        <v>1.36</v>
      </c>
      <c r="Y133" s="8">
        <v>1.37</v>
      </c>
      <c r="Z133" s="8">
        <v>1.38</v>
      </c>
      <c r="AA133" s="8">
        <v>1.42</v>
      </c>
      <c r="AB133" s="8">
        <v>1.46</v>
      </c>
      <c r="AC133" s="8">
        <v>1.48</v>
      </c>
      <c r="AD133" s="8">
        <v>1.51</v>
      </c>
      <c r="AE133" s="8">
        <v>1.53</v>
      </c>
      <c r="AF133" s="8">
        <v>1.52</v>
      </c>
      <c r="AG133" s="8">
        <v>1.54</v>
      </c>
      <c r="AH133" s="8">
        <v>1.54</v>
      </c>
      <c r="AI133" s="8">
        <v>1.55</v>
      </c>
      <c r="AJ133" s="8">
        <v>1.57</v>
      </c>
      <c r="AK133" s="8">
        <v>1.61</v>
      </c>
      <c r="AL133" s="8">
        <v>1.64</v>
      </c>
      <c r="AM133" s="8">
        <v>1.64</v>
      </c>
      <c r="AN133" s="8">
        <v>1.74</v>
      </c>
      <c r="AO133" s="8">
        <v>1.75</v>
      </c>
      <c r="AP133" s="8">
        <v>1.77</v>
      </c>
      <c r="AQ133" s="8">
        <v>1.77</v>
      </c>
      <c r="AR133" s="8">
        <v>1.77</v>
      </c>
      <c r="AS133" s="8">
        <v>1.78</v>
      </c>
      <c r="AT133" s="8">
        <v>1.79</v>
      </c>
      <c r="AU133" s="8">
        <v>1.79</v>
      </c>
      <c r="AV133" s="8">
        <v>1.79</v>
      </c>
      <c r="AW133" s="8">
        <v>1.65</v>
      </c>
      <c r="AX133" s="8">
        <v>1.55</v>
      </c>
      <c r="AY133" s="8">
        <v>1.46</v>
      </c>
      <c r="AZ133" s="8">
        <v>1.43</v>
      </c>
      <c r="BA133" s="8">
        <v>1.42</v>
      </c>
      <c r="BB133" s="8">
        <v>1.39</v>
      </c>
      <c r="BC133" s="8">
        <v>1.36</v>
      </c>
      <c r="BD133" s="8">
        <v>1.37</v>
      </c>
      <c r="BE133" s="17"/>
    </row>
    <row r="134" spans="3:57" x14ac:dyDescent="0.2">
      <c r="C134" s="89" t="s">
        <v>89</v>
      </c>
      <c r="D134" s="6" t="s">
        <v>58</v>
      </c>
      <c r="E134" s="17">
        <v>1.62</v>
      </c>
      <c r="F134" s="17">
        <v>1.62</v>
      </c>
      <c r="G134" s="17">
        <v>1.62</v>
      </c>
      <c r="H134" s="17">
        <v>1.6</v>
      </c>
      <c r="I134" s="17">
        <v>1.64</v>
      </c>
      <c r="J134" s="17">
        <v>1.64</v>
      </c>
      <c r="K134" s="17">
        <v>1.66</v>
      </c>
      <c r="L134" s="17">
        <v>1.64</v>
      </c>
      <c r="M134" s="17">
        <v>1.64</v>
      </c>
      <c r="N134" s="17">
        <v>1.66</v>
      </c>
      <c r="O134" s="17">
        <v>1.68</v>
      </c>
      <c r="P134" s="17">
        <v>1.7</v>
      </c>
      <c r="Q134" s="17">
        <v>1.68</v>
      </c>
      <c r="R134" s="17">
        <v>1.68</v>
      </c>
      <c r="S134" s="17">
        <v>1.7</v>
      </c>
      <c r="T134" s="17">
        <v>1.7</v>
      </c>
      <c r="U134" s="17">
        <v>1.73</v>
      </c>
      <c r="V134" s="17">
        <v>1.74</v>
      </c>
      <c r="W134" s="17">
        <v>1.77</v>
      </c>
      <c r="X134" s="17">
        <v>1.78</v>
      </c>
      <c r="Y134" s="17">
        <v>1.81</v>
      </c>
      <c r="Z134" s="17">
        <v>1.81</v>
      </c>
      <c r="AA134" s="17">
        <v>1.86</v>
      </c>
      <c r="AB134" s="17">
        <v>1.92</v>
      </c>
      <c r="AC134" s="17">
        <v>1.95</v>
      </c>
      <c r="AD134" s="17">
        <v>1.96</v>
      </c>
      <c r="AE134" s="17">
        <v>2.0099999999999998</v>
      </c>
      <c r="AF134" s="17">
        <v>2.02</v>
      </c>
      <c r="AG134" s="17">
        <v>2.08</v>
      </c>
      <c r="AH134" s="17">
        <v>2.08</v>
      </c>
      <c r="AI134" s="17">
        <v>2.09</v>
      </c>
      <c r="AJ134" s="17">
        <v>2.11</v>
      </c>
      <c r="AK134" s="17">
        <v>2.1</v>
      </c>
      <c r="AL134" s="17">
        <v>2.12</v>
      </c>
      <c r="AM134" s="17">
        <v>2.14</v>
      </c>
      <c r="AN134" s="17">
        <v>2.21</v>
      </c>
      <c r="AO134" s="17">
        <v>2.3199999999999998</v>
      </c>
      <c r="AP134" s="17">
        <v>2.11</v>
      </c>
      <c r="AQ134" s="17">
        <v>2.06</v>
      </c>
      <c r="AR134" s="17">
        <v>2</v>
      </c>
      <c r="AS134" s="17">
        <v>1.96</v>
      </c>
      <c r="AT134" s="17">
        <v>1.92</v>
      </c>
      <c r="AU134" s="17">
        <v>1.92</v>
      </c>
      <c r="AV134" s="17">
        <v>1.91</v>
      </c>
      <c r="AW134" s="17">
        <v>1.9</v>
      </c>
      <c r="AX134" s="17">
        <v>1.85</v>
      </c>
      <c r="AY134" s="17">
        <v>1.86</v>
      </c>
      <c r="AZ134" s="17">
        <v>1.85</v>
      </c>
      <c r="BA134" s="17">
        <v>1.83</v>
      </c>
      <c r="BB134" s="17">
        <v>1.83</v>
      </c>
      <c r="BC134" s="17">
        <v>1.83</v>
      </c>
      <c r="BD134" s="17">
        <v>1.83</v>
      </c>
      <c r="BE134" s="17"/>
    </row>
    <row r="135" spans="3:57" x14ac:dyDescent="0.2">
      <c r="C135" s="16" t="s">
        <v>95</v>
      </c>
      <c r="D135" s="6" t="s">
        <v>58</v>
      </c>
      <c r="E135" s="17">
        <v>1.68</v>
      </c>
      <c r="F135" s="17">
        <v>1.68</v>
      </c>
      <c r="G135" s="17">
        <v>1.68</v>
      </c>
      <c r="H135" s="17">
        <v>1.68</v>
      </c>
      <c r="I135" s="17">
        <v>1.67</v>
      </c>
      <c r="J135" s="17">
        <v>1.69</v>
      </c>
      <c r="K135" s="17">
        <v>1.7</v>
      </c>
      <c r="L135" s="17">
        <v>1.71</v>
      </c>
      <c r="M135" s="17">
        <v>1.72</v>
      </c>
      <c r="N135" s="17">
        <v>1.73</v>
      </c>
      <c r="O135" s="17">
        <v>1.73</v>
      </c>
      <c r="P135" s="17">
        <v>1.73</v>
      </c>
      <c r="Q135" s="17">
        <v>1.76</v>
      </c>
      <c r="R135" s="17">
        <v>1.78</v>
      </c>
      <c r="S135" s="17">
        <v>1.88</v>
      </c>
      <c r="T135" s="17">
        <v>1.92</v>
      </c>
      <c r="U135" s="17">
        <v>1.94</v>
      </c>
      <c r="V135" s="17">
        <v>1.94</v>
      </c>
      <c r="W135" s="17">
        <v>2.02</v>
      </c>
      <c r="X135" s="17">
        <v>2.0499999999999998</v>
      </c>
      <c r="Y135" s="17">
        <v>2.1</v>
      </c>
      <c r="Z135" s="17">
        <v>2.16</v>
      </c>
      <c r="AA135" s="17">
        <v>2.21</v>
      </c>
      <c r="AB135" s="17">
        <v>2.2799999999999998</v>
      </c>
      <c r="AC135" s="17">
        <v>2.2599999999999998</v>
      </c>
      <c r="AD135" s="17">
        <v>2.1800000000000002</v>
      </c>
      <c r="AE135" s="17">
        <v>2.17</v>
      </c>
      <c r="AF135" s="17">
        <v>2.17</v>
      </c>
      <c r="AG135" s="17">
        <v>2.16</v>
      </c>
      <c r="AH135" s="17">
        <v>2.15</v>
      </c>
      <c r="AI135" s="17">
        <v>2.37</v>
      </c>
      <c r="AJ135" s="17">
        <v>2.17</v>
      </c>
      <c r="AK135" s="17">
        <v>2.15</v>
      </c>
      <c r="AL135" s="17">
        <v>2.17</v>
      </c>
      <c r="AM135" s="17">
        <v>2.15</v>
      </c>
      <c r="AN135" s="17">
        <v>2.14</v>
      </c>
      <c r="AO135" s="17">
        <v>2.0499999999999998</v>
      </c>
      <c r="AP135" s="17">
        <v>2.0099999999999998</v>
      </c>
      <c r="AQ135" s="17">
        <v>2.0499999999999998</v>
      </c>
      <c r="AR135" s="17">
        <v>1.98</v>
      </c>
      <c r="AS135" s="17">
        <v>1.92</v>
      </c>
      <c r="AT135" s="17">
        <v>1.9</v>
      </c>
      <c r="AU135" s="17">
        <v>1.93</v>
      </c>
      <c r="AV135" s="17">
        <v>1.93</v>
      </c>
      <c r="AW135" s="17">
        <v>1.88</v>
      </c>
      <c r="AX135" s="17">
        <v>1.87</v>
      </c>
      <c r="AY135" s="17">
        <v>1.9</v>
      </c>
      <c r="AZ135" s="17">
        <v>1.89</v>
      </c>
      <c r="BA135" s="17">
        <v>1.91</v>
      </c>
      <c r="BB135" s="17">
        <v>1.89</v>
      </c>
      <c r="BC135" s="17">
        <v>1.9</v>
      </c>
      <c r="BD135" s="17">
        <v>1.9</v>
      </c>
      <c r="BE135" s="17"/>
    </row>
    <row r="136" spans="3:57" x14ac:dyDescent="0.2">
      <c r="C136" s="89" t="s">
        <v>96</v>
      </c>
      <c r="D136" s="6" t="s">
        <v>58</v>
      </c>
      <c r="E136" s="17">
        <v>1.92</v>
      </c>
      <c r="F136" s="17">
        <v>1.9</v>
      </c>
      <c r="G136" s="17">
        <v>1.86</v>
      </c>
      <c r="H136" s="17">
        <v>1.84</v>
      </c>
      <c r="I136" s="17">
        <v>1.86</v>
      </c>
      <c r="J136" s="17">
        <v>1.87</v>
      </c>
      <c r="K136" s="17">
        <v>1.84</v>
      </c>
      <c r="L136" s="17">
        <v>1.81</v>
      </c>
      <c r="M136" s="17">
        <v>1.81</v>
      </c>
      <c r="N136" s="17">
        <v>1.82</v>
      </c>
      <c r="O136" s="17">
        <v>1.82</v>
      </c>
      <c r="P136" s="17">
        <v>1.83</v>
      </c>
      <c r="Q136" s="17">
        <v>1.81</v>
      </c>
      <c r="R136" s="17">
        <v>1.8</v>
      </c>
      <c r="S136" s="17">
        <v>1.82</v>
      </c>
      <c r="T136" s="17">
        <v>1.82</v>
      </c>
      <c r="U136" s="17">
        <v>1.8</v>
      </c>
      <c r="V136" s="17">
        <v>1.8</v>
      </c>
      <c r="W136" s="17">
        <v>1.77</v>
      </c>
      <c r="X136" s="17">
        <v>1.76</v>
      </c>
      <c r="Y136" s="17">
        <v>1.77</v>
      </c>
      <c r="Z136" s="17">
        <v>1.83</v>
      </c>
      <c r="AA136" s="17">
        <v>1.87</v>
      </c>
      <c r="AB136" s="17">
        <v>2.02</v>
      </c>
      <c r="AC136" s="17">
        <v>2.12</v>
      </c>
      <c r="AD136" s="17">
        <v>2.2000000000000002</v>
      </c>
      <c r="AE136" s="17">
        <v>2.2999999999999998</v>
      </c>
      <c r="AF136" s="17">
        <v>2.29</v>
      </c>
      <c r="AG136" s="17">
        <v>2.33</v>
      </c>
      <c r="AH136" s="17">
        <v>2.37</v>
      </c>
      <c r="AI136" s="17">
        <v>2.37</v>
      </c>
      <c r="AJ136" s="17">
        <v>2.41</v>
      </c>
      <c r="AK136" s="17">
        <v>2.39</v>
      </c>
      <c r="AL136" s="17">
        <v>2.39</v>
      </c>
      <c r="AM136" s="17">
        <v>2.37</v>
      </c>
      <c r="AN136" s="17">
        <v>2.29</v>
      </c>
      <c r="AO136" s="17">
        <v>2.21</v>
      </c>
      <c r="AP136" s="17">
        <v>2.0699999999999998</v>
      </c>
      <c r="AQ136" s="17">
        <v>2.08</v>
      </c>
      <c r="AR136" s="17">
        <v>2.02</v>
      </c>
      <c r="AS136" s="17">
        <v>2.04</v>
      </c>
      <c r="AT136" s="17">
        <v>2.06</v>
      </c>
      <c r="AU136" s="17">
        <v>2.0499999999999998</v>
      </c>
      <c r="AV136" s="17">
        <v>2.0699999999999998</v>
      </c>
      <c r="AW136" s="17">
        <v>2.12</v>
      </c>
      <c r="AX136" s="17">
        <v>2.16</v>
      </c>
      <c r="AY136" s="17">
        <v>2.1800000000000002</v>
      </c>
      <c r="AZ136" s="17">
        <v>2.17</v>
      </c>
      <c r="BA136" s="17">
        <v>2.15</v>
      </c>
      <c r="BB136" s="17">
        <v>2.11</v>
      </c>
      <c r="BC136" s="17">
        <v>2.11</v>
      </c>
      <c r="BD136" s="17">
        <v>2.12</v>
      </c>
      <c r="BE136" s="17"/>
    </row>
    <row r="137" spans="3:57" x14ac:dyDescent="0.2">
      <c r="C137" s="67"/>
    </row>
    <row r="139" spans="3:57" x14ac:dyDescent="0.2">
      <c r="C139" s="23" t="s">
        <v>106</v>
      </c>
      <c r="D139" s="6" t="s">
        <v>58</v>
      </c>
      <c r="E139" s="17">
        <v>11.06</v>
      </c>
      <c r="F139" s="17">
        <v>11.06</v>
      </c>
      <c r="G139" s="17">
        <v>11.08</v>
      </c>
      <c r="H139" s="17">
        <v>11.08</v>
      </c>
      <c r="I139" s="17">
        <v>11.03</v>
      </c>
      <c r="J139" s="17">
        <v>11.03</v>
      </c>
      <c r="K139" s="17">
        <v>11</v>
      </c>
      <c r="L139" s="17">
        <v>10.99</v>
      </c>
      <c r="M139" s="17">
        <v>10.98</v>
      </c>
      <c r="N139" s="17">
        <v>10.92</v>
      </c>
      <c r="O139" s="17">
        <v>10.88</v>
      </c>
      <c r="P139" s="17">
        <v>10.88</v>
      </c>
      <c r="Q139" s="17">
        <v>10.88</v>
      </c>
      <c r="R139" s="17">
        <v>10.87</v>
      </c>
      <c r="S139" s="17">
        <v>10.83</v>
      </c>
      <c r="T139" s="17">
        <v>10.99</v>
      </c>
      <c r="U139" s="17">
        <v>11.22</v>
      </c>
      <c r="V139" s="17">
        <v>11.2</v>
      </c>
      <c r="W139" s="17">
        <v>11.78</v>
      </c>
      <c r="X139" s="17">
        <v>11.77</v>
      </c>
      <c r="Y139" s="17">
        <v>11.17</v>
      </c>
      <c r="Z139" s="17">
        <v>11.15</v>
      </c>
      <c r="AA139" s="17">
        <v>11.23</v>
      </c>
      <c r="AB139" s="17">
        <v>11.25</v>
      </c>
      <c r="AC139" s="17">
        <v>11.25</v>
      </c>
      <c r="AD139" s="17">
        <v>11.25</v>
      </c>
      <c r="AE139" s="17">
        <v>11.32</v>
      </c>
      <c r="AF139" s="17">
        <v>11.3</v>
      </c>
      <c r="AG139" s="17">
        <v>11.13</v>
      </c>
      <c r="AH139" s="17">
        <v>11.13</v>
      </c>
      <c r="AI139" s="17">
        <v>11.07</v>
      </c>
      <c r="AJ139" s="17">
        <v>11.06</v>
      </c>
      <c r="AK139" s="17">
        <v>11.06</v>
      </c>
      <c r="AL139" s="17">
        <v>11.06</v>
      </c>
      <c r="AM139" s="17">
        <v>11.04</v>
      </c>
      <c r="AN139" s="17">
        <v>11.11</v>
      </c>
      <c r="AO139" s="17">
        <v>11.05</v>
      </c>
      <c r="AP139" s="17">
        <v>11.08</v>
      </c>
      <c r="AQ139" s="17">
        <v>11.12</v>
      </c>
      <c r="AR139" s="17">
        <v>11.19</v>
      </c>
      <c r="AS139" s="17">
        <v>11.08</v>
      </c>
      <c r="AT139" s="17">
        <v>11.08</v>
      </c>
      <c r="AU139" s="17">
        <v>11.06</v>
      </c>
      <c r="AV139" s="17">
        <v>11.11</v>
      </c>
      <c r="AW139" s="17">
        <v>11.12</v>
      </c>
      <c r="AX139" s="17">
        <v>11.27</v>
      </c>
      <c r="AY139" s="17">
        <v>11.22</v>
      </c>
      <c r="AZ139" s="17">
        <v>11.25</v>
      </c>
      <c r="BA139" s="17">
        <v>11.25</v>
      </c>
      <c r="BB139" s="17">
        <v>11.25</v>
      </c>
      <c r="BC139" s="17">
        <v>11.3</v>
      </c>
      <c r="BD139" s="17">
        <v>11.26</v>
      </c>
      <c r="BE139" s="23"/>
    </row>
    <row r="141" spans="3:57" x14ac:dyDescent="0.2">
      <c r="C141" s="79"/>
    </row>
    <row r="142" spans="3:57" ht="25.5" customHeight="1" x14ac:dyDescent="0.2">
      <c r="C142" s="219"/>
      <c r="D142" s="220"/>
      <c r="E142" s="220"/>
      <c r="F142" s="220"/>
      <c r="G142" s="220"/>
      <c r="H142" s="220"/>
      <c r="I142" s="220"/>
      <c r="J142" s="220"/>
      <c r="K142" s="220"/>
      <c r="L142" s="220"/>
      <c r="M142" s="220"/>
      <c r="N142" s="220"/>
    </row>
  </sheetData>
  <mergeCells count="5">
    <mergeCell ref="D4:G4"/>
    <mergeCell ref="C142:N142"/>
    <mergeCell ref="C49:O50"/>
    <mergeCell ref="C55:G55"/>
    <mergeCell ref="C53:I54"/>
  </mergeCells>
  <phoneticPr fontId="31" type="noConversion"/>
  <pageMargins left="0.75" right="0.75" top="1" bottom="1" header="0" footer="0"/>
  <pageSetup paperSize="9" orientation="portrait" r:id="rId1"/>
  <headerFooter alignWithMargins="0"/>
  <drawing r:id="rId2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dimension ref="A2:BF143"/>
  <sheetViews>
    <sheetView topLeftCell="A22" zoomScale="85" zoomScaleNormal="85" workbookViewId="0">
      <selection activeCell="C53" sqref="C53:C54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21" width="5.42578125" bestFit="1" customWidth="1"/>
    <col min="22" max="22" width="5.7109375" customWidth="1"/>
    <col min="23" max="56" width="5.42578125" bestFit="1" customWidth="1"/>
    <col min="58" max="58" width="9.7109375" bestFit="1" customWidth="1"/>
  </cols>
  <sheetData>
    <row r="2" spans="3:58" ht="18" customHeight="1" x14ac:dyDescent="0.2">
      <c r="D2" s="30"/>
    </row>
    <row r="3" spans="3:58" ht="21" customHeight="1" x14ac:dyDescent="0.2">
      <c r="D3" s="30"/>
      <c r="H3" s="30"/>
      <c r="K3" s="30"/>
      <c r="L3" s="30"/>
    </row>
    <row r="4" spans="3:58" ht="32.25" customHeight="1" x14ac:dyDescent="0.2">
      <c r="D4" s="214"/>
      <c r="E4" s="214"/>
      <c r="F4" s="214"/>
      <c r="G4" s="214"/>
    </row>
    <row r="5" spans="3:58" x14ac:dyDescent="0.2">
      <c r="E5" s="27"/>
    </row>
    <row r="6" spans="3:58" ht="24.95" customHeight="1" x14ac:dyDescent="0.25">
      <c r="M6" s="85"/>
    </row>
    <row r="7" spans="3:58" ht="24.95" customHeight="1" x14ac:dyDescent="0.2">
      <c r="C7" s="28" t="s">
        <v>98</v>
      </c>
    </row>
    <row r="8" spans="3:58" ht="15.75" x14ac:dyDescent="0.2">
      <c r="C8" s="29" t="s">
        <v>99</v>
      </c>
    </row>
    <row r="10" spans="3:58" ht="15" x14ac:dyDescent="0.25">
      <c r="M10" s="85"/>
    </row>
    <row r="11" spans="3:58" x14ac:dyDescent="0.2">
      <c r="BF11" s="79" t="s">
        <v>139</v>
      </c>
    </row>
    <row r="12" spans="3:58" ht="15" customHeight="1" x14ac:dyDescent="0.2">
      <c r="C12" s="1" t="s">
        <v>0</v>
      </c>
      <c r="E12" s="2">
        <v>2014</v>
      </c>
      <c r="F12" s="2"/>
      <c r="G12" s="2"/>
      <c r="H12" s="2"/>
      <c r="I12" s="2"/>
      <c r="J12" s="2"/>
      <c r="K12" s="2"/>
      <c r="L12" s="2"/>
      <c r="M12" s="2"/>
    </row>
    <row r="13" spans="3:58" x14ac:dyDescent="0.2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F13" s="4" t="s">
        <v>56</v>
      </c>
    </row>
    <row r="14" spans="3:58" x14ac:dyDescent="0.2">
      <c r="C14" s="5" t="s">
        <v>57</v>
      </c>
      <c r="D14" s="6" t="s">
        <v>58</v>
      </c>
      <c r="E14" s="93">
        <v>4.12</v>
      </c>
      <c r="F14" s="93">
        <v>4.1399999999999997</v>
      </c>
      <c r="G14" s="93">
        <v>4.1399999999999997</v>
      </c>
      <c r="H14" s="93">
        <v>4.13</v>
      </c>
      <c r="I14" s="93">
        <v>4.13</v>
      </c>
      <c r="J14" s="93">
        <v>4.13</v>
      </c>
      <c r="K14" s="93">
        <v>4.13</v>
      </c>
      <c r="L14" s="93">
        <v>4.12</v>
      </c>
      <c r="M14" s="93">
        <v>4.12</v>
      </c>
      <c r="N14" s="93">
        <v>4.12</v>
      </c>
      <c r="O14" s="93">
        <v>4.1100000000000003</v>
      </c>
      <c r="P14" s="93">
        <v>4.0999999999999996</v>
      </c>
      <c r="Q14" s="93">
        <v>4.08</v>
      </c>
      <c r="R14" s="93">
        <v>4.07</v>
      </c>
      <c r="S14" s="93">
        <v>4.0599999999999996</v>
      </c>
      <c r="T14" s="93">
        <v>4.05</v>
      </c>
      <c r="U14" s="93">
        <v>4.03</v>
      </c>
      <c r="V14" s="93">
        <v>4.01</v>
      </c>
      <c r="W14" s="93">
        <v>3.99</v>
      </c>
      <c r="X14" s="93">
        <v>3.98</v>
      </c>
      <c r="Y14" s="93">
        <v>3.95</v>
      </c>
      <c r="Z14" s="93">
        <v>3.92</v>
      </c>
      <c r="AA14" s="93">
        <v>3.91</v>
      </c>
      <c r="AB14" s="93">
        <v>3.89</v>
      </c>
      <c r="AC14" s="93">
        <v>3.86</v>
      </c>
      <c r="AD14" s="93">
        <v>3.84</v>
      </c>
      <c r="AE14" s="93">
        <v>3.84</v>
      </c>
      <c r="AF14" s="93">
        <v>3.83</v>
      </c>
      <c r="AG14" s="93">
        <v>3.86</v>
      </c>
      <c r="AH14" s="93">
        <v>3.86</v>
      </c>
      <c r="AI14" s="93">
        <v>3.86</v>
      </c>
      <c r="AJ14" s="93">
        <v>3.86</v>
      </c>
      <c r="AK14" s="93">
        <v>3.86</v>
      </c>
      <c r="AL14" s="93">
        <v>3.87</v>
      </c>
      <c r="AM14" s="93">
        <v>3.87</v>
      </c>
      <c r="AN14" s="93">
        <v>3.88</v>
      </c>
      <c r="AO14" s="93">
        <v>3.93</v>
      </c>
      <c r="AP14" s="93">
        <v>3.87</v>
      </c>
      <c r="AQ14" s="93">
        <v>3.87</v>
      </c>
      <c r="AR14" s="93">
        <v>3.87</v>
      </c>
      <c r="AS14" s="93">
        <v>3.86</v>
      </c>
      <c r="AT14" s="93">
        <v>3.85</v>
      </c>
      <c r="AU14" s="93">
        <v>3.85</v>
      </c>
      <c r="AV14" s="93">
        <v>3.85</v>
      </c>
      <c r="AW14" s="93">
        <v>3.84</v>
      </c>
      <c r="AX14" s="93">
        <v>3.84</v>
      </c>
      <c r="AY14" s="93">
        <v>3.83</v>
      </c>
      <c r="AZ14" s="93">
        <v>3.84</v>
      </c>
      <c r="BA14" s="93">
        <v>3.85</v>
      </c>
      <c r="BB14" s="93">
        <v>3.86</v>
      </c>
      <c r="BC14" s="93">
        <v>3.86</v>
      </c>
      <c r="BD14" s="93">
        <v>3.86</v>
      </c>
      <c r="BF14" s="93">
        <v>3.86</v>
      </c>
    </row>
    <row r="15" spans="3:58" x14ac:dyDescent="0.2">
      <c r="C15" s="5" t="s">
        <v>59</v>
      </c>
      <c r="D15" s="6" t="s">
        <v>58</v>
      </c>
      <c r="E15" s="73">
        <v>5.95</v>
      </c>
      <c r="F15" s="73">
        <v>5.87</v>
      </c>
      <c r="G15" s="73">
        <v>5.75</v>
      </c>
      <c r="H15" s="73">
        <v>5.66</v>
      </c>
      <c r="I15" s="73">
        <v>5.48</v>
      </c>
      <c r="J15" s="73">
        <v>5.37</v>
      </c>
      <c r="K15" s="73">
        <v>5.39</v>
      </c>
      <c r="L15" s="73">
        <v>5.39</v>
      </c>
      <c r="M15" s="73">
        <v>5.39</v>
      </c>
      <c r="N15" s="73">
        <v>5.39</v>
      </c>
      <c r="O15" s="73">
        <v>5.39</v>
      </c>
      <c r="P15" s="73">
        <v>5.6</v>
      </c>
      <c r="Q15" s="73">
        <v>5.65</v>
      </c>
      <c r="R15" s="73">
        <v>5.74</v>
      </c>
      <c r="S15" s="73">
        <v>5.9</v>
      </c>
      <c r="T15" s="73">
        <v>5.91</v>
      </c>
      <c r="U15" s="73">
        <v>6</v>
      </c>
      <c r="V15" s="73">
        <v>6.18</v>
      </c>
      <c r="W15" s="73">
        <v>6.22</v>
      </c>
      <c r="X15" s="73">
        <v>6.24</v>
      </c>
      <c r="Y15" s="73">
        <v>6.29</v>
      </c>
      <c r="Z15" s="73">
        <v>6.27</v>
      </c>
      <c r="AA15" s="73">
        <v>6.25</v>
      </c>
      <c r="AB15" s="73">
        <v>6.29</v>
      </c>
      <c r="AC15" s="73">
        <v>6.25</v>
      </c>
      <c r="AD15" s="73">
        <v>6.15</v>
      </c>
      <c r="AE15" s="73">
        <v>6.19</v>
      </c>
      <c r="AF15" s="73">
        <v>6.16</v>
      </c>
      <c r="AG15" s="73">
        <v>6.17</v>
      </c>
      <c r="AH15" s="73">
        <v>6.17</v>
      </c>
      <c r="AI15" s="73">
        <v>6.2</v>
      </c>
      <c r="AJ15" s="73">
        <v>6.25</v>
      </c>
      <c r="AK15" s="73">
        <v>6.25</v>
      </c>
      <c r="AL15" s="73">
        <v>6.22</v>
      </c>
      <c r="AM15" s="73">
        <v>6.22</v>
      </c>
      <c r="AN15" s="73">
        <v>6.27</v>
      </c>
      <c r="AO15" s="73">
        <v>6.28</v>
      </c>
      <c r="AP15" s="73">
        <v>6.45</v>
      </c>
      <c r="AQ15" s="73">
        <v>6.52</v>
      </c>
      <c r="AR15" s="73">
        <v>6.54</v>
      </c>
      <c r="AS15" s="73">
        <v>6.59</v>
      </c>
      <c r="AT15" s="73">
        <v>6.67</v>
      </c>
      <c r="AU15" s="73">
        <v>6.81</v>
      </c>
      <c r="AV15" s="73">
        <v>6.82</v>
      </c>
      <c r="AW15" s="73">
        <v>6.85</v>
      </c>
      <c r="AX15" s="73">
        <v>6.96</v>
      </c>
      <c r="AY15" s="73">
        <v>6.99</v>
      </c>
      <c r="AZ15" s="73">
        <v>6.99</v>
      </c>
      <c r="BA15" s="73">
        <v>7</v>
      </c>
      <c r="BB15" s="73">
        <v>6.84</v>
      </c>
      <c r="BC15" s="73">
        <v>6.84</v>
      </c>
      <c r="BD15" s="73">
        <v>6.85</v>
      </c>
      <c r="BF15" s="73">
        <v>6.72</v>
      </c>
    </row>
    <row r="16" spans="3:58" x14ac:dyDescent="0.2">
      <c r="C16" s="5" t="s">
        <v>60</v>
      </c>
      <c r="D16" s="6" t="s">
        <v>58</v>
      </c>
      <c r="E16" s="73">
        <v>1.75</v>
      </c>
      <c r="F16" s="73">
        <v>1.7</v>
      </c>
      <c r="G16" s="73">
        <v>1.69</v>
      </c>
      <c r="H16" s="73">
        <v>1.69</v>
      </c>
      <c r="I16" s="73">
        <v>1.7</v>
      </c>
      <c r="J16" s="73">
        <v>1.71</v>
      </c>
      <c r="K16" s="73">
        <v>1.71</v>
      </c>
      <c r="L16" s="73">
        <v>1.68</v>
      </c>
      <c r="M16" s="73">
        <v>1.68</v>
      </c>
      <c r="N16" s="73">
        <v>1.68</v>
      </c>
      <c r="O16" s="73">
        <v>1.68</v>
      </c>
      <c r="P16" s="73">
        <v>1.68</v>
      </c>
      <c r="Q16" s="73">
        <v>1.71</v>
      </c>
      <c r="R16" s="73">
        <v>1.73</v>
      </c>
      <c r="S16" s="73">
        <v>1.73</v>
      </c>
      <c r="T16" s="73">
        <v>1.75</v>
      </c>
      <c r="U16" s="73">
        <v>1.75</v>
      </c>
      <c r="V16" s="73">
        <v>1.73</v>
      </c>
      <c r="W16" s="73">
        <v>1.73</v>
      </c>
      <c r="X16" s="73">
        <v>1.76</v>
      </c>
      <c r="Y16" s="73">
        <v>1.72</v>
      </c>
      <c r="Z16" s="73">
        <v>1.76</v>
      </c>
      <c r="AA16" s="73">
        <v>1.78</v>
      </c>
      <c r="AB16" s="73">
        <v>1.79</v>
      </c>
      <c r="AC16" s="73">
        <v>1.82</v>
      </c>
      <c r="AD16" s="73">
        <v>1.85</v>
      </c>
      <c r="AE16" s="73">
        <v>1.87</v>
      </c>
      <c r="AF16" s="73">
        <v>1.88</v>
      </c>
      <c r="AG16" s="73">
        <v>1.86</v>
      </c>
      <c r="AH16" s="73">
        <v>1.83</v>
      </c>
      <c r="AI16" s="73">
        <v>1.81</v>
      </c>
      <c r="AJ16" s="73">
        <v>1.81</v>
      </c>
      <c r="AK16" s="73">
        <v>1.8</v>
      </c>
      <c r="AL16" s="73">
        <v>1.78</v>
      </c>
      <c r="AM16" s="73">
        <v>1.77</v>
      </c>
      <c r="AN16" s="73">
        <v>1.76</v>
      </c>
      <c r="AO16" s="73">
        <v>1.73</v>
      </c>
      <c r="AP16" s="73">
        <v>1.69</v>
      </c>
      <c r="AQ16" s="73">
        <v>1.63</v>
      </c>
      <c r="AR16" s="73">
        <v>1.57</v>
      </c>
      <c r="AS16" s="73">
        <v>1.51</v>
      </c>
      <c r="AT16" s="73">
        <v>1.46</v>
      </c>
      <c r="AU16" s="73">
        <v>1.44</v>
      </c>
      <c r="AV16" s="73">
        <v>1.42</v>
      </c>
      <c r="AW16" s="73">
        <v>1.41</v>
      </c>
      <c r="AX16" s="73">
        <v>1.41</v>
      </c>
      <c r="AY16" s="73">
        <v>1.41</v>
      </c>
      <c r="AZ16" s="73">
        <v>1.41</v>
      </c>
      <c r="BA16" s="73">
        <v>1.37</v>
      </c>
      <c r="BB16" s="73">
        <v>1.34</v>
      </c>
      <c r="BC16" s="73">
        <v>1.34</v>
      </c>
      <c r="BD16" s="73">
        <v>1.33</v>
      </c>
      <c r="BF16" s="73">
        <v>1.33</v>
      </c>
    </row>
    <row r="17" spans="3:58" x14ac:dyDescent="0.2">
      <c r="C17" s="5" t="s">
        <v>61</v>
      </c>
      <c r="D17" s="6" t="s">
        <v>58</v>
      </c>
      <c r="E17" s="73">
        <v>1.79</v>
      </c>
      <c r="F17" s="73">
        <v>1.78</v>
      </c>
      <c r="G17" s="73">
        <v>1.77</v>
      </c>
      <c r="H17" s="73">
        <v>1.77</v>
      </c>
      <c r="I17" s="73">
        <v>1.78</v>
      </c>
      <c r="J17" s="73">
        <v>1.79</v>
      </c>
      <c r="K17" s="73">
        <v>1.81</v>
      </c>
      <c r="L17" s="73">
        <v>1.86</v>
      </c>
      <c r="M17" s="73">
        <v>1.91</v>
      </c>
      <c r="N17" s="73">
        <v>1.92</v>
      </c>
      <c r="O17" s="73">
        <v>1.9</v>
      </c>
      <c r="P17" s="73">
        <v>1.92</v>
      </c>
      <c r="Q17" s="73">
        <v>1.92</v>
      </c>
      <c r="R17" s="73">
        <v>1.93</v>
      </c>
      <c r="S17" s="73">
        <v>1.93</v>
      </c>
      <c r="T17" s="73">
        <v>1.94</v>
      </c>
      <c r="U17" s="73">
        <v>1.94</v>
      </c>
      <c r="V17" s="73">
        <v>1.95</v>
      </c>
      <c r="W17" s="73">
        <v>1.94</v>
      </c>
      <c r="X17" s="73">
        <v>1.94</v>
      </c>
      <c r="Y17" s="73">
        <v>1.93</v>
      </c>
      <c r="Z17" s="73">
        <v>1.92</v>
      </c>
      <c r="AA17" s="73">
        <v>1.92</v>
      </c>
      <c r="AB17" s="73">
        <v>1.84</v>
      </c>
      <c r="AC17" s="73">
        <v>1.81</v>
      </c>
      <c r="AD17" s="73">
        <v>1.75</v>
      </c>
      <c r="AE17" s="73">
        <v>1.7</v>
      </c>
      <c r="AF17" s="73">
        <v>1.73</v>
      </c>
      <c r="AG17" s="73">
        <v>1.71</v>
      </c>
      <c r="AH17" s="73">
        <v>1.7</v>
      </c>
      <c r="AI17" s="73">
        <v>1.7</v>
      </c>
      <c r="AJ17" s="73">
        <v>1.7</v>
      </c>
      <c r="AK17" s="73">
        <v>1.72</v>
      </c>
      <c r="AL17" s="73">
        <v>1.7</v>
      </c>
      <c r="AM17" s="73">
        <v>1.66</v>
      </c>
      <c r="AN17" s="73">
        <v>1.69</v>
      </c>
      <c r="AO17" s="73">
        <v>1.62</v>
      </c>
      <c r="AP17" s="73">
        <v>1.63</v>
      </c>
      <c r="AQ17" s="73">
        <v>1.63</v>
      </c>
      <c r="AR17" s="73">
        <v>1.66</v>
      </c>
      <c r="AS17" s="73">
        <v>1.62</v>
      </c>
      <c r="AT17" s="73">
        <v>1.58</v>
      </c>
      <c r="AU17" s="73">
        <v>1.53</v>
      </c>
      <c r="AV17" s="73">
        <v>1.46</v>
      </c>
      <c r="AW17" s="73">
        <v>1.46</v>
      </c>
      <c r="AX17" s="73">
        <v>1.49</v>
      </c>
      <c r="AY17" s="73">
        <v>1.59</v>
      </c>
      <c r="AZ17" s="73">
        <v>1.49</v>
      </c>
      <c r="BA17" s="73">
        <v>1.48</v>
      </c>
      <c r="BB17" s="73">
        <v>1.51</v>
      </c>
      <c r="BC17" s="73">
        <v>1.51</v>
      </c>
      <c r="BD17" s="73">
        <v>1.64</v>
      </c>
      <c r="BF17" s="73">
        <v>1.64</v>
      </c>
    </row>
    <row r="18" spans="3:58" x14ac:dyDescent="0.2">
      <c r="C18" s="5" t="s">
        <v>62</v>
      </c>
      <c r="D18" s="6" t="s">
        <v>58</v>
      </c>
      <c r="E18" s="73">
        <v>3.45</v>
      </c>
      <c r="F18" s="73">
        <v>3.45</v>
      </c>
      <c r="G18" s="73">
        <v>3.27</v>
      </c>
      <c r="H18" s="73">
        <v>3.27</v>
      </c>
      <c r="I18" s="73">
        <v>3.27</v>
      </c>
      <c r="J18" s="73">
        <v>3.27</v>
      </c>
      <c r="K18" s="73">
        <v>3.27</v>
      </c>
      <c r="L18" s="73">
        <v>3.27</v>
      </c>
      <c r="M18" s="73">
        <v>3.27</v>
      </c>
      <c r="N18" s="73">
        <v>3.45</v>
      </c>
      <c r="O18" s="73">
        <v>3.45</v>
      </c>
      <c r="P18" s="73">
        <v>3.45</v>
      </c>
      <c r="Q18" s="73">
        <v>3.45</v>
      </c>
      <c r="R18" s="73">
        <v>3.45</v>
      </c>
      <c r="S18" s="73">
        <v>3.28</v>
      </c>
      <c r="T18" s="73">
        <v>3.27</v>
      </c>
      <c r="U18" s="73">
        <v>3.27</v>
      </c>
      <c r="V18" s="73">
        <v>3.28</v>
      </c>
      <c r="W18" s="73">
        <v>3.08</v>
      </c>
      <c r="X18" s="73">
        <v>3.08</v>
      </c>
      <c r="Y18" s="73">
        <v>3.08</v>
      </c>
      <c r="Z18" s="73">
        <v>3.08</v>
      </c>
      <c r="AA18" s="73">
        <v>3.08</v>
      </c>
      <c r="AB18" s="73">
        <v>3.08</v>
      </c>
      <c r="AC18" s="73">
        <v>3.26</v>
      </c>
      <c r="AD18" s="73">
        <v>3.26</v>
      </c>
      <c r="AE18" s="73">
        <v>3.27</v>
      </c>
      <c r="AF18" s="73">
        <v>3.26</v>
      </c>
      <c r="AG18" s="73">
        <v>3.26</v>
      </c>
      <c r="AH18" s="73">
        <v>3.11</v>
      </c>
      <c r="AI18" s="73">
        <v>3.13</v>
      </c>
      <c r="AJ18" s="73">
        <v>3.18</v>
      </c>
      <c r="AK18" s="73">
        <v>3.32</v>
      </c>
      <c r="AL18" s="73">
        <v>3.33</v>
      </c>
      <c r="AM18" s="73">
        <v>3.33</v>
      </c>
      <c r="AN18" s="73">
        <v>3.33</v>
      </c>
      <c r="AO18" s="73">
        <v>3.33</v>
      </c>
      <c r="AP18" s="73">
        <v>3.33</v>
      </c>
      <c r="AQ18" s="73">
        <v>3.32</v>
      </c>
      <c r="AR18" s="73">
        <v>3.47</v>
      </c>
      <c r="AS18" s="73">
        <v>3.48</v>
      </c>
      <c r="AT18" s="73">
        <v>3.48</v>
      </c>
      <c r="AU18" s="73">
        <v>3.48</v>
      </c>
      <c r="AV18" s="73">
        <v>3.48</v>
      </c>
      <c r="AW18" s="73">
        <v>3.48</v>
      </c>
      <c r="AX18" s="73">
        <v>3.3</v>
      </c>
      <c r="AY18" s="73">
        <v>3.3</v>
      </c>
      <c r="AZ18" s="73">
        <v>3.3</v>
      </c>
      <c r="BA18" s="73">
        <v>3.3</v>
      </c>
      <c r="BB18" s="73">
        <v>3.3</v>
      </c>
      <c r="BC18" s="73">
        <v>3.3</v>
      </c>
      <c r="BD18" s="73">
        <v>3.07</v>
      </c>
      <c r="BF18" s="73">
        <v>3.07</v>
      </c>
    </row>
    <row r="19" spans="3:58" x14ac:dyDescent="0.2">
      <c r="C19" s="5" t="s">
        <v>75</v>
      </c>
      <c r="D19" s="20" t="s">
        <v>76</v>
      </c>
      <c r="E19" s="73">
        <v>0.82</v>
      </c>
      <c r="F19" s="73">
        <v>0.8</v>
      </c>
      <c r="G19" s="73">
        <v>0.78</v>
      </c>
      <c r="H19" s="73">
        <v>0.77</v>
      </c>
      <c r="I19" s="73">
        <v>0.76</v>
      </c>
      <c r="J19" s="73">
        <v>0.77</v>
      </c>
      <c r="K19" s="73">
        <v>0.79</v>
      </c>
      <c r="L19" s="73">
        <v>0.8</v>
      </c>
      <c r="M19" s="73">
        <v>0.81</v>
      </c>
      <c r="N19" s="73">
        <v>0.8</v>
      </c>
      <c r="O19" s="73">
        <v>0.79</v>
      </c>
      <c r="P19" s="73">
        <v>0.77</v>
      </c>
      <c r="Q19" s="73">
        <v>0.77</v>
      </c>
      <c r="R19" s="73">
        <v>0.77</v>
      </c>
      <c r="S19" s="73">
        <v>0.75</v>
      </c>
      <c r="T19" s="73">
        <v>0.75</v>
      </c>
      <c r="U19" s="73">
        <v>0.75</v>
      </c>
      <c r="V19" s="73">
        <v>0.73</v>
      </c>
      <c r="W19" s="73">
        <v>0.71</v>
      </c>
      <c r="X19" s="73">
        <v>0.71</v>
      </c>
      <c r="Y19" s="73">
        <v>0.71</v>
      </c>
      <c r="Z19" s="73">
        <v>0.71</v>
      </c>
      <c r="AA19" s="73">
        <v>0.7</v>
      </c>
      <c r="AB19" s="73">
        <v>0.72</v>
      </c>
      <c r="AC19" s="73">
        <v>0.74</v>
      </c>
      <c r="AD19" s="73">
        <v>0.77</v>
      </c>
      <c r="AE19" s="73">
        <v>0.78</v>
      </c>
      <c r="AF19" s="73">
        <v>0.78</v>
      </c>
      <c r="AG19" s="73">
        <v>0.77</v>
      </c>
      <c r="AH19" s="73">
        <v>0.76</v>
      </c>
      <c r="AI19" s="73">
        <v>0.75</v>
      </c>
      <c r="AJ19" s="73">
        <v>0.73</v>
      </c>
      <c r="AK19" s="73">
        <v>0.73</v>
      </c>
      <c r="AL19" s="73">
        <v>0.73</v>
      </c>
      <c r="AM19" s="73">
        <v>0.74</v>
      </c>
      <c r="AN19" s="73">
        <v>0.75</v>
      </c>
      <c r="AO19" s="73">
        <v>0.76</v>
      </c>
      <c r="AP19" s="73">
        <v>0.76</v>
      </c>
      <c r="AQ19" s="73">
        <v>0.76</v>
      </c>
      <c r="AR19" s="73">
        <v>0.75</v>
      </c>
      <c r="AS19" s="73">
        <v>0.75</v>
      </c>
      <c r="AT19" s="73">
        <v>0.76</v>
      </c>
      <c r="AU19" s="73">
        <v>0.77</v>
      </c>
      <c r="AV19" s="73">
        <v>0.77</v>
      </c>
      <c r="AW19" s="73">
        <v>0.77</v>
      </c>
      <c r="AX19" s="73">
        <v>0.81</v>
      </c>
      <c r="AY19" s="73">
        <v>0.87</v>
      </c>
      <c r="AZ19" s="73">
        <v>0.87</v>
      </c>
      <c r="BA19" s="73">
        <v>0.89</v>
      </c>
      <c r="BB19" s="73">
        <v>0.89</v>
      </c>
      <c r="BC19" s="73">
        <v>0.89</v>
      </c>
      <c r="BD19" s="73">
        <v>0.87</v>
      </c>
      <c r="BF19" s="73">
        <v>0.85</v>
      </c>
    </row>
    <row r="20" spans="3:58" x14ac:dyDescent="0.2">
      <c r="C20" s="5" t="s">
        <v>63</v>
      </c>
      <c r="D20" s="6" t="s">
        <v>58</v>
      </c>
      <c r="E20" s="76">
        <v>8.11</v>
      </c>
      <c r="F20" s="76">
        <v>8.11</v>
      </c>
      <c r="G20" s="76">
        <v>3.81</v>
      </c>
      <c r="H20" s="76">
        <v>4.38</v>
      </c>
      <c r="I20" s="76">
        <v>3.42</v>
      </c>
      <c r="J20" s="76">
        <v>5</v>
      </c>
      <c r="K20" s="76">
        <v>6.74</v>
      </c>
      <c r="L20" s="76">
        <v>4.5</v>
      </c>
      <c r="M20" s="76">
        <v>3.5</v>
      </c>
      <c r="N20" s="76">
        <v>4.22</v>
      </c>
      <c r="O20" s="76">
        <v>3.21</v>
      </c>
      <c r="P20" s="76">
        <v>3.39</v>
      </c>
      <c r="Q20" s="76">
        <v>3.98</v>
      </c>
      <c r="R20" s="76">
        <v>4.25</v>
      </c>
      <c r="S20" s="76">
        <v>3.25</v>
      </c>
      <c r="T20" s="76">
        <v>2.72</v>
      </c>
      <c r="U20" s="76">
        <v>3.43</v>
      </c>
      <c r="V20" s="76">
        <v>4.25</v>
      </c>
      <c r="W20" s="76">
        <v>3.06</v>
      </c>
      <c r="X20" s="76">
        <v>3.37</v>
      </c>
      <c r="Y20" s="76">
        <v>3.18</v>
      </c>
      <c r="Z20" s="76">
        <v>3.23</v>
      </c>
      <c r="AA20" s="76">
        <v>3.32</v>
      </c>
      <c r="AB20" s="76">
        <v>3.79</v>
      </c>
      <c r="AC20" s="76">
        <v>3.57</v>
      </c>
      <c r="AD20" s="76">
        <v>4.42</v>
      </c>
      <c r="AE20" s="76">
        <v>3.87</v>
      </c>
      <c r="AF20" s="76">
        <v>3.18</v>
      </c>
      <c r="AG20" s="76">
        <v>3.51</v>
      </c>
      <c r="AH20" s="76">
        <v>3.91</v>
      </c>
      <c r="AI20" s="76">
        <v>4.1100000000000003</v>
      </c>
      <c r="AJ20" s="76">
        <v>4.9000000000000004</v>
      </c>
      <c r="AK20" s="76">
        <v>5.82</v>
      </c>
      <c r="AL20" s="76">
        <v>4.53</v>
      </c>
      <c r="AM20" s="76">
        <v>4.32</v>
      </c>
      <c r="AN20" s="76">
        <v>4.99</v>
      </c>
      <c r="AO20" s="76">
        <v>4.51</v>
      </c>
      <c r="AP20" s="76">
        <v>4.51</v>
      </c>
      <c r="AQ20" s="76">
        <v>5.0199999999999996</v>
      </c>
      <c r="AR20" s="76">
        <v>4.1100000000000003</v>
      </c>
      <c r="AS20" s="76">
        <v>5.84</v>
      </c>
      <c r="AT20" s="76">
        <v>5.29</v>
      </c>
      <c r="AU20" s="76">
        <v>4.43</v>
      </c>
      <c r="AV20" s="76">
        <v>4.08</v>
      </c>
      <c r="AW20" s="76">
        <v>4.32</v>
      </c>
      <c r="AX20" s="76">
        <v>5.23</v>
      </c>
      <c r="AY20" s="76">
        <v>4.0999999999999996</v>
      </c>
      <c r="AZ20" s="76">
        <v>3.25</v>
      </c>
      <c r="BA20" s="76">
        <v>3.23</v>
      </c>
      <c r="BB20" s="76">
        <v>4.01</v>
      </c>
      <c r="BC20" s="76">
        <v>6.01</v>
      </c>
      <c r="BD20" s="76">
        <v>3.29</v>
      </c>
      <c r="BF20" s="76">
        <v>4.7</v>
      </c>
    </row>
    <row r="21" spans="3:58" x14ac:dyDescent="0.2">
      <c r="C21" s="5" t="s">
        <v>64</v>
      </c>
      <c r="D21" s="6" t="s">
        <v>58</v>
      </c>
      <c r="E21" s="76">
        <v>4.21</v>
      </c>
      <c r="F21" s="76">
        <v>4.78</v>
      </c>
      <c r="G21" s="76">
        <v>3.4</v>
      </c>
      <c r="H21" s="76">
        <v>3.6</v>
      </c>
      <c r="I21" s="76">
        <v>3.73</v>
      </c>
      <c r="J21" s="76">
        <v>4.16</v>
      </c>
      <c r="K21" s="76">
        <v>5.41</v>
      </c>
      <c r="L21" s="76">
        <v>3.9</v>
      </c>
      <c r="M21" s="76">
        <v>2.88</v>
      </c>
      <c r="N21" s="76">
        <v>3.64</v>
      </c>
      <c r="O21" s="76">
        <v>3.13</v>
      </c>
      <c r="P21" s="76">
        <v>2.67</v>
      </c>
      <c r="Q21" s="76">
        <v>3.4</v>
      </c>
      <c r="R21" s="76">
        <v>3.47</v>
      </c>
      <c r="S21" s="76">
        <v>3.33</v>
      </c>
      <c r="T21" s="76">
        <v>2.57</v>
      </c>
      <c r="U21" s="76">
        <v>2.91</v>
      </c>
      <c r="V21" s="76">
        <v>3.08</v>
      </c>
      <c r="W21" s="76">
        <v>3.06</v>
      </c>
      <c r="X21" s="76">
        <v>2.81</v>
      </c>
      <c r="Y21" s="76">
        <v>3</v>
      </c>
      <c r="Z21" s="76">
        <v>3</v>
      </c>
      <c r="AA21" s="76">
        <v>3.05</v>
      </c>
      <c r="AB21" s="76">
        <v>3.49</v>
      </c>
      <c r="AC21" s="76">
        <v>3.25</v>
      </c>
      <c r="AD21" s="76">
        <v>3.09</v>
      </c>
      <c r="AE21" s="76">
        <v>3.43</v>
      </c>
      <c r="AF21" s="76">
        <v>3.05</v>
      </c>
      <c r="AG21" s="76">
        <v>3.22</v>
      </c>
      <c r="AH21" s="76">
        <v>3.25</v>
      </c>
      <c r="AI21" s="76">
        <v>3.23</v>
      </c>
      <c r="AJ21" s="76">
        <v>3.56</v>
      </c>
      <c r="AK21" s="76">
        <v>4.3099999999999996</v>
      </c>
      <c r="AL21" s="76">
        <v>3.48</v>
      </c>
      <c r="AM21" s="76">
        <v>3.76</v>
      </c>
      <c r="AN21" s="76">
        <v>3.99</v>
      </c>
      <c r="AO21" s="76">
        <v>3.99</v>
      </c>
      <c r="AP21" s="76">
        <v>4.01</v>
      </c>
      <c r="AQ21" s="76">
        <v>3.69</v>
      </c>
      <c r="AR21" s="76">
        <v>3.75</v>
      </c>
      <c r="AS21" s="76">
        <v>3.92</v>
      </c>
      <c r="AT21" s="76">
        <v>3.91</v>
      </c>
      <c r="AU21" s="76">
        <v>3.75</v>
      </c>
      <c r="AV21" s="76">
        <v>3.15</v>
      </c>
      <c r="AW21" s="76">
        <v>3.2</v>
      </c>
      <c r="AX21" s="76">
        <v>3.73</v>
      </c>
      <c r="AY21" s="76">
        <v>3.68</v>
      </c>
      <c r="AZ21" s="76">
        <v>3.18</v>
      </c>
      <c r="BA21" s="76">
        <v>3.22</v>
      </c>
      <c r="BB21" s="76">
        <v>3.24</v>
      </c>
      <c r="BC21" s="76">
        <v>2.98</v>
      </c>
      <c r="BD21" s="76">
        <v>2</v>
      </c>
      <c r="BF21" s="76">
        <v>3.65</v>
      </c>
    </row>
    <row r="22" spans="3:58" x14ac:dyDescent="0.2">
      <c r="C22" s="5" t="s">
        <v>65</v>
      </c>
      <c r="D22" s="6" t="s">
        <v>58</v>
      </c>
      <c r="E22" s="76">
        <v>2</v>
      </c>
      <c r="F22" s="76">
        <v>2.8</v>
      </c>
      <c r="G22" s="76">
        <v>2.9</v>
      </c>
      <c r="H22" s="76">
        <v>2.5</v>
      </c>
      <c r="I22" s="76">
        <v>2.2999999999999998</v>
      </c>
      <c r="J22" s="76">
        <v>1.9</v>
      </c>
      <c r="K22" s="76">
        <v>1.7</v>
      </c>
      <c r="L22" s="76">
        <v>0.7</v>
      </c>
      <c r="M22" s="76">
        <v>2.8</v>
      </c>
      <c r="N22" s="76">
        <v>2.25</v>
      </c>
      <c r="O22" s="76">
        <v>2.9</v>
      </c>
      <c r="P22" s="76">
        <v>2.9</v>
      </c>
      <c r="Q22" s="76">
        <v>2</v>
      </c>
      <c r="R22" s="76">
        <v>1.2</v>
      </c>
      <c r="S22" s="76">
        <v>1.05</v>
      </c>
      <c r="T22" s="76">
        <v>1.1000000000000001</v>
      </c>
      <c r="U22" s="76">
        <v>1.4</v>
      </c>
      <c r="V22" s="76">
        <v>1.35</v>
      </c>
      <c r="W22" s="76">
        <v>1.23</v>
      </c>
      <c r="X22" s="76">
        <v>1.96</v>
      </c>
      <c r="Y22" s="76">
        <v>2.02</v>
      </c>
      <c r="Z22" s="76">
        <v>1.42</v>
      </c>
      <c r="AA22" s="76">
        <v>1.82</v>
      </c>
      <c r="AB22" s="76">
        <v>1.72</v>
      </c>
      <c r="AC22" s="76">
        <v>2.65</v>
      </c>
      <c r="AD22" s="76">
        <v>2.0299999999999998</v>
      </c>
      <c r="AE22" s="76">
        <v>2.5099999999999998</v>
      </c>
      <c r="AF22" s="76">
        <v>2.92</v>
      </c>
      <c r="AG22" s="76">
        <v>2.81</v>
      </c>
      <c r="AH22" s="76">
        <v>2</v>
      </c>
      <c r="AI22" s="76">
        <v>2</v>
      </c>
      <c r="AJ22" s="76">
        <v>2.83</v>
      </c>
      <c r="AK22" s="76">
        <v>2.65</v>
      </c>
      <c r="AL22" s="76">
        <v>2.85</v>
      </c>
      <c r="AM22" s="76">
        <v>1.81</v>
      </c>
      <c r="AN22" s="76">
        <v>1.22</v>
      </c>
      <c r="AO22" s="76">
        <v>1.04</v>
      </c>
      <c r="AP22" s="76">
        <v>0.99</v>
      </c>
      <c r="AQ22" s="76">
        <v>1.03</v>
      </c>
      <c r="AR22" s="76">
        <v>1.17</v>
      </c>
      <c r="AS22" s="76">
        <v>0.89</v>
      </c>
      <c r="AT22" s="76">
        <v>0.75</v>
      </c>
      <c r="AU22" s="76">
        <v>0.81</v>
      </c>
      <c r="AV22" s="76">
        <v>0.81</v>
      </c>
      <c r="AW22" s="76">
        <v>1.64</v>
      </c>
      <c r="AX22" s="76">
        <v>0.95</v>
      </c>
      <c r="AY22" s="76">
        <v>0.64</v>
      </c>
      <c r="AZ22" s="76">
        <v>0.52</v>
      </c>
      <c r="BA22" s="76">
        <v>0.65</v>
      </c>
      <c r="BB22" s="76">
        <v>2.65</v>
      </c>
      <c r="BC22" s="76">
        <v>3</v>
      </c>
      <c r="BD22" s="76">
        <v>1</v>
      </c>
      <c r="BF22" s="76">
        <v>1.88</v>
      </c>
    </row>
    <row r="23" spans="3:58" x14ac:dyDescent="0.2">
      <c r="C23" s="5" t="s">
        <v>66</v>
      </c>
      <c r="D23" s="6" t="s">
        <v>58</v>
      </c>
      <c r="E23" s="76">
        <v>2</v>
      </c>
      <c r="F23" s="76">
        <v>2.13</v>
      </c>
      <c r="G23" s="76">
        <v>3.08</v>
      </c>
      <c r="H23" s="76">
        <v>3.6</v>
      </c>
      <c r="I23" s="76">
        <v>3.67</v>
      </c>
      <c r="J23" s="76">
        <v>3</v>
      </c>
      <c r="K23" s="76">
        <v>2.4</v>
      </c>
      <c r="L23" s="76">
        <v>1.1299999999999999</v>
      </c>
      <c r="M23" s="76">
        <v>1.78</v>
      </c>
      <c r="N23" s="76">
        <v>2.64</v>
      </c>
      <c r="O23" s="76">
        <v>2.4300000000000002</v>
      </c>
      <c r="P23" s="76">
        <v>1.73</v>
      </c>
      <c r="Q23" s="76">
        <v>2.86</v>
      </c>
      <c r="R23" s="76">
        <v>2.2999999999999998</v>
      </c>
      <c r="S23" s="76">
        <v>1.77</v>
      </c>
      <c r="T23" s="76">
        <v>1.53</v>
      </c>
      <c r="U23" s="76">
        <v>1.75</v>
      </c>
      <c r="V23" s="76">
        <v>1.98</v>
      </c>
      <c r="W23" s="76">
        <v>1.36</v>
      </c>
      <c r="X23" s="76">
        <v>2.13</v>
      </c>
      <c r="Y23" s="76">
        <v>2.14</v>
      </c>
      <c r="Z23" s="76">
        <v>1.77</v>
      </c>
      <c r="AA23" s="76">
        <v>1.5</v>
      </c>
      <c r="AB23" s="76">
        <v>2.29</v>
      </c>
      <c r="AC23" s="76">
        <v>1.73</v>
      </c>
      <c r="AD23" s="76">
        <v>1.1499999999999999</v>
      </c>
      <c r="AE23" s="76">
        <v>2</v>
      </c>
      <c r="AF23" s="76">
        <v>1.85</v>
      </c>
      <c r="AG23" s="76">
        <v>3</v>
      </c>
      <c r="AH23" s="76">
        <v>2</v>
      </c>
      <c r="AI23" s="76">
        <v>1.83</v>
      </c>
      <c r="AJ23" s="76">
        <v>2.19</v>
      </c>
      <c r="AK23" s="76">
        <v>3.8</v>
      </c>
      <c r="AL23" s="76">
        <v>2.34</v>
      </c>
      <c r="AM23" s="76">
        <v>1.97</v>
      </c>
      <c r="AN23" s="76">
        <v>2.2400000000000002</v>
      </c>
      <c r="AO23" s="76">
        <v>3.14</v>
      </c>
      <c r="AP23" s="76">
        <v>3</v>
      </c>
      <c r="AQ23" s="76">
        <v>1.61</v>
      </c>
      <c r="AR23" s="76">
        <v>1.85</v>
      </c>
      <c r="AS23" s="76">
        <v>2.4900000000000002</v>
      </c>
      <c r="AT23" s="76">
        <v>1.83</v>
      </c>
      <c r="AU23" s="76">
        <v>1.73</v>
      </c>
      <c r="AV23" s="76">
        <v>1.66</v>
      </c>
      <c r="AW23" s="76">
        <v>2.46</v>
      </c>
      <c r="AX23" s="76">
        <v>2.1800000000000002</v>
      </c>
      <c r="AY23" s="76">
        <v>2.17</v>
      </c>
      <c r="AZ23" s="76">
        <v>1.48</v>
      </c>
      <c r="BA23" s="76">
        <v>2.6</v>
      </c>
      <c r="BB23" s="76">
        <v>3.82</v>
      </c>
      <c r="BC23" s="76">
        <v>3.33</v>
      </c>
      <c r="BD23" s="76">
        <v>1.72</v>
      </c>
      <c r="BF23" s="76">
        <v>2.91</v>
      </c>
    </row>
    <row r="24" spans="3:58" x14ac:dyDescent="0.2">
      <c r="C24" s="5" t="s">
        <v>116</v>
      </c>
      <c r="D24" s="6" t="s">
        <v>58</v>
      </c>
      <c r="E24" s="76">
        <v>7.04</v>
      </c>
      <c r="F24" s="76">
        <v>8.4499999999999993</v>
      </c>
      <c r="G24" s="76">
        <v>7</v>
      </c>
      <c r="H24" s="76">
        <v>6</v>
      </c>
      <c r="I24" s="76">
        <v>5</v>
      </c>
      <c r="J24" s="76">
        <v>5.38</v>
      </c>
      <c r="K24" s="76">
        <v>7.74</v>
      </c>
      <c r="L24" s="76">
        <v>5.51</v>
      </c>
      <c r="M24" s="76">
        <v>4.7300000000000004</v>
      </c>
      <c r="N24" s="76">
        <v>4.9400000000000004</v>
      </c>
      <c r="O24" s="76">
        <v>5.41</v>
      </c>
      <c r="P24" s="76">
        <v>4.41</v>
      </c>
      <c r="Q24" s="76">
        <v>3.85</v>
      </c>
      <c r="R24" s="76">
        <v>3.92</v>
      </c>
      <c r="S24" s="76">
        <v>3.57</v>
      </c>
      <c r="T24" s="76">
        <v>2.78</v>
      </c>
      <c r="U24" s="76">
        <v>3.41</v>
      </c>
      <c r="V24" s="76">
        <v>3.83</v>
      </c>
      <c r="W24" s="76">
        <v>3.36</v>
      </c>
      <c r="X24" s="76">
        <v>3.62</v>
      </c>
      <c r="Y24" s="76">
        <v>3.03</v>
      </c>
      <c r="Z24" s="76">
        <v>3.59</v>
      </c>
      <c r="AA24" s="76">
        <v>3.47</v>
      </c>
      <c r="AB24" s="76">
        <v>3.65</v>
      </c>
      <c r="AC24" s="76">
        <v>3.36</v>
      </c>
      <c r="AD24" s="76">
        <v>3.45</v>
      </c>
      <c r="AE24" s="76">
        <v>3.74</v>
      </c>
      <c r="AF24" s="76">
        <v>4.5999999999999996</v>
      </c>
      <c r="AG24" s="76">
        <v>4.01</v>
      </c>
      <c r="AH24" s="76">
        <v>3.36</v>
      </c>
      <c r="AI24" s="76">
        <v>3.68</v>
      </c>
      <c r="AJ24" s="76">
        <v>3.58</v>
      </c>
      <c r="AK24" s="76">
        <v>3.85</v>
      </c>
      <c r="AL24" s="76">
        <v>4.55</v>
      </c>
      <c r="AM24" s="76">
        <v>4.3</v>
      </c>
      <c r="AN24" s="76">
        <v>4.37</v>
      </c>
      <c r="AO24" s="76">
        <v>4.29</v>
      </c>
      <c r="AP24" s="76">
        <v>3.95</v>
      </c>
      <c r="AQ24" s="76">
        <v>4.3899999999999997</v>
      </c>
      <c r="AR24" s="76">
        <v>5.9</v>
      </c>
      <c r="AS24" s="76">
        <v>5.01</v>
      </c>
      <c r="AT24" s="76">
        <v>5.66</v>
      </c>
      <c r="AU24" s="76">
        <v>5.13</v>
      </c>
      <c r="AV24" s="76">
        <v>5.1100000000000003</v>
      </c>
      <c r="AW24" s="76">
        <v>5.34</v>
      </c>
      <c r="AX24" s="76">
        <v>5.25</v>
      </c>
      <c r="AY24" s="76">
        <v>5.36</v>
      </c>
      <c r="AZ24" s="76">
        <v>4.9400000000000004</v>
      </c>
      <c r="BA24" s="76">
        <v>4.7</v>
      </c>
      <c r="BB24" s="76">
        <v>5.58</v>
      </c>
      <c r="BC24" s="76">
        <v>5.57</v>
      </c>
      <c r="BD24" s="76">
        <v>4.7</v>
      </c>
      <c r="BF24" s="76">
        <v>4.76</v>
      </c>
    </row>
    <row r="25" spans="3:58" x14ac:dyDescent="0.2">
      <c r="C25" s="5" t="s">
        <v>68</v>
      </c>
      <c r="D25" s="6" t="s">
        <v>58</v>
      </c>
      <c r="E25" s="76">
        <v>1.1000000000000001</v>
      </c>
      <c r="F25" s="76">
        <v>1.57</v>
      </c>
      <c r="G25" s="76">
        <v>1.4</v>
      </c>
      <c r="H25" s="76">
        <v>1.2</v>
      </c>
      <c r="I25" s="76">
        <v>1.32</v>
      </c>
      <c r="J25" s="76">
        <v>1.83</v>
      </c>
      <c r="K25" s="76">
        <v>1.53</v>
      </c>
      <c r="L25" s="76">
        <v>0.96</v>
      </c>
      <c r="M25" s="76">
        <v>0.79</v>
      </c>
      <c r="N25" s="76">
        <v>1.2</v>
      </c>
      <c r="O25" s="76">
        <v>1.65</v>
      </c>
      <c r="P25" s="76">
        <v>1.55</v>
      </c>
      <c r="Q25" s="76">
        <v>1.77</v>
      </c>
      <c r="R25" s="76">
        <v>1.1000000000000001</v>
      </c>
      <c r="S25" s="76">
        <v>1.05</v>
      </c>
      <c r="T25" s="76">
        <v>1.1499999999999999</v>
      </c>
      <c r="U25" s="76">
        <v>1.3</v>
      </c>
      <c r="V25" s="76">
        <v>1.39</v>
      </c>
      <c r="W25" s="76">
        <v>0.65</v>
      </c>
      <c r="X25" s="76">
        <v>1</v>
      </c>
      <c r="Y25" s="76">
        <v>0.83</v>
      </c>
      <c r="Z25" s="76">
        <v>1.08</v>
      </c>
      <c r="AA25" s="76">
        <v>0.75</v>
      </c>
      <c r="AB25" s="76">
        <v>0.71</v>
      </c>
      <c r="AC25" s="76">
        <v>0.94</v>
      </c>
      <c r="AD25" s="76">
        <v>1</v>
      </c>
      <c r="AE25" s="76">
        <v>1.01</v>
      </c>
      <c r="AF25" s="76">
        <v>0.83</v>
      </c>
      <c r="AG25" s="76">
        <v>1.34</v>
      </c>
      <c r="AH25" s="76">
        <v>1.53</v>
      </c>
      <c r="AI25" s="76">
        <v>1.1499999999999999</v>
      </c>
      <c r="AJ25" s="76">
        <v>1.03</v>
      </c>
      <c r="AK25" s="76">
        <v>0.73</v>
      </c>
      <c r="AL25" s="76">
        <v>0.86</v>
      </c>
      <c r="AM25" s="76">
        <v>0.67</v>
      </c>
      <c r="AN25" s="76">
        <v>0.54</v>
      </c>
      <c r="AO25" s="76">
        <v>0.73</v>
      </c>
      <c r="AP25" s="76">
        <v>0.7</v>
      </c>
      <c r="AQ25" s="76">
        <v>0.7</v>
      </c>
      <c r="AR25" s="76">
        <v>0.69</v>
      </c>
      <c r="AS25" s="76">
        <v>0.56999999999999995</v>
      </c>
      <c r="AT25" s="76">
        <v>0.79</v>
      </c>
      <c r="AU25" s="76">
        <v>0.98</v>
      </c>
      <c r="AV25" s="76">
        <v>0.84</v>
      </c>
      <c r="AW25" s="76">
        <v>0.78</v>
      </c>
      <c r="AX25" s="76">
        <v>0.83</v>
      </c>
      <c r="AY25" s="76">
        <v>0.78</v>
      </c>
      <c r="AZ25" s="76">
        <v>0.72</v>
      </c>
      <c r="BA25" s="76">
        <v>0.72</v>
      </c>
      <c r="BB25" s="76">
        <v>0.83</v>
      </c>
      <c r="BC25" s="76">
        <v>0.88</v>
      </c>
      <c r="BD25" s="76">
        <v>0.67</v>
      </c>
      <c r="BF25" s="76">
        <v>0.92</v>
      </c>
    </row>
    <row r="26" spans="3:58" x14ac:dyDescent="0.2">
      <c r="C26" s="5" t="s">
        <v>69</v>
      </c>
      <c r="D26" s="6" t="s">
        <v>58</v>
      </c>
      <c r="E26" s="76">
        <v>1.5</v>
      </c>
      <c r="F26" s="76">
        <v>1.9</v>
      </c>
      <c r="G26" s="76">
        <v>1.95</v>
      </c>
      <c r="H26" s="76">
        <v>1.8</v>
      </c>
      <c r="I26" s="76">
        <v>2.2000000000000002</v>
      </c>
      <c r="J26" s="76">
        <v>2.5099999999999998</v>
      </c>
      <c r="K26" s="76">
        <v>2</v>
      </c>
      <c r="L26" s="76">
        <v>1.33</v>
      </c>
      <c r="M26" s="76">
        <v>1.26</v>
      </c>
      <c r="N26" s="76">
        <v>1.31</v>
      </c>
      <c r="O26" s="76">
        <v>1.1000000000000001</v>
      </c>
      <c r="P26" s="76">
        <v>1.1000000000000001</v>
      </c>
      <c r="Q26" s="76">
        <v>1.35</v>
      </c>
      <c r="R26" s="76">
        <v>1.9</v>
      </c>
      <c r="S26" s="76">
        <v>1.5</v>
      </c>
      <c r="T26" s="76">
        <v>1.1000000000000001</v>
      </c>
      <c r="U26" s="76">
        <v>1.1000000000000001</v>
      </c>
      <c r="V26" s="76">
        <v>0.96</v>
      </c>
      <c r="W26" s="76">
        <v>0.84</v>
      </c>
      <c r="X26" s="76">
        <v>0.98</v>
      </c>
      <c r="Y26" s="76">
        <v>1.55</v>
      </c>
      <c r="Z26" s="76">
        <v>1.17</v>
      </c>
      <c r="AA26" s="76">
        <v>1.18</v>
      </c>
      <c r="AB26" s="76">
        <v>1.47</v>
      </c>
      <c r="AC26" s="76">
        <v>1.4</v>
      </c>
      <c r="AD26" s="76">
        <v>1.17</v>
      </c>
      <c r="AE26" s="76">
        <v>1.5</v>
      </c>
      <c r="AF26" s="76">
        <v>1.8</v>
      </c>
      <c r="AG26" s="76">
        <v>2.2999999999999998</v>
      </c>
      <c r="AH26" s="76">
        <v>1.8</v>
      </c>
      <c r="AI26" s="76">
        <v>1.3</v>
      </c>
      <c r="AJ26" s="76">
        <v>1.65</v>
      </c>
      <c r="AK26" s="76">
        <v>2.15</v>
      </c>
      <c r="AL26" s="76">
        <v>1.65</v>
      </c>
      <c r="AM26" s="76">
        <v>1.65</v>
      </c>
      <c r="AN26" s="76">
        <v>0.88</v>
      </c>
      <c r="AO26" s="76">
        <v>0.74</v>
      </c>
      <c r="AP26" s="76">
        <v>1.2</v>
      </c>
      <c r="AQ26" s="76">
        <v>1.8</v>
      </c>
      <c r="AR26" s="76">
        <v>1.1499999999999999</v>
      </c>
      <c r="AS26" s="76">
        <v>1.84</v>
      </c>
      <c r="AT26" s="76">
        <v>1.36</v>
      </c>
      <c r="AU26" s="76">
        <v>1.3</v>
      </c>
      <c r="AV26" s="76">
        <v>1.1499999999999999</v>
      </c>
      <c r="AW26" s="76">
        <v>1.59</v>
      </c>
      <c r="AX26" s="76">
        <v>1.66</v>
      </c>
      <c r="AY26" s="76">
        <v>2</v>
      </c>
      <c r="AZ26" s="76">
        <v>1.3</v>
      </c>
      <c r="BA26" s="76">
        <v>1.6</v>
      </c>
      <c r="BB26" s="76">
        <v>1.85</v>
      </c>
      <c r="BC26" s="76">
        <v>2.2999999999999998</v>
      </c>
      <c r="BD26" s="76">
        <v>1.08</v>
      </c>
      <c r="BF26" s="76">
        <v>2.2999999999999998</v>
      </c>
    </row>
    <row r="27" spans="3:58" x14ac:dyDescent="0.2">
      <c r="C27" s="5" t="s">
        <v>70</v>
      </c>
      <c r="D27" s="6" t="s">
        <v>58</v>
      </c>
      <c r="E27" s="76">
        <v>2</v>
      </c>
      <c r="F27" s="76">
        <v>1.8</v>
      </c>
      <c r="G27" s="76">
        <v>2.2000000000000002</v>
      </c>
      <c r="H27" s="76">
        <v>2.25</v>
      </c>
      <c r="I27" s="76">
        <v>2.19</v>
      </c>
      <c r="J27" s="76">
        <v>1.66</v>
      </c>
      <c r="K27" s="76">
        <v>2.04</v>
      </c>
      <c r="L27" s="76">
        <v>1.79</v>
      </c>
      <c r="M27" s="76">
        <v>1.59</v>
      </c>
      <c r="N27" s="76">
        <v>1.02</v>
      </c>
      <c r="O27" s="76">
        <v>1.1200000000000001</v>
      </c>
      <c r="P27" s="76">
        <v>0.97</v>
      </c>
      <c r="Q27" s="76">
        <v>0.91</v>
      </c>
      <c r="R27" s="76">
        <v>0.74</v>
      </c>
      <c r="S27" s="76">
        <v>0.66</v>
      </c>
      <c r="T27" s="76">
        <v>0.7</v>
      </c>
      <c r="U27" s="76">
        <v>0.64</v>
      </c>
      <c r="V27" s="76">
        <v>1.01</v>
      </c>
      <c r="W27" s="76">
        <v>1.4</v>
      </c>
      <c r="X27" s="76">
        <v>2.2999999999999998</v>
      </c>
      <c r="Y27" s="76">
        <v>2</v>
      </c>
      <c r="Z27" s="76">
        <v>0.93</v>
      </c>
      <c r="AA27" s="76">
        <v>2.15</v>
      </c>
      <c r="AB27" s="76">
        <v>2.2599999999999998</v>
      </c>
      <c r="AC27" s="76">
        <v>2.12</v>
      </c>
      <c r="AD27" s="76">
        <v>1.67</v>
      </c>
      <c r="AE27" s="76">
        <v>1.41</v>
      </c>
      <c r="AF27" s="76">
        <v>0.89</v>
      </c>
      <c r="AG27" s="76">
        <v>0.99</v>
      </c>
      <c r="AH27" s="76">
        <v>1.25</v>
      </c>
      <c r="AI27" s="76">
        <v>1.1299999999999999</v>
      </c>
      <c r="AJ27" s="76">
        <v>1.41</v>
      </c>
      <c r="AK27" s="76">
        <v>0.56999999999999995</v>
      </c>
      <c r="AL27" s="76">
        <v>1.0900000000000001</v>
      </c>
      <c r="AM27" s="76">
        <v>0.56999999999999995</v>
      </c>
      <c r="AN27" s="76">
        <v>1.53</v>
      </c>
      <c r="AO27" s="76">
        <v>0.5</v>
      </c>
      <c r="AP27" s="76">
        <v>1.97</v>
      </c>
      <c r="AQ27" s="76">
        <v>1.5</v>
      </c>
      <c r="AR27" s="76">
        <v>0.82</v>
      </c>
      <c r="AS27" s="76">
        <v>1.18</v>
      </c>
      <c r="AT27" s="76">
        <v>0.41</v>
      </c>
      <c r="AU27" s="76">
        <v>0.77</v>
      </c>
      <c r="AV27" s="76">
        <v>1.1000000000000001</v>
      </c>
      <c r="AW27" s="76">
        <v>1.1200000000000001</v>
      </c>
      <c r="AX27" s="76">
        <v>1.56</v>
      </c>
      <c r="AY27" s="76">
        <v>2.0499999999999998</v>
      </c>
      <c r="AZ27" s="76">
        <v>1.43</v>
      </c>
      <c r="BA27" s="76">
        <v>1.77</v>
      </c>
      <c r="BB27" s="76">
        <v>2.0099999999999998</v>
      </c>
      <c r="BC27" s="76">
        <v>2.16</v>
      </c>
      <c r="BD27" s="76">
        <v>0.93</v>
      </c>
      <c r="BF27" s="76">
        <v>1.51</v>
      </c>
    </row>
    <row r="28" spans="3:58" x14ac:dyDescent="0.2">
      <c r="C28" s="5" t="s">
        <v>133</v>
      </c>
      <c r="D28" s="6" t="s">
        <v>58</v>
      </c>
      <c r="E28" s="76">
        <v>2.57</v>
      </c>
      <c r="F28" s="76">
        <v>2.31</v>
      </c>
      <c r="G28" s="76">
        <v>2.17</v>
      </c>
      <c r="H28" s="76">
        <v>2.91</v>
      </c>
      <c r="I28" s="76">
        <v>3.44</v>
      </c>
      <c r="J28" s="76">
        <v>3.85</v>
      </c>
      <c r="K28" s="76">
        <v>2.9</v>
      </c>
      <c r="L28" s="76">
        <v>3.06</v>
      </c>
      <c r="M28" s="76">
        <v>2.66</v>
      </c>
      <c r="N28" s="76"/>
      <c r="O28" s="76">
        <v>6.32</v>
      </c>
      <c r="P28" s="76">
        <v>4.7</v>
      </c>
      <c r="Q28" s="76" t="s">
        <v>132</v>
      </c>
      <c r="R28" s="76">
        <v>3.96</v>
      </c>
      <c r="S28" s="76">
        <v>2.75</v>
      </c>
      <c r="T28" s="76"/>
      <c r="U28" s="76">
        <v>4.8099999999999996</v>
      </c>
      <c r="V28" s="76">
        <v>2.02</v>
      </c>
      <c r="W28" s="76">
        <v>2.21</v>
      </c>
      <c r="X28" s="76">
        <v>2.14</v>
      </c>
      <c r="Y28" s="76">
        <v>3.76</v>
      </c>
      <c r="Z28" s="76">
        <v>2.1</v>
      </c>
      <c r="AA28" s="76">
        <v>3.38</v>
      </c>
      <c r="AB28" s="76">
        <v>5.9</v>
      </c>
      <c r="AC28" s="76">
        <v>4.63</v>
      </c>
      <c r="AD28" s="76">
        <v>3.03</v>
      </c>
      <c r="AE28" s="76">
        <v>3.28</v>
      </c>
      <c r="AF28" s="76">
        <v>3.62</v>
      </c>
      <c r="AG28" s="76">
        <v>3.71</v>
      </c>
      <c r="AH28" s="76">
        <v>3.51</v>
      </c>
      <c r="AI28" s="76">
        <v>3.34</v>
      </c>
      <c r="AJ28" s="76">
        <v>3.36</v>
      </c>
      <c r="AK28" s="76">
        <v>3.13</v>
      </c>
      <c r="AL28" s="76">
        <v>3.8</v>
      </c>
      <c r="AM28" s="76">
        <v>3.41</v>
      </c>
      <c r="AN28" s="76">
        <v>3.3</v>
      </c>
      <c r="AO28" s="76">
        <v>3.53</v>
      </c>
      <c r="AP28" s="76">
        <v>3.18</v>
      </c>
      <c r="AQ28" s="76">
        <v>3.51</v>
      </c>
      <c r="AR28" s="76">
        <v>4.0599999999999996</v>
      </c>
      <c r="AS28" s="76">
        <v>5</v>
      </c>
      <c r="AT28" s="76">
        <v>4.1100000000000003</v>
      </c>
      <c r="AU28" s="76">
        <v>2.62</v>
      </c>
      <c r="AV28" s="76">
        <v>4.26</v>
      </c>
      <c r="AW28" s="76">
        <v>4.8</v>
      </c>
      <c r="AX28" s="76">
        <v>2.2799999999999998</v>
      </c>
      <c r="AY28" s="76">
        <v>2.4</v>
      </c>
      <c r="AZ28" s="76">
        <v>2.08</v>
      </c>
      <c r="BA28" s="76">
        <v>2.4</v>
      </c>
      <c r="BB28" s="76">
        <v>2.59</v>
      </c>
      <c r="BC28" s="76">
        <v>2.0499999999999998</v>
      </c>
      <c r="BD28" s="76">
        <v>1.1200000000000001</v>
      </c>
      <c r="BF28" s="76">
        <v>2.23</v>
      </c>
    </row>
    <row r="29" spans="3:58" x14ac:dyDescent="0.2">
      <c r="C29" s="5" t="s">
        <v>71</v>
      </c>
      <c r="D29" s="6" t="s">
        <v>58</v>
      </c>
      <c r="E29" s="76">
        <v>2.2000000000000002</v>
      </c>
      <c r="F29" s="76">
        <v>2.2000000000000002</v>
      </c>
      <c r="G29" s="76">
        <v>2.2000000000000002</v>
      </c>
      <c r="H29" s="76">
        <v>2.2000000000000002</v>
      </c>
      <c r="I29" s="76">
        <v>2.2000000000000002</v>
      </c>
      <c r="J29" s="76">
        <v>2.2000000000000002</v>
      </c>
      <c r="K29" s="76">
        <v>2.2000000000000002</v>
      </c>
      <c r="L29" s="76">
        <v>2.2000000000000002</v>
      </c>
      <c r="M29" s="76">
        <v>2.2000000000000002</v>
      </c>
      <c r="N29" s="76">
        <v>2.2000000000000002</v>
      </c>
      <c r="O29" s="76">
        <v>2.2000000000000002</v>
      </c>
      <c r="P29" s="76">
        <v>2.2000000000000002</v>
      </c>
      <c r="Q29" s="76">
        <v>2.2000000000000002</v>
      </c>
      <c r="R29" s="76">
        <v>2.2000000000000002</v>
      </c>
      <c r="S29" s="76">
        <v>2.2000000000000002</v>
      </c>
      <c r="T29" s="76">
        <v>2.2000000000000002</v>
      </c>
      <c r="U29" s="76">
        <v>2.2000000000000002</v>
      </c>
      <c r="V29" s="76">
        <v>2.2000000000000002</v>
      </c>
      <c r="W29" s="76">
        <v>2.2000000000000002</v>
      </c>
      <c r="X29" s="76">
        <v>2.2000000000000002</v>
      </c>
      <c r="Y29" s="76">
        <v>2.2000000000000002</v>
      </c>
      <c r="Z29" s="76">
        <v>2.2000000000000002</v>
      </c>
      <c r="AA29" s="76">
        <v>2.2000000000000002</v>
      </c>
      <c r="AB29" s="76">
        <v>2.2000000000000002</v>
      </c>
      <c r="AC29" s="76">
        <v>2.2000000000000002</v>
      </c>
      <c r="AD29" s="76">
        <v>2.2000000000000002</v>
      </c>
      <c r="AE29" s="76">
        <v>2.2000000000000002</v>
      </c>
      <c r="AF29" s="76">
        <v>2.2000000000000002</v>
      </c>
      <c r="AG29" s="76">
        <v>2.2000000000000002</v>
      </c>
      <c r="AH29" s="76">
        <v>2.2000000000000002</v>
      </c>
      <c r="AI29" s="76">
        <v>2.2000000000000002</v>
      </c>
      <c r="AJ29" s="76">
        <v>2.2000000000000002</v>
      </c>
      <c r="AK29" s="76">
        <v>2.2000000000000002</v>
      </c>
      <c r="AL29" s="76">
        <v>2.2000000000000002</v>
      </c>
      <c r="AM29" s="76">
        <v>2.2000000000000002</v>
      </c>
      <c r="AN29" s="76">
        <v>2.2000000000000002</v>
      </c>
      <c r="AO29" s="76">
        <v>2.35</v>
      </c>
      <c r="AP29" s="76">
        <v>2.35</v>
      </c>
      <c r="AQ29" s="76">
        <v>2.35</v>
      </c>
      <c r="AR29" s="76">
        <v>2.35</v>
      </c>
      <c r="AS29" s="76">
        <v>2.35</v>
      </c>
      <c r="AT29" s="76">
        <v>2.35</v>
      </c>
      <c r="AU29" s="76">
        <v>2.35</v>
      </c>
      <c r="AV29" s="76">
        <v>2.35</v>
      </c>
      <c r="AW29" s="76">
        <v>2.35</v>
      </c>
      <c r="AX29" s="76">
        <v>2.35</v>
      </c>
      <c r="AY29" s="76">
        <v>2.35</v>
      </c>
      <c r="AZ29" s="76">
        <v>2.35</v>
      </c>
      <c r="BA29" s="76">
        <v>2.35</v>
      </c>
      <c r="BB29" s="76">
        <v>2.35</v>
      </c>
      <c r="BC29" s="76">
        <v>2.35</v>
      </c>
      <c r="BD29" s="76">
        <v>2.35</v>
      </c>
      <c r="BF29" s="76">
        <v>2.35</v>
      </c>
    </row>
    <row r="30" spans="3:58" x14ac:dyDescent="0.2">
      <c r="C30" s="5" t="s">
        <v>102</v>
      </c>
      <c r="D30" s="6" t="s">
        <v>58</v>
      </c>
      <c r="E30" s="76">
        <v>4.2300000000000004</v>
      </c>
      <c r="F30" s="76">
        <v>4.42</v>
      </c>
      <c r="G30" s="76">
        <v>4.5</v>
      </c>
      <c r="H30" s="76">
        <v>4.71</v>
      </c>
      <c r="I30" s="76">
        <v>4.8099999999999996</v>
      </c>
      <c r="J30" s="76">
        <v>4.99</v>
      </c>
      <c r="K30" s="76">
        <v>5.1100000000000003</v>
      </c>
      <c r="L30" s="76">
        <v>5.13</v>
      </c>
      <c r="M30" s="76">
        <v>5.5</v>
      </c>
      <c r="N30" s="76">
        <v>5.59</v>
      </c>
      <c r="O30" s="76">
        <v>5.54</v>
      </c>
      <c r="P30" s="76">
        <v>5.61</v>
      </c>
      <c r="Q30" s="76">
        <v>5.51</v>
      </c>
      <c r="R30" s="76">
        <v>5.41</v>
      </c>
      <c r="S30" s="76">
        <v>5.36</v>
      </c>
      <c r="T30" s="76">
        <v>5.41</v>
      </c>
      <c r="U30" s="76">
        <v>5.35</v>
      </c>
      <c r="V30" s="76">
        <v>5.36</v>
      </c>
      <c r="W30" s="76">
        <v>5.34</v>
      </c>
      <c r="X30" s="76">
        <v>5.41</v>
      </c>
      <c r="Y30" s="76">
        <v>5.35</v>
      </c>
      <c r="Z30" s="76">
        <v>5.46</v>
      </c>
      <c r="AA30" s="76">
        <v>5.47</v>
      </c>
      <c r="AB30" s="76">
        <v>5.41</v>
      </c>
      <c r="AC30" s="76">
        <v>5.28</v>
      </c>
      <c r="AD30" s="76">
        <v>5.15</v>
      </c>
      <c r="AE30" s="76">
        <v>5.12</v>
      </c>
      <c r="AF30" s="76">
        <v>5.0199999999999996</v>
      </c>
      <c r="AG30" s="76">
        <v>5.01</v>
      </c>
      <c r="AH30" s="76">
        <v>5</v>
      </c>
      <c r="AI30" s="76">
        <v>4.97</v>
      </c>
      <c r="AJ30" s="76">
        <v>4.99</v>
      </c>
      <c r="AK30" s="76">
        <v>5.01</v>
      </c>
      <c r="AL30" s="76">
        <v>5.01</v>
      </c>
      <c r="AM30" s="76">
        <v>4.9800000000000004</v>
      </c>
      <c r="AN30" s="76">
        <v>4.91</v>
      </c>
      <c r="AO30" s="76">
        <v>4.95</v>
      </c>
      <c r="AP30" s="76">
        <v>5.03</v>
      </c>
      <c r="AQ30" s="76">
        <v>5.0599999999999996</v>
      </c>
      <c r="AR30" s="76">
        <v>5.08</v>
      </c>
      <c r="AS30" s="76">
        <v>5.1100000000000003</v>
      </c>
      <c r="AT30" s="76">
        <v>5.1100000000000003</v>
      </c>
      <c r="AU30" s="76">
        <v>5.12</v>
      </c>
      <c r="AV30" s="76">
        <v>5.16</v>
      </c>
      <c r="AW30" s="76">
        <v>5.15</v>
      </c>
      <c r="AX30" s="76">
        <v>5.15</v>
      </c>
      <c r="AY30" s="76">
        <v>5.03</v>
      </c>
      <c r="AZ30" s="76">
        <v>4.9800000000000004</v>
      </c>
      <c r="BA30" s="76">
        <v>4.92</v>
      </c>
      <c r="BB30" s="76">
        <v>4.87</v>
      </c>
      <c r="BC30" s="76">
        <v>4.78</v>
      </c>
      <c r="BD30" s="76">
        <v>4.78</v>
      </c>
      <c r="BF30" s="76">
        <v>4.82</v>
      </c>
    </row>
    <row r="31" spans="3:58" x14ac:dyDescent="0.2">
      <c r="C31" s="5" t="s">
        <v>72</v>
      </c>
      <c r="D31" s="6" t="s">
        <v>58</v>
      </c>
      <c r="E31" s="76">
        <v>4.8600000000000003</v>
      </c>
      <c r="F31" s="76">
        <v>4.8600000000000003</v>
      </c>
      <c r="G31" s="76">
        <v>4.93</v>
      </c>
      <c r="H31" s="76">
        <v>4.93</v>
      </c>
      <c r="I31" s="76">
        <v>4.93</v>
      </c>
      <c r="J31" s="76">
        <v>4.93</v>
      </c>
      <c r="K31" s="76">
        <v>4.93</v>
      </c>
      <c r="L31" s="76">
        <v>5.71</v>
      </c>
      <c r="M31" s="76">
        <v>5.71</v>
      </c>
      <c r="N31" s="76">
        <v>5.71</v>
      </c>
      <c r="O31" s="76">
        <v>5.71</v>
      </c>
      <c r="P31" s="76">
        <v>5.83</v>
      </c>
      <c r="Q31" s="76">
        <v>5.83</v>
      </c>
      <c r="R31" s="76">
        <v>5.83</v>
      </c>
      <c r="S31" s="76">
        <v>5.71</v>
      </c>
      <c r="T31" s="76">
        <v>5.71</v>
      </c>
      <c r="U31" s="76">
        <v>5.71</v>
      </c>
      <c r="V31" s="76">
        <v>5.71</v>
      </c>
      <c r="W31" s="76">
        <v>5.71</v>
      </c>
      <c r="X31" s="76">
        <v>5.71</v>
      </c>
      <c r="Y31" s="76">
        <v>5.43</v>
      </c>
      <c r="Z31" s="76">
        <v>5</v>
      </c>
      <c r="AA31" s="76">
        <v>5</v>
      </c>
      <c r="AB31" s="76">
        <v>5</v>
      </c>
      <c r="AC31" s="76">
        <v>4.8</v>
      </c>
      <c r="AD31" s="76">
        <v>4.6500000000000004</v>
      </c>
      <c r="AE31" s="76">
        <v>4.6500000000000004</v>
      </c>
      <c r="AF31" s="76">
        <v>5</v>
      </c>
      <c r="AG31" s="76">
        <v>5</v>
      </c>
      <c r="AH31" s="76">
        <v>5.41</v>
      </c>
      <c r="AI31" s="76">
        <v>4.88</v>
      </c>
      <c r="AJ31" s="76">
        <v>4.88</v>
      </c>
      <c r="AK31" s="76">
        <v>4.88</v>
      </c>
      <c r="AL31" s="76">
        <v>4.88</v>
      </c>
      <c r="AM31" s="76">
        <v>4.88</v>
      </c>
      <c r="AN31" s="76">
        <v>4.88</v>
      </c>
      <c r="AO31" s="76">
        <v>4.88</v>
      </c>
      <c r="AP31" s="76">
        <v>5.12</v>
      </c>
      <c r="AQ31" s="76">
        <v>4.8</v>
      </c>
      <c r="AR31" s="76">
        <v>4.8</v>
      </c>
      <c r="AS31" s="76">
        <v>4.8</v>
      </c>
      <c r="AT31" s="76">
        <v>4.8</v>
      </c>
      <c r="AU31" s="76">
        <v>4.6500000000000004</v>
      </c>
      <c r="AV31" s="76">
        <v>4.75</v>
      </c>
      <c r="AW31" s="76">
        <v>4.8</v>
      </c>
      <c r="AX31" s="76">
        <v>4.8</v>
      </c>
      <c r="AY31" s="76">
        <v>4.68</v>
      </c>
      <c r="AZ31" s="76">
        <v>4.68</v>
      </c>
      <c r="BA31" s="76">
        <v>4.68</v>
      </c>
      <c r="BB31" s="76">
        <v>4.71</v>
      </c>
      <c r="BC31" s="76">
        <v>4.71</v>
      </c>
      <c r="BD31" s="76">
        <v>4.71</v>
      </c>
      <c r="BF31" s="76">
        <v>4.71</v>
      </c>
    </row>
    <row r="32" spans="3:58" x14ac:dyDescent="0.2">
      <c r="C32" s="5" t="s">
        <v>136</v>
      </c>
      <c r="D32" s="6" t="s">
        <v>58</v>
      </c>
      <c r="E32" s="76">
        <v>3.49</v>
      </c>
      <c r="F32" s="76">
        <v>2.98</v>
      </c>
      <c r="G32" s="76">
        <v>2.4500000000000002</v>
      </c>
      <c r="H32" s="76">
        <v>2.8</v>
      </c>
      <c r="I32" s="76">
        <v>2.96</v>
      </c>
      <c r="J32" s="76">
        <v>2.8</v>
      </c>
      <c r="K32" s="76">
        <v>3.16</v>
      </c>
      <c r="L32" s="76">
        <v>2.34</v>
      </c>
      <c r="M32" s="76">
        <v>2.36</v>
      </c>
      <c r="N32" s="76">
        <v>3.96</v>
      </c>
      <c r="O32" s="76">
        <v>2.9</v>
      </c>
      <c r="P32" s="76">
        <v>2.7</v>
      </c>
      <c r="Q32" s="76">
        <v>2.38</v>
      </c>
      <c r="R32" s="76">
        <v>3.22</v>
      </c>
      <c r="S32" s="76">
        <v>3</v>
      </c>
      <c r="T32" s="76">
        <v>2.93</v>
      </c>
      <c r="U32" s="76">
        <v>3.42</v>
      </c>
      <c r="V32" s="76">
        <v>2.7</v>
      </c>
      <c r="W32" s="76">
        <v>3.7</v>
      </c>
      <c r="X32" s="94" t="s">
        <v>90</v>
      </c>
      <c r="Y32" s="76" t="s">
        <v>107</v>
      </c>
      <c r="Z32" s="76" t="s">
        <v>90</v>
      </c>
      <c r="AA32" s="76" t="s">
        <v>90</v>
      </c>
      <c r="AB32" s="76" t="s">
        <v>90</v>
      </c>
      <c r="AC32" s="76">
        <v>3.76</v>
      </c>
      <c r="AD32" s="76">
        <v>3.8</v>
      </c>
      <c r="AE32" s="76">
        <v>2.69</v>
      </c>
      <c r="AF32" s="76">
        <v>3.1</v>
      </c>
      <c r="AG32" s="76">
        <v>2.4300000000000002</v>
      </c>
      <c r="AH32" s="76">
        <v>1.37</v>
      </c>
      <c r="AI32" s="76">
        <v>1.21</v>
      </c>
      <c r="AJ32" s="76">
        <v>1.1599999999999999</v>
      </c>
      <c r="AK32" s="76">
        <v>1.1499999999999999</v>
      </c>
      <c r="AL32" s="76">
        <v>1.05</v>
      </c>
      <c r="AM32" s="76">
        <v>1.1200000000000001</v>
      </c>
      <c r="AN32" s="76">
        <v>1.43</v>
      </c>
      <c r="AO32" s="76">
        <v>1.36</v>
      </c>
      <c r="AP32" s="76">
        <v>1.07</v>
      </c>
      <c r="AQ32" s="76">
        <v>1.05</v>
      </c>
      <c r="AR32" s="76">
        <v>1.91</v>
      </c>
      <c r="AS32" s="76" t="s">
        <v>110</v>
      </c>
      <c r="AT32" s="76">
        <v>2.42</v>
      </c>
      <c r="AU32" s="76">
        <v>2.1</v>
      </c>
      <c r="AV32" s="76">
        <v>2.0099999999999998</v>
      </c>
      <c r="AW32" s="76">
        <v>2.0099999999999998</v>
      </c>
      <c r="AX32" s="76">
        <v>2.4900000000000002</v>
      </c>
      <c r="AY32" s="76">
        <v>2.23</v>
      </c>
      <c r="AZ32" s="76">
        <v>1.96</v>
      </c>
      <c r="BA32" s="76">
        <v>2.16</v>
      </c>
      <c r="BB32" s="76">
        <v>2.2000000000000002</v>
      </c>
      <c r="BC32" s="76">
        <v>2.48</v>
      </c>
      <c r="BD32" s="76">
        <v>2.46</v>
      </c>
      <c r="BF32" s="76">
        <v>2.36</v>
      </c>
    </row>
    <row r="33" spans="3:58" x14ac:dyDescent="0.2">
      <c r="C33" s="5" t="s">
        <v>74</v>
      </c>
      <c r="D33" s="6" t="s">
        <v>58</v>
      </c>
      <c r="E33" s="76">
        <v>0.9</v>
      </c>
      <c r="F33" s="76">
        <v>0.9</v>
      </c>
      <c r="G33" s="76">
        <v>0.9</v>
      </c>
      <c r="H33" s="76">
        <v>0.9</v>
      </c>
      <c r="I33" s="76">
        <v>0.9</v>
      </c>
      <c r="J33" s="76">
        <v>0.9</v>
      </c>
      <c r="K33" s="76">
        <v>0.9</v>
      </c>
      <c r="L33" s="76">
        <v>0.9</v>
      </c>
      <c r="M33" s="76">
        <v>0.9</v>
      </c>
      <c r="N33" s="76">
        <v>0.9</v>
      </c>
      <c r="O33" s="76">
        <v>0.9</v>
      </c>
      <c r="P33" s="76">
        <v>0.9</v>
      </c>
      <c r="Q33" s="76">
        <v>0.9</v>
      </c>
      <c r="R33" s="76">
        <v>0.9</v>
      </c>
      <c r="S33" s="76">
        <v>0.9</v>
      </c>
      <c r="T33" s="76">
        <v>0.9</v>
      </c>
      <c r="U33" s="76">
        <v>0.9</v>
      </c>
      <c r="V33" s="76">
        <v>0.9</v>
      </c>
      <c r="W33" s="76">
        <v>0.9</v>
      </c>
      <c r="X33" s="76">
        <v>0.9</v>
      </c>
      <c r="Y33" s="76">
        <v>0.9</v>
      </c>
      <c r="Z33" s="76">
        <v>0.9</v>
      </c>
      <c r="AA33" s="76">
        <v>0.9</v>
      </c>
      <c r="AB33" s="76">
        <v>0.9</v>
      </c>
      <c r="AC33" s="76">
        <v>0.9</v>
      </c>
      <c r="AD33" s="76">
        <v>0.9</v>
      </c>
      <c r="AE33" s="76">
        <v>0.9</v>
      </c>
      <c r="AF33" s="76">
        <v>0.9</v>
      </c>
      <c r="AG33" s="76">
        <v>0.9</v>
      </c>
      <c r="AH33" s="76">
        <v>0.9</v>
      </c>
      <c r="AI33" s="76">
        <v>0.9</v>
      </c>
      <c r="AJ33" s="76">
        <v>0.9</v>
      </c>
      <c r="AK33" s="76">
        <v>0.9</v>
      </c>
      <c r="AL33" s="76">
        <v>0.9</v>
      </c>
      <c r="AM33" s="76">
        <v>0.9</v>
      </c>
      <c r="AN33" s="76">
        <v>0.9</v>
      </c>
      <c r="AO33" s="76">
        <v>0.9</v>
      </c>
      <c r="AP33" s="76">
        <v>0.9</v>
      </c>
      <c r="AQ33" s="76">
        <v>0.9</v>
      </c>
      <c r="AR33" s="76">
        <v>0.9</v>
      </c>
      <c r="AS33" s="76">
        <v>0.9</v>
      </c>
      <c r="AT33" s="76">
        <v>0.9</v>
      </c>
      <c r="AU33" s="76">
        <v>0.9</v>
      </c>
      <c r="AV33" s="76">
        <v>0.9</v>
      </c>
      <c r="AW33" s="76">
        <v>0.9</v>
      </c>
      <c r="AX33" s="76">
        <v>0.9</v>
      </c>
      <c r="AY33" s="76">
        <v>0.9</v>
      </c>
      <c r="AZ33" s="76">
        <v>0.9</v>
      </c>
      <c r="BA33" s="76">
        <v>0.9</v>
      </c>
      <c r="BB33" s="76">
        <v>0.9</v>
      </c>
      <c r="BC33" s="76">
        <v>0.9</v>
      </c>
      <c r="BD33" s="76">
        <v>0.9</v>
      </c>
      <c r="BF33" s="76">
        <v>0.9</v>
      </c>
    </row>
    <row r="34" spans="3:58" x14ac:dyDescent="0.2">
      <c r="C34" s="16" t="s">
        <v>134</v>
      </c>
      <c r="D34" s="6" t="s">
        <v>58</v>
      </c>
      <c r="E34" s="40">
        <v>0.18</v>
      </c>
      <c r="F34" s="40">
        <v>0.18</v>
      </c>
      <c r="G34" s="40">
        <v>0.18</v>
      </c>
      <c r="H34" s="40">
        <v>0.19</v>
      </c>
      <c r="I34" s="40">
        <v>0.18</v>
      </c>
      <c r="J34" s="40">
        <v>0.18</v>
      </c>
      <c r="K34" s="40">
        <v>0.18</v>
      </c>
      <c r="L34" s="40">
        <v>0.18</v>
      </c>
      <c r="M34" s="40">
        <v>0.18</v>
      </c>
      <c r="N34" s="40">
        <v>0.33</v>
      </c>
      <c r="O34" s="40">
        <v>0.36</v>
      </c>
      <c r="P34" s="40">
        <v>0.34</v>
      </c>
      <c r="Q34" s="40">
        <v>0.31</v>
      </c>
      <c r="R34" s="40">
        <v>0.46</v>
      </c>
      <c r="S34" s="40">
        <v>0.47</v>
      </c>
      <c r="T34" s="40">
        <v>0.45</v>
      </c>
      <c r="U34" s="40">
        <v>0.42</v>
      </c>
      <c r="V34" s="40">
        <v>0.34</v>
      </c>
      <c r="W34" s="40">
        <v>0.26</v>
      </c>
      <c r="X34" s="40">
        <v>0.24</v>
      </c>
      <c r="Y34" s="40">
        <v>0.25</v>
      </c>
      <c r="Z34" s="40">
        <v>0.2</v>
      </c>
      <c r="AA34" s="40">
        <v>0.21</v>
      </c>
      <c r="AB34" s="40">
        <v>0.2</v>
      </c>
      <c r="AC34" s="40">
        <v>0.18</v>
      </c>
      <c r="AD34" s="40">
        <v>0.19</v>
      </c>
      <c r="AE34" s="40">
        <v>0.28000000000000003</v>
      </c>
      <c r="AF34" s="40">
        <v>0.28999999999999998</v>
      </c>
      <c r="AG34" s="40">
        <v>0.24</v>
      </c>
      <c r="AH34" s="40">
        <v>0.2</v>
      </c>
      <c r="AI34" s="40">
        <v>0.2</v>
      </c>
      <c r="AJ34" s="40">
        <v>0.12</v>
      </c>
      <c r="AK34" s="40">
        <v>0.13</v>
      </c>
      <c r="AL34" s="40">
        <v>0.13</v>
      </c>
      <c r="AM34" s="40">
        <v>0.12</v>
      </c>
      <c r="AN34" s="40">
        <v>0.11</v>
      </c>
      <c r="AO34" s="40">
        <v>0.11</v>
      </c>
      <c r="AP34" s="40">
        <v>0.11</v>
      </c>
      <c r="AQ34" s="40">
        <v>0.1</v>
      </c>
      <c r="AR34" s="40">
        <v>0.09</v>
      </c>
      <c r="AS34" s="40">
        <v>7.0000000000000007E-2</v>
      </c>
      <c r="AT34" s="40">
        <v>0.09</v>
      </c>
      <c r="AU34" s="40">
        <v>7.0000000000000007E-2</v>
      </c>
      <c r="AV34" s="40">
        <v>7.0000000000000007E-2</v>
      </c>
      <c r="AW34" s="40">
        <v>0.1</v>
      </c>
      <c r="AX34" s="40">
        <v>0.1</v>
      </c>
      <c r="AY34" s="40">
        <v>0.09</v>
      </c>
      <c r="AZ34" s="40">
        <v>0.09</v>
      </c>
      <c r="BA34" s="40">
        <v>0.09</v>
      </c>
      <c r="BB34" s="40">
        <v>0.09</v>
      </c>
      <c r="BC34" s="40">
        <v>0.09</v>
      </c>
      <c r="BD34" s="40">
        <v>0.09</v>
      </c>
      <c r="BF34" s="40">
        <v>0.1</v>
      </c>
    </row>
    <row r="35" spans="3:58" x14ac:dyDescent="0.2">
      <c r="C35" s="89" t="s">
        <v>79</v>
      </c>
      <c r="D35" s="6" t="s">
        <v>58</v>
      </c>
      <c r="E35" s="40">
        <v>0.53</v>
      </c>
      <c r="F35" s="40">
        <v>0.52</v>
      </c>
      <c r="G35" s="40">
        <v>0.52</v>
      </c>
      <c r="H35" s="40">
        <v>0.51</v>
      </c>
      <c r="I35" s="40">
        <v>0.48</v>
      </c>
      <c r="J35" s="40">
        <v>0.44</v>
      </c>
      <c r="K35" s="40">
        <v>0.45</v>
      </c>
      <c r="L35" s="40">
        <v>0.45</v>
      </c>
      <c r="M35" s="40">
        <v>0.43</v>
      </c>
      <c r="N35" s="40">
        <v>0.49</v>
      </c>
      <c r="O35" s="40">
        <v>0.47</v>
      </c>
      <c r="P35" s="40">
        <v>0.42</v>
      </c>
      <c r="Q35" s="40">
        <v>0.41</v>
      </c>
      <c r="R35" s="40">
        <v>0.43</v>
      </c>
      <c r="S35" s="40">
        <v>0.44</v>
      </c>
      <c r="T35" s="40">
        <v>0.46</v>
      </c>
      <c r="U35" s="40">
        <v>0.5</v>
      </c>
      <c r="V35" s="40">
        <v>0.5</v>
      </c>
      <c r="W35" s="40">
        <v>0.42</v>
      </c>
      <c r="X35" s="40">
        <v>0.4</v>
      </c>
      <c r="Y35" s="40">
        <v>0.42</v>
      </c>
      <c r="Z35" s="40">
        <v>0.43</v>
      </c>
      <c r="AA35" s="40">
        <v>0.42</v>
      </c>
      <c r="AB35" s="40">
        <v>0.51</v>
      </c>
      <c r="AC35" s="40">
        <v>0.52</v>
      </c>
      <c r="AD35" s="40">
        <v>0.56000000000000005</v>
      </c>
      <c r="AE35" s="40">
        <v>0.52</v>
      </c>
      <c r="AF35" s="40">
        <v>0.53</v>
      </c>
      <c r="AG35" s="40">
        <v>0.52</v>
      </c>
      <c r="AH35" s="40">
        <v>0.45</v>
      </c>
      <c r="AI35" s="40">
        <v>0.47</v>
      </c>
      <c r="AJ35" s="40">
        <v>0.39</v>
      </c>
      <c r="AK35" s="40">
        <v>0.33</v>
      </c>
      <c r="AL35" s="40">
        <v>0.4</v>
      </c>
      <c r="AM35" s="40">
        <v>0.4</v>
      </c>
      <c r="AN35" s="40">
        <v>0.39</v>
      </c>
      <c r="AO35" s="40">
        <v>0.44</v>
      </c>
      <c r="AP35" s="40">
        <v>0.44</v>
      </c>
      <c r="AQ35" s="40">
        <v>0.44</v>
      </c>
      <c r="AR35" s="40">
        <v>0.44</v>
      </c>
      <c r="AS35" s="40">
        <v>0.5</v>
      </c>
      <c r="AT35" s="40">
        <v>0.54</v>
      </c>
      <c r="AU35" s="40">
        <v>0.59</v>
      </c>
      <c r="AV35" s="40">
        <v>0.59</v>
      </c>
      <c r="AW35" s="40">
        <v>0.55000000000000004</v>
      </c>
      <c r="AX35" s="40">
        <v>0.52</v>
      </c>
      <c r="AY35" s="40">
        <v>0.49</v>
      </c>
      <c r="AZ35" s="40">
        <v>0.51</v>
      </c>
      <c r="BA35" s="40">
        <v>0.42</v>
      </c>
      <c r="BB35" s="40">
        <v>0.44</v>
      </c>
      <c r="BC35" s="40">
        <v>0.44</v>
      </c>
      <c r="BD35" s="40">
        <v>0.45</v>
      </c>
      <c r="BF35" s="40">
        <v>0.44</v>
      </c>
    </row>
    <row r="36" spans="3:58" x14ac:dyDescent="0.2">
      <c r="C36" s="16" t="s">
        <v>80</v>
      </c>
      <c r="D36" s="6" t="s">
        <v>58</v>
      </c>
      <c r="E36" s="40">
        <v>0.51</v>
      </c>
      <c r="F36" s="40">
        <v>0.63</v>
      </c>
      <c r="G36" s="40">
        <v>0.82</v>
      </c>
      <c r="H36" s="40">
        <v>0.75</v>
      </c>
      <c r="I36" s="40">
        <v>0.34</v>
      </c>
      <c r="J36" s="40">
        <v>0.32</v>
      </c>
      <c r="K36" s="40">
        <v>0.21</v>
      </c>
      <c r="L36" s="40">
        <v>0.15</v>
      </c>
      <c r="M36" s="40">
        <v>0.16</v>
      </c>
      <c r="N36" s="40">
        <v>0.14000000000000001</v>
      </c>
      <c r="O36" s="40">
        <v>0.17</v>
      </c>
      <c r="P36" s="40">
        <v>0.13</v>
      </c>
      <c r="Q36" s="40">
        <v>0.11</v>
      </c>
      <c r="R36" s="40">
        <v>0.14000000000000001</v>
      </c>
      <c r="S36" s="40">
        <v>0.14000000000000001</v>
      </c>
      <c r="T36" s="40">
        <v>0.13</v>
      </c>
      <c r="U36" s="40">
        <v>0.13</v>
      </c>
      <c r="V36" s="40">
        <v>0.12</v>
      </c>
      <c r="W36" s="40">
        <v>0.16</v>
      </c>
      <c r="X36" s="40">
        <v>0.19</v>
      </c>
      <c r="Y36" s="40">
        <v>0.23</v>
      </c>
      <c r="Z36" s="40">
        <v>0.14000000000000001</v>
      </c>
      <c r="AA36" s="40">
        <v>0.11</v>
      </c>
      <c r="AB36" s="40">
        <v>0.13</v>
      </c>
      <c r="AC36" s="40">
        <v>0.13</v>
      </c>
      <c r="AD36" s="40">
        <v>0.12</v>
      </c>
      <c r="AE36" s="40">
        <v>0.17</v>
      </c>
      <c r="AF36" s="40">
        <v>0.24</v>
      </c>
      <c r="AG36" s="40">
        <v>0.21</v>
      </c>
      <c r="AH36" s="40">
        <v>0.22</v>
      </c>
      <c r="AI36" s="40">
        <v>0.26</v>
      </c>
      <c r="AJ36" s="40">
        <v>0.28000000000000003</v>
      </c>
      <c r="AK36" s="40">
        <v>0.27</v>
      </c>
      <c r="AL36" s="40">
        <v>0.26</v>
      </c>
      <c r="AM36" s="40">
        <v>0.46</v>
      </c>
      <c r="AN36" s="40">
        <v>0.59</v>
      </c>
      <c r="AO36" s="40">
        <v>0.67</v>
      </c>
      <c r="AP36" s="40">
        <v>0.42</v>
      </c>
      <c r="AQ36" s="40">
        <v>0.45</v>
      </c>
      <c r="AR36" s="40">
        <v>0.84</v>
      </c>
      <c r="AS36" s="40">
        <v>0.56999999999999995</v>
      </c>
      <c r="AT36" s="40">
        <v>0.52</v>
      </c>
      <c r="AU36" s="40">
        <v>0.25</v>
      </c>
      <c r="AV36" s="40">
        <v>0.26</v>
      </c>
      <c r="AW36" s="40">
        <v>0.24</v>
      </c>
      <c r="AX36" s="40">
        <v>0.28999999999999998</v>
      </c>
      <c r="AY36" s="40">
        <v>0.19</v>
      </c>
      <c r="AZ36" s="40">
        <v>0.19</v>
      </c>
      <c r="BA36" s="40">
        <v>0.55000000000000004</v>
      </c>
      <c r="BB36" s="40">
        <v>0.55000000000000004</v>
      </c>
      <c r="BC36" s="40">
        <v>0.55000000000000004</v>
      </c>
      <c r="BD36" s="40">
        <v>0.38</v>
      </c>
      <c r="BF36" s="40">
        <v>0.63</v>
      </c>
    </row>
    <row r="37" spans="3:58" x14ac:dyDescent="0.2">
      <c r="C37" s="16" t="s">
        <v>122</v>
      </c>
      <c r="D37" s="6" t="s">
        <v>58</v>
      </c>
      <c r="E37" s="40">
        <v>0.16</v>
      </c>
      <c r="F37" s="40">
        <v>0.18</v>
      </c>
      <c r="G37" s="40">
        <v>0.18</v>
      </c>
      <c r="H37" s="40">
        <v>0.2</v>
      </c>
      <c r="I37" s="40">
        <v>0.21</v>
      </c>
      <c r="J37" s="40">
        <v>0.21</v>
      </c>
      <c r="K37" s="40">
        <v>0.21</v>
      </c>
      <c r="L37" s="40">
        <v>0.2</v>
      </c>
      <c r="M37" s="40">
        <v>0.19</v>
      </c>
      <c r="N37" s="40">
        <v>0.24</v>
      </c>
      <c r="O37" s="40">
        <v>0.25</v>
      </c>
      <c r="P37" s="40">
        <v>0.25</v>
      </c>
      <c r="Q37" s="40">
        <v>0.24</v>
      </c>
      <c r="R37" s="40">
        <v>0.23</v>
      </c>
      <c r="S37" s="40">
        <v>0.6</v>
      </c>
      <c r="T37" s="40">
        <v>0.56000000000000005</v>
      </c>
      <c r="U37" s="40">
        <v>0.53</v>
      </c>
      <c r="V37" s="40">
        <v>0.55000000000000004</v>
      </c>
      <c r="W37" s="40">
        <v>0.52</v>
      </c>
      <c r="X37" s="40">
        <v>0.43</v>
      </c>
      <c r="Y37" s="40">
        <v>0.25</v>
      </c>
      <c r="Z37" s="40">
        <v>0.25</v>
      </c>
      <c r="AA37" s="40" t="s">
        <v>90</v>
      </c>
      <c r="AB37" s="40">
        <v>0.2</v>
      </c>
      <c r="AC37" s="40">
        <v>0.2</v>
      </c>
      <c r="AD37" s="40">
        <v>0.25</v>
      </c>
      <c r="AE37" s="40" t="s">
        <v>90</v>
      </c>
      <c r="AF37" s="40">
        <v>0.25</v>
      </c>
      <c r="AG37" s="40">
        <v>0.3</v>
      </c>
      <c r="AH37" s="40">
        <v>0.3</v>
      </c>
      <c r="AI37" s="40">
        <v>0.3</v>
      </c>
      <c r="AJ37" s="40">
        <v>0.4</v>
      </c>
      <c r="AK37" s="40">
        <v>0.3</v>
      </c>
      <c r="AL37" s="40">
        <v>0.3</v>
      </c>
      <c r="AM37" s="40">
        <v>0.3</v>
      </c>
      <c r="AN37" s="40">
        <v>0.15</v>
      </c>
      <c r="AO37" s="40">
        <v>0.16</v>
      </c>
      <c r="AP37" s="40">
        <v>0.16</v>
      </c>
      <c r="AQ37" s="40">
        <v>0.12</v>
      </c>
      <c r="AR37" s="40">
        <v>7.0000000000000007E-2</v>
      </c>
      <c r="AS37" s="40">
        <v>0.09</v>
      </c>
      <c r="AT37" s="40">
        <v>0.08</v>
      </c>
      <c r="AU37" s="40">
        <v>0.09</v>
      </c>
      <c r="AV37" s="40">
        <v>0.09</v>
      </c>
      <c r="AW37" s="40">
        <v>0.08</v>
      </c>
      <c r="AX37" s="40">
        <v>0.08</v>
      </c>
      <c r="AY37" s="40">
        <v>7.0000000000000007E-2</v>
      </c>
      <c r="AZ37" s="40">
        <v>0.08</v>
      </c>
      <c r="BA37" s="40">
        <v>7.0000000000000007E-2</v>
      </c>
      <c r="BB37" s="40">
        <v>0.08</v>
      </c>
      <c r="BC37" s="40">
        <v>0.08</v>
      </c>
      <c r="BD37" s="40">
        <v>0.08</v>
      </c>
      <c r="BF37" s="40">
        <v>0.08</v>
      </c>
    </row>
    <row r="38" spans="3:58" x14ac:dyDescent="0.2">
      <c r="C38" s="16" t="s">
        <v>82</v>
      </c>
      <c r="D38" s="6" t="s">
        <v>58</v>
      </c>
      <c r="E38" s="40">
        <v>1.38</v>
      </c>
      <c r="F38" s="40">
        <v>1.54</v>
      </c>
      <c r="G38" s="40">
        <v>1.95</v>
      </c>
      <c r="H38" s="40">
        <v>1.72</v>
      </c>
      <c r="I38" s="40">
        <v>1.59</v>
      </c>
      <c r="J38" s="40">
        <v>1.69</v>
      </c>
      <c r="K38" s="40">
        <v>1.65</v>
      </c>
      <c r="L38" s="40">
        <v>1.87</v>
      </c>
      <c r="M38" s="40">
        <v>1.78</v>
      </c>
      <c r="N38" s="40">
        <v>1.68</v>
      </c>
      <c r="O38" s="40">
        <v>1.66</v>
      </c>
      <c r="P38" s="40">
        <v>1.46</v>
      </c>
      <c r="Q38" s="40">
        <v>1.28</v>
      </c>
      <c r="R38" s="40">
        <v>1.5</v>
      </c>
      <c r="S38" s="40">
        <v>1.41</v>
      </c>
      <c r="T38" s="40">
        <v>1.1299999999999999</v>
      </c>
      <c r="U38" s="40">
        <v>1</v>
      </c>
      <c r="V38" s="40">
        <v>0.97</v>
      </c>
      <c r="W38" s="40">
        <v>0.87</v>
      </c>
      <c r="X38" s="40">
        <v>0.79</v>
      </c>
      <c r="Y38" s="40">
        <v>0.81</v>
      </c>
      <c r="Z38" s="40">
        <v>0.82</v>
      </c>
      <c r="AA38" s="40">
        <v>1.06</v>
      </c>
      <c r="AB38" s="40">
        <v>1.1499999999999999</v>
      </c>
      <c r="AC38" s="40">
        <v>1.17</v>
      </c>
      <c r="AD38" s="40">
        <v>1.22</v>
      </c>
      <c r="AE38" s="40">
        <v>1.46</v>
      </c>
      <c r="AF38" s="40">
        <v>1.4</v>
      </c>
      <c r="AG38" s="40">
        <v>1.52</v>
      </c>
      <c r="AH38" s="40">
        <v>1.49</v>
      </c>
      <c r="AI38" s="40">
        <v>1.5</v>
      </c>
      <c r="AJ38" s="40">
        <v>1.38</v>
      </c>
      <c r="AK38" s="40">
        <v>1.42</v>
      </c>
      <c r="AL38" s="40">
        <v>1.39</v>
      </c>
      <c r="AM38" s="40">
        <v>2.27</v>
      </c>
      <c r="AN38" s="40">
        <v>2.1</v>
      </c>
      <c r="AO38" s="40">
        <v>1.85</v>
      </c>
      <c r="AP38" s="40">
        <v>1.41</v>
      </c>
      <c r="AQ38" s="40">
        <v>1.34</v>
      </c>
      <c r="AR38" s="40">
        <v>1.71</v>
      </c>
      <c r="AS38" s="40">
        <v>1.83</v>
      </c>
      <c r="AT38" s="40">
        <v>1.41</v>
      </c>
      <c r="AU38" s="40">
        <v>1.41</v>
      </c>
      <c r="AV38" s="40">
        <v>1.25</v>
      </c>
      <c r="AW38" s="40">
        <v>1.24</v>
      </c>
      <c r="AX38" s="40">
        <v>1.47</v>
      </c>
      <c r="AY38" s="40">
        <v>1.7</v>
      </c>
      <c r="AZ38" s="40">
        <v>1.69</v>
      </c>
      <c r="BA38" s="40">
        <v>1.85</v>
      </c>
      <c r="BB38" s="40">
        <v>1.92</v>
      </c>
      <c r="BC38" s="40">
        <v>1.92</v>
      </c>
      <c r="BD38" s="40">
        <v>1.89</v>
      </c>
      <c r="BF38" s="40">
        <v>1.64</v>
      </c>
    </row>
    <row r="39" spans="3:58" x14ac:dyDescent="0.2">
      <c r="C39" s="16" t="s">
        <v>84</v>
      </c>
      <c r="D39" s="6" t="s">
        <v>85</v>
      </c>
      <c r="E39" s="40">
        <v>0.32</v>
      </c>
      <c r="F39" s="40">
        <v>0.23</v>
      </c>
      <c r="G39" s="40">
        <v>0.21</v>
      </c>
      <c r="H39" s="40">
        <v>0.17</v>
      </c>
      <c r="I39" s="40">
        <v>0.18</v>
      </c>
      <c r="J39" s="40">
        <v>0.19</v>
      </c>
      <c r="K39" s="40">
        <v>0.2</v>
      </c>
      <c r="L39" s="40">
        <v>0.19</v>
      </c>
      <c r="M39" s="40">
        <v>0.18</v>
      </c>
      <c r="N39" s="40">
        <v>0.21</v>
      </c>
      <c r="O39" s="40">
        <v>0.24</v>
      </c>
      <c r="P39" s="40">
        <v>0.25</v>
      </c>
      <c r="Q39" s="40">
        <v>0.23</v>
      </c>
      <c r="R39" s="40">
        <v>0.22</v>
      </c>
      <c r="S39" s="40">
        <v>0.21</v>
      </c>
      <c r="T39" s="40">
        <v>0.2</v>
      </c>
      <c r="U39" s="40">
        <v>0.21</v>
      </c>
      <c r="V39" s="40">
        <v>0.21</v>
      </c>
      <c r="W39" s="40">
        <v>0.26</v>
      </c>
      <c r="X39" s="40">
        <v>0.25</v>
      </c>
      <c r="Y39" s="40">
        <v>0.25</v>
      </c>
      <c r="Z39" s="40">
        <v>0.26</v>
      </c>
      <c r="AA39" s="40">
        <v>0.32</v>
      </c>
      <c r="AB39" s="40">
        <v>0.3</v>
      </c>
      <c r="AC39" s="40">
        <v>0.32</v>
      </c>
      <c r="AD39" s="40">
        <v>0.26</v>
      </c>
      <c r="AE39" s="40">
        <v>0.27</v>
      </c>
      <c r="AF39" s="40">
        <v>0.28999999999999998</v>
      </c>
      <c r="AG39" s="40">
        <v>0.28999999999999998</v>
      </c>
      <c r="AH39" s="40">
        <v>0.28999999999999998</v>
      </c>
      <c r="AI39" s="40">
        <v>0.28999999999999998</v>
      </c>
      <c r="AJ39" s="40">
        <v>0.31</v>
      </c>
      <c r="AK39" s="40">
        <v>0.33</v>
      </c>
      <c r="AL39" s="40">
        <v>0.31</v>
      </c>
      <c r="AM39" s="40">
        <v>0.28999999999999998</v>
      </c>
      <c r="AN39" s="40">
        <v>0.26</v>
      </c>
      <c r="AO39" s="40">
        <v>0.28000000000000003</v>
      </c>
      <c r="AP39" s="40">
        <v>0.28999999999999998</v>
      </c>
      <c r="AQ39" s="40">
        <v>0.28999999999999998</v>
      </c>
      <c r="AR39" s="40">
        <v>0.3</v>
      </c>
      <c r="AS39" s="40">
        <v>0.32</v>
      </c>
      <c r="AT39" s="40">
        <v>0.32</v>
      </c>
      <c r="AU39" s="40">
        <v>0.33</v>
      </c>
      <c r="AV39" s="40">
        <v>0.31</v>
      </c>
      <c r="AW39" s="40">
        <v>0.26</v>
      </c>
      <c r="AX39" s="40">
        <v>0.26</v>
      </c>
      <c r="AY39" s="40">
        <v>0.28000000000000003</v>
      </c>
      <c r="AZ39" s="40">
        <v>0.27</v>
      </c>
      <c r="BA39" s="40">
        <v>0.24</v>
      </c>
      <c r="BB39" s="40">
        <v>0.26</v>
      </c>
      <c r="BC39" s="40">
        <v>0.26</v>
      </c>
      <c r="BD39" s="40">
        <v>0.21</v>
      </c>
      <c r="BF39" s="40">
        <v>0.27</v>
      </c>
    </row>
    <row r="40" spans="3:58" x14ac:dyDescent="0.2">
      <c r="C40" s="16" t="s">
        <v>118</v>
      </c>
      <c r="D40" s="6" t="s">
        <v>58</v>
      </c>
      <c r="E40" s="40">
        <v>1.26</v>
      </c>
      <c r="F40" s="40">
        <v>1.27</v>
      </c>
      <c r="G40" s="40">
        <v>1.07</v>
      </c>
      <c r="H40" s="40">
        <v>0.95</v>
      </c>
      <c r="I40" s="40">
        <v>0.95</v>
      </c>
      <c r="J40" s="40">
        <v>0.95</v>
      </c>
      <c r="K40" s="40">
        <v>1.01</v>
      </c>
      <c r="L40" s="40">
        <v>0.92</v>
      </c>
      <c r="M40" s="40">
        <v>0.9</v>
      </c>
      <c r="N40" s="40">
        <v>0.91</v>
      </c>
      <c r="O40" s="40">
        <v>0.75</v>
      </c>
      <c r="P40" s="40">
        <v>0.76</v>
      </c>
      <c r="Q40" s="40">
        <v>0.97</v>
      </c>
      <c r="R40" s="40">
        <v>1.0900000000000001</v>
      </c>
      <c r="S40" s="40">
        <v>0.93</v>
      </c>
      <c r="T40" s="40">
        <v>0.82</v>
      </c>
      <c r="U40" s="40">
        <v>0.61</v>
      </c>
      <c r="V40" s="40">
        <v>0.37</v>
      </c>
      <c r="W40" s="40">
        <v>0.35</v>
      </c>
      <c r="X40" s="40">
        <v>0.34</v>
      </c>
      <c r="Y40" s="40">
        <v>0.38</v>
      </c>
      <c r="Z40" s="40">
        <v>0.27</v>
      </c>
      <c r="AA40" s="40">
        <v>0.38</v>
      </c>
      <c r="AB40" s="40">
        <v>0.33</v>
      </c>
      <c r="AC40" s="40">
        <v>0.37</v>
      </c>
      <c r="AD40" s="40">
        <v>0.34</v>
      </c>
      <c r="AE40" s="40">
        <v>0.39</v>
      </c>
      <c r="AF40" s="40">
        <v>0.49</v>
      </c>
      <c r="AG40" s="40">
        <v>0.53</v>
      </c>
      <c r="AH40" s="40">
        <v>0.49</v>
      </c>
      <c r="AI40" s="40">
        <v>0.47</v>
      </c>
      <c r="AJ40" s="40">
        <v>0.41</v>
      </c>
      <c r="AK40" s="40">
        <v>0.41</v>
      </c>
      <c r="AL40" s="40">
        <v>0.4</v>
      </c>
      <c r="AM40" s="40">
        <v>0.4</v>
      </c>
      <c r="AN40" s="40">
        <v>0.39</v>
      </c>
      <c r="AO40" s="40">
        <v>0.44</v>
      </c>
      <c r="AP40" s="40">
        <v>0.48</v>
      </c>
      <c r="AQ40" s="40">
        <v>0.47</v>
      </c>
      <c r="AR40" s="40">
        <v>0.6</v>
      </c>
      <c r="AS40" s="40">
        <v>0.78</v>
      </c>
      <c r="AT40" s="40">
        <v>0.61</v>
      </c>
      <c r="AU40" s="40">
        <v>0.42</v>
      </c>
      <c r="AV40" s="40">
        <v>0.39</v>
      </c>
      <c r="AW40" s="40">
        <v>0.46</v>
      </c>
      <c r="AX40" s="40">
        <v>0.32</v>
      </c>
      <c r="AY40" s="40">
        <v>0.28999999999999998</v>
      </c>
      <c r="AZ40" s="40">
        <v>0.32</v>
      </c>
      <c r="BA40" s="40">
        <v>0.35</v>
      </c>
      <c r="BB40" s="40">
        <v>0.41</v>
      </c>
      <c r="BC40" s="40">
        <v>0.41</v>
      </c>
      <c r="BD40" s="40">
        <v>0.5</v>
      </c>
      <c r="BF40" s="40">
        <v>0.71</v>
      </c>
    </row>
    <row r="41" spans="3:58" x14ac:dyDescent="0.2">
      <c r="C41" s="16" t="s">
        <v>104</v>
      </c>
      <c r="D41" s="6" t="s">
        <v>58</v>
      </c>
      <c r="E41" s="40">
        <v>0.49</v>
      </c>
      <c r="F41" s="40">
        <v>0.46</v>
      </c>
      <c r="G41" s="40">
        <v>0.46</v>
      </c>
      <c r="H41" s="40">
        <v>0.47</v>
      </c>
      <c r="I41" s="40">
        <v>0.41</v>
      </c>
      <c r="J41" s="40">
        <v>0.37</v>
      </c>
      <c r="K41" s="40">
        <v>0.44</v>
      </c>
      <c r="L41" s="40">
        <v>0.49</v>
      </c>
      <c r="M41" s="40">
        <v>0.55000000000000004</v>
      </c>
      <c r="N41" s="40">
        <v>0.64</v>
      </c>
      <c r="O41" s="40">
        <v>0.57999999999999996</v>
      </c>
      <c r="P41" s="40">
        <v>0.59</v>
      </c>
      <c r="Q41" s="40">
        <v>0.63</v>
      </c>
      <c r="R41" s="40">
        <v>0.53</v>
      </c>
      <c r="S41" s="40">
        <v>0.59</v>
      </c>
      <c r="T41" s="40">
        <v>0.52</v>
      </c>
      <c r="U41" s="40">
        <v>0.33</v>
      </c>
      <c r="V41" s="40">
        <v>0.27</v>
      </c>
      <c r="W41" s="40">
        <v>0.31</v>
      </c>
      <c r="X41" s="40">
        <v>0.28999999999999998</v>
      </c>
      <c r="Y41" s="40">
        <v>0.28000000000000003</v>
      </c>
      <c r="Z41" s="40">
        <v>0.3</v>
      </c>
      <c r="AA41" s="40">
        <v>0.47</v>
      </c>
      <c r="AB41" s="40">
        <v>0.46</v>
      </c>
      <c r="AC41" s="40">
        <v>0.44</v>
      </c>
      <c r="AD41" s="40">
        <v>0.34</v>
      </c>
      <c r="AE41" s="40">
        <v>0.59</v>
      </c>
      <c r="AF41" s="40">
        <v>0.54</v>
      </c>
      <c r="AG41" s="40">
        <v>0.48</v>
      </c>
      <c r="AH41" s="40">
        <v>0.47</v>
      </c>
      <c r="AI41" s="40">
        <v>0.5</v>
      </c>
      <c r="AJ41" s="40">
        <v>0.48</v>
      </c>
      <c r="AK41" s="40">
        <v>0.46</v>
      </c>
      <c r="AL41" s="40">
        <v>0.52</v>
      </c>
      <c r="AM41" s="40">
        <v>0.52</v>
      </c>
      <c r="AN41" s="40">
        <v>0.72</v>
      </c>
      <c r="AO41" s="40">
        <v>0.67</v>
      </c>
      <c r="AP41" s="40">
        <v>0.61</v>
      </c>
      <c r="AQ41" s="40">
        <v>0.56999999999999995</v>
      </c>
      <c r="AR41" s="40">
        <v>0.65</v>
      </c>
      <c r="AS41" s="40">
        <v>0.75</v>
      </c>
      <c r="AT41" s="40">
        <v>0.8</v>
      </c>
      <c r="AU41" s="40">
        <v>0.8</v>
      </c>
      <c r="AV41" s="40">
        <v>0.68</v>
      </c>
      <c r="AW41" s="40">
        <v>0.57999999999999996</v>
      </c>
      <c r="AX41" s="40">
        <v>0.59</v>
      </c>
      <c r="AY41" s="40">
        <v>0.56000000000000005</v>
      </c>
      <c r="AZ41" s="40">
        <v>0.53</v>
      </c>
      <c r="BA41" s="40">
        <v>0.47</v>
      </c>
      <c r="BB41" s="40">
        <v>0.52</v>
      </c>
      <c r="BC41" s="40">
        <v>0.52</v>
      </c>
      <c r="BD41" s="40">
        <v>0.42</v>
      </c>
      <c r="BF41" s="40">
        <v>0.48</v>
      </c>
    </row>
    <row r="42" spans="3:58" x14ac:dyDescent="0.2">
      <c r="C42" s="16" t="s">
        <v>87</v>
      </c>
      <c r="D42" s="6" t="s">
        <v>58</v>
      </c>
      <c r="E42" s="40">
        <v>0.15</v>
      </c>
      <c r="F42" s="40">
        <v>0.18</v>
      </c>
      <c r="G42" s="40">
        <v>0.19</v>
      </c>
      <c r="H42" s="40">
        <v>0.19</v>
      </c>
      <c r="I42" s="40">
        <v>0.19</v>
      </c>
      <c r="J42" s="40">
        <v>0.3</v>
      </c>
      <c r="K42" s="40">
        <v>0.37</v>
      </c>
      <c r="L42" s="40">
        <v>0.36</v>
      </c>
      <c r="M42" s="40">
        <v>0.36</v>
      </c>
      <c r="N42" s="40">
        <v>0.28000000000000003</v>
      </c>
      <c r="O42" s="40">
        <v>0.28000000000000003</v>
      </c>
      <c r="P42" s="40">
        <v>0.28000000000000003</v>
      </c>
      <c r="Q42" s="40">
        <v>0.26</v>
      </c>
      <c r="R42" s="40">
        <v>0.24</v>
      </c>
      <c r="S42" s="40">
        <v>0.26</v>
      </c>
      <c r="T42" s="40">
        <v>0.23</v>
      </c>
      <c r="U42" s="40">
        <v>0.23</v>
      </c>
      <c r="V42" s="40">
        <v>0.22</v>
      </c>
      <c r="W42" s="40">
        <v>0.25</v>
      </c>
      <c r="X42" s="40">
        <v>0.25</v>
      </c>
      <c r="Y42" s="40">
        <v>0.25</v>
      </c>
      <c r="Z42" s="40">
        <v>0.25</v>
      </c>
      <c r="AA42" s="40">
        <v>0.25</v>
      </c>
      <c r="AB42" s="40">
        <v>0.25</v>
      </c>
      <c r="AC42" s="40">
        <v>0.25</v>
      </c>
      <c r="AD42" s="40">
        <v>0.25</v>
      </c>
      <c r="AE42" s="40">
        <v>0.17</v>
      </c>
      <c r="AF42" s="40">
        <v>0.08</v>
      </c>
      <c r="AG42" s="40">
        <v>0.08</v>
      </c>
      <c r="AH42" s="40">
        <v>0.1</v>
      </c>
      <c r="AI42" s="40">
        <v>0.09</v>
      </c>
      <c r="AJ42" s="40">
        <v>0.09</v>
      </c>
      <c r="AK42" s="40">
        <v>0.1</v>
      </c>
      <c r="AL42" s="40">
        <v>0.1</v>
      </c>
      <c r="AM42" s="40">
        <v>0.1</v>
      </c>
      <c r="AN42" s="40">
        <v>0.09</v>
      </c>
      <c r="AO42" s="40">
        <v>0.09</v>
      </c>
      <c r="AP42" s="40">
        <v>0.09</v>
      </c>
      <c r="AQ42" s="40">
        <v>0.09</v>
      </c>
      <c r="AR42" s="40">
        <v>0.09</v>
      </c>
      <c r="AS42" s="40">
        <v>0.08</v>
      </c>
      <c r="AT42" s="40">
        <v>0.09</v>
      </c>
      <c r="AU42" s="40">
        <v>0.09</v>
      </c>
      <c r="AV42" s="40">
        <v>0.09</v>
      </c>
      <c r="AW42" s="40">
        <v>0.11</v>
      </c>
      <c r="AX42" s="40">
        <v>0.11</v>
      </c>
      <c r="AY42" s="40">
        <v>0.1</v>
      </c>
      <c r="AZ42" s="40">
        <v>0.1</v>
      </c>
      <c r="BA42" s="40">
        <v>0.09</v>
      </c>
      <c r="BB42" s="40">
        <v>0.1</v>
      </c>
      <c r="BC42" s="40">
        <v>0.1</v>
      </c>
      <c r="BD42" s="40">
        <v>0.11</v>
      </c>
      <c r="BF42" s="40">
        <v>0.11</v>
      </c>
    </row>
    <row r="43" spans="3:58" x14ac:dyDescent="0.2">
      <c r="C43" s="16" t="s">
        <v>88</v>
      </c>
      <c r="D43" s="6" t="s">
        <v>58</v>
      </c>
      <c r="E43" s="40">
        <v>0.22</v>
      </c>
      <c r="F43" s="40">
        <v>0.23</v>
      </c>
      <c r="G43" s="40">
        <v>0.24</v>
      </c>
      <c r="H43" s="40">
        <v>0.25</v>
      </c>
      <c r="I43" s="40">
        <v>0.26</v>
      </c>
      <c r="J43" s="40">
        <v>0.27</v>
      </c>
      <c r="K43" s="40">
        <v>0.26</v>
      </c>
      <c r="L43" s="40">
        <v>0.27</v>
      </c>
      <c r="M43" s="40">
        <v>0.28000000000000003</v>
      </c>
      <c r="N43" s="40">
        <v>0.26</v>
      </c>
      <c r="O43" s="40">
        <v>0.26</v>
      </c>
      <c r="P43" s="40">
        <v>0.24</v>
      </c>
      <c r="Q43" s="40">
        <v>0.34</v>
      </c>
      <c r="R43" s="40">
        <v>0.34</v>
      </c>
      <c r="S43" s="40">
        <v>0.5</v>
      </c>
      <c r="T43" s="40">
        <v>0.35</v>
      </c>
      <c r="U43" s="40">
        <v>0.35</v>
      </c>
      <c r="V43" s="40">
        <v>0.47</v>
      </c>
      <c r="W43" s="40">
        <v>0.5</v>
      </c>
      <c r="X43" s="40">
        <v>0.48</v>
      </c>
      <c r="Y43" s="40">
        <v>0.47</v>
      </c>
      <c r="Z43" s="40">
        <v>0.45</v>
      </c>
      <c r="AA43" s="40">
        <v>0.44</v>
      </c>
      <c r="AB43" s="40">
        <v>0.45</v>
      </c>
      <c r="AC43" s="40">
        <v>0.45</v>
      </c>
      <c r="AD43" s="40">
        <v>0.48</v>
      </c>
      <c r="AE43" s="40">
        <v>0.5</v>
      </c>
      <c r="AF43" s="40">
        <v>0.5</v>
      </c>
      <c r="AG43" s="40">
        <v>0.43</v>
      </c>
      <c r="AH43" s="40">
        <v>0.43</v>
      </c>
      <c r="AI43" s="40">
        <v>0.43</v>
      </c>
      <c r="AJ43" s="40">
        <v>0.52</v>
      </c>
      <c r="AK43" s="40">
        <v>0.55000000000000004</v>
      </c>
      <c r="AL43" s="40">
        <v>0.55000000000000004</v>
      </c>
      <c r="AM43" s="40">
        <v>0.55000000000000004</v>
      </c>
      <c r="AN43" s="40">
        <v>0.5</v>
      </c>
      <c r="AO43" s="40">
        <v>0.64</v>
      </c>
      <c r="AP43" s="40">
        <v>0.55000000000000004</v>
      </c>
      <c r="AQ43" s="40">
        <v>0.52</v>
      </c>
      <c r="AR43" s="40">
        <v>0.51</v>
      </c>
      <c r="AS43" s="40">
        <v>0.43</v>
      </c>
      <c r="AT43" s="40">
        <v>0.42</v>
      </c>
      <c r="AU43" s="40">
        <v>0.3</v>
      </c>
      <c r="AV43" s="40">
        <v>0.28000000000000003</v>
      </c>
      <c r="AW43" s="40">
        <v>0.28000000000000003</v>
      </c>
      <c r="AX43" s="40">
        <v>0.23</v>
      </c>
      <c r="AY43" s="40">
        <v>0.21</v>
      </c>
      <c r="AZ43" s="40">
        <v>0.21</v>
      </c>
      <c r="BA43" s="40">
        <v>0.19</v>
      </c>
      <c r="BB43" s="40">
        <v>0.17</v>
      </c>
      <c r="BC43" s="40">
        <v>0.17</v>
      </c>
      <c r="BD43" s="40">
        <v>0.17</v>
      </c>
      <c r="BF43" s="40">
        <v>0.17</v>
      </c>
    </row>
    <row r="44" spans="3:58" x14ac:dyDescent="0.2">
      <c r="C44" s="18" t="s">
        <v>123</v>
      </c>
      <c r="D44" s="6" t="s">
        <v>58</v>
      </c>
      <c r="E44" s="94">
        <v>0.33</v>
      </c>
      <c r="F44" s="94" t="s">
        <v>131</v>
      </c>
      <c r="G44" s="94">
        <v>0.32</v>
      </c>
      <c r="H44" s="94">
        <v>0.31</v>
      </c>
      <c r="I44" s="94">
        <v>0.32</v>
      </c>
      <c r="J44" s="94">
        <v>0.37</v>
      </c>
      <c r="K44" s="94">
        <v>0.38</v>
      </c>
      <c r="L44" s="94">
        <v>0.38</v>
      </c>
      <c r="M44" s="94">
        <v>0.38</v>
      </c>
      <c r="N44" s="94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94" t="s">
        <v>90</v>
      </c>
      <c r="X44" s="94" t="s">
        <v>90</v>
      </c>
      <c r="Y44" s="94" t="s">
        <v>90</v>
      </c>
      <c r="Z44" s="94" t="s">
        <v>90</v>
      </c>
      <c r="AA44" s="94" t="s">
        <v>90</v>
      </c>
      <c r="AB44" s="94" t="s">
        <v>90</v>
      </c>
      <c r="AC44" s="94" t="s">
        <v>90</v>
      </c>
      <c r="AD44" s="94" t="s">
        <v>90</v>
      </c>
      <c r="AE44" s="94" t="s">
        <v>90</v>
      </c>
      <c r="AF44" s="94" t="s">
        <v>90</v>
      </c>
      <c r="AG44" s="94" t="s">
        <v>90</v>
      </c>
      <c r="AH44" s="94" t="s">
        <v>90</v>
      </c>
      <c r="AI44" s="94" t="s">
        <v>90</v>
      </c>
      <c r="AJ44" s="94">
        <v>0.39</v>
      </c>
      <c r="AK44" s="94">
        <v>0.28999999999999998</v>
      </c>
      <c r="AL44" s="94">
        <v>0.39</v>
      </c>
      <c r="AM44" s="94">
        <v>0.37</v>
      </c>
      <c r="AN44" s="94">
        <v>0.25</v>
      </c>
      <c r="AO44" s="94">
        <v>0.33</v>
      </c>
      <c r="AP44" s="94">
        <v>0.27</v>
      </c>
      <c r="AQ44" s="94">
        <v>0.28000000000000003</v>
      </c>
      <c r="AR44" s="94">
        <v>0.28000000000000003</v>
      </c>
      <c r="AS44" s="94" t="s">
        <v>135</v>
      </c>
      <c r="AT44" s="94">
        <v>0.22</v>
      </c>
      <c r="AU44" s="94">
        <v>0.26</v>
      </c>
      <c r="AV44" s="94">
        <v>0.25</v>
      </c>
      <c r="AW44" s="94">
        <v>0.24</v>
      </c>
      <c r="AX44" s="94">
        <v>0.28000000000000003</v>
      </c>
      <c r="AY44" s="94">
        <v>0.27</v>
      </c>
      <c r="AZ44" s="94">
        <v>0.26</v>
      </c>
      <c r="BA44" s="94">
        <v>0.22</v>
      </c>
      <c r="BB44" s="94">
        <v>0.23</v>
      </c>
      <c r="BC44" s="94">
        <v>0.23</v>
      </c>
      <c r="BD44" s="94">
        <v>0.18</v>
      </c>
      <c r="BF44" s="94">
        <v>0.19</v>
      </c>
    </row>
    <row r="45" spans="3:58" x14ac:dyDescent="0.2">
      <c r="C45" s="18" t="s">
        <v>100</v>
      </c>
      <c r="D45" s="6" t="s">
        <v>58</v>
      </c>
      <c r="E45" s="40">
        <v>0.16</v>
      </c>
      <c r="F45" s="40">
        <v>0.15</v>
      </c>
      <c r="G45" s="40">
        <v>0.14000000000000001</v>
      </c>
      <c r="H45" s="40">
        <v>0.12</v>
      </c>
      <c r="I45" s="40">
        <v>0.15</v>
      </c>
      <c r="J45" s="40">
        <v>0.15</v>
      </c>
      <c r="K45" s="40">
        <v>0.15</v>
      </c>
      <c r="L45" s="40">
        <v>0.14000000000000001</v>
      </c>
      <c r="M45" s="40">
        <v>0.14000000000000001</v>
      </c>
      <c r="N45" s="40">
        <v>0.18</v>
      </c>
      <c r="O45" s="40">
        <v>0.18</v>
      </c>
      <c r="P45" s="40">
        <v>0.18</v>
      </c>
      <c r="Q45" s="40">
        <v>0.19</v>
      </c>
      <c r="R45" s="40">
        <v>0.17</v>
      </c>
      <c r="S45" s="40">
        <v>0.19</v>
      </c>
      <c r="T45" s="40">
        <v>0.2</v>
      </c>
      <c r="U45" s="40">
        <v>0.18</v>
      </c>
      <c r="V45" s="40">
        <v>0.17</v>
      </c>
      <c r="W45" s="40">
        <v>0.22</v>
      </c>
      <c r="X45" s="40">
        <v>0.18</v>
      </c>
      <c r="Y45" s="40">
        <v>0.18</v>
      </c>
      <c r="Z45" s="40">
        <v>0.18</v>
      </c>
      <c r="AA45" s="40">
        <v>0.28000000000000003</v>
      </c>
      <c r="AB45" s="40">
        <v>0.18</v>
      </c>
      <c r="AC45" s="40">
        <v>0.18</v>
      </c>
      <c r="AD45" s="40">
        <v>0.17</v>
      </c>
      <c r="AE45" s="40">
        <v>0.13</v>
      </c>
      <c r="AF45" s="40">
        <v>0.13</v>
      </c>
      <c r="AG45" s="40">
        <v>0.13</v>
      </c>
      <c r="AH45" s="40">
        <v>0.13</v>
      </c>
      <c r="AI45" s="40">
        <v>0.13</v>
      </c>
      <c r="AJ45" s="40" t="s">
        <v>90</v>
      </c>
      <c r="AK45" s="40" t="s">
        <v>90</v>
      </c>
      <c r="AL45" s="40" t="s">
        <v>90</v>
      </c>
      <c r="AM45" s="40" t="s">
        <v>90</v>
      </c>
      <c r="AN45" s="40" t="s">
        <v>90</v>
      </c>
      <c r="AO45" s="40" t="s">
        <v>90</v>
      </c>
      <c r="AP45" s="40">
        <v>0.23</v>
      </c>
      <c r="AQ45" s="40">
        <v>0.21</v>
      </c>
      <c r="AR45" s="40">
        <v>0.21</v>
      </c>
      <c r="AS45" s="40">
        <v>0.16</v>
      </c>
      <c r="AT45" s="40">
        <v>0.16</v>
      </c>
      <c r="AU45" s="40">
        <v>0.16</v>
      </c>
      <c r="AV45" s="40">
        <v>0.16</v>
      </c>
      <c r="AW45" s="40">
        <v>0.17</v>
      </c>
      <c r="AX45" s="40">
        <v>0.16</v>
      </c>
      <c r="AY45" s="40">
        <v>0.15</v>
      </c>
      <c r="AZ45" s="40">
        <v>0.14000000000000001</v>
      </c>
      <c r="BA45" s="40">
        <v>0.13</v>
      </c>
      <c r="BB45" s="40">
        <v>0.13</v>
      </c>
      <c r="BC45" s="40">
        <v>0.13</v>
      </c>
      <c r="BD45" s="40">
        <v>0.1</v>
      </c>
      <c r="BF45" s="40">
        <v>0.1</v>
      </c>
    </row>
    <row r="46" spans="3:58" x14ac:dyDescent="0.2">
      <c r="C46" s="16" t="s">
        <v>89</v>
      </c>
      <c r="D46" s="6" t="s">
        <v>58</v>
      </c>
      <c r="E46" s="40">
        <v>0.5</v>
      </c>
      <c r="F46" s="40">
        <v>0.5</v>
      </c>
      <c r="G46" s="40">
        <v>0.5</v>
      </c>
      <c r="H46" s="40">
        <v>0.49</v>
      </c>
      <c r="I46" s="40">
        <v>0.46</v>
      </c>
      <c r="J46" s="40">
        <v>0.45</v>
      </c>
      <c r="K46" s="40">
        <v>0.46</v>
      </c>
      <c r="L46" s="40">
        <v>0.46</v>
      </c>
      <c r="M46" s="40">
        <v>0.46</v>
      </c>
      <c r="N46" s="40">
        <v>0.43</v>
      </c>
      <c r="O46" s="40">
        <v>0.42</v>
      </c>
      <c r="P46" s="40">
        <v>0.41</v>
      </c>
      <c r="Q46" s="40">
        <v>0.41</v>
      </c>
      <c r="R46" s="40">
        <v>0.41</v>
      </c>
      <c r="S46" s="40">
        <v>0.42</v>
      </c>
      <c r="T46" s="40">
        <v>0.42</v>
      </c>
      <c r="U46" s="40">
        <v>0.41</v>
      </c>
      <c r="V46" s="40">
        <v>0.41</v>
      </c>
      <c r="W46" s="40">
        <v>0.41</v>
      </c>
      <c r="X46" s="40">
        <v>0.4</v>
      </c>
      <c r="Y46" s="40">
        <v>0.4</v>
      </c>
      <c r="Z46" s="40">
        <v>0.4</v>
      </c>
      <c r="AA46" s="40">
        <v>0.38</v>
      </c>
      <c r="AB46" s="40">
        <v>0.35</v>
      </c>
      <c r="AC46" s="40">
        <v>0.33</v>
      </c>
      <c r="AD46" s="40">
        <v>0.33</v>
      </c>
      <c r="AE46" s="40">
        <v>0.33</v>
      </c>
      <c r="AF46" s="40">
        <v>0.33</v>
      </c>
      <c r="AG46" s="40">
        <v>0.3</v>
      </c>
      <c r="AH46" s="40">
        <v>0.28000000000000003</v>
      </c>
      <c r="AI46" s="40">
        <v>0.28000000000000003</v>
      </c>
      <c r="AJ46" s="40">
        <v>0.24</v>
      </c>
      <c r="AK46" s="40">
        <v>0.25</v>
      </c>
      <c r="AL46" s="40">
        <v>0.3</v>
      </c>
      <c r="AM46" s="40">
        <v>0.25</v>
      </c>
      <c r="AN46" s="40">
        <v>0.3</v>
      </c>
      <c r="AO46" s="40">
        <v>0.32</v>
      </c>
      <c r="AP46" s="40">
        <v>0.34</v>
      </c>
      <c r="AQ46" s="40">
        <v>0.36</v>
      </c>
      <c r="AR46" s="40">
        <v>0.33</v>
      </c>
      <c r="AS46" s="40">
        <v>0.35</v>
      </c>
      <c r="AT46" s="40">
        <v>0.35</v>
      </c>
      <c r="AU46" s="40">
        <v>0.33</v>
      </c>
      <c r="AV46" s="40">
        <v>0.35</v>
      </c>
      <c r="AW46" s="40">
        <v>0.32</v>
      </c>
      <c r="AX46" s="40">
        <v>0.31</v>
      </c>
      <c r="AY46" s="40">
        <v>0.31</v>
      </c>
      <c r="AZ46" s="40">
        <v>0.32</v>
      </c>
      <c r="BA46" s="40">
        <v>0.33</v>
      </c>
      <c r="BB46" s="40">
        <v>0.33</v>
      </c>
      <c r="BC46" s="40">
        <v>0.33</v>
      </c>
      <c r="BD46" s="40">
        <v>0.34</v>
      </c>
      <c r="BF46" s="40">
        <v>0.33</v>
      </c>
    </row>
    <row r="47" spans="3:58" x14ac:dyDescent="0.2">
      <c r="C47" s="16" t="s">
        <v>95</v>
      </c>
      <c r="D47" s="6" t="s">
        <v>58</v>
      </c>
      <c r="E47" s="40">
        <v>0.62</v>
      </c>
      <c r="F47" s="40">
        <v>0.63</v>
      </c>
      <c r="G47" s="40">
        <v>0.62</v>
      </c>
      <c r="H47" s="40">
        <v>0.62</v>
      </c>
      <c r="I47" s="40">
        <v>0.62</v>
      </c>
      <c r="J47" s="40">
        <v>0.64</v>
      </c>
      <c r="K47" s="40">
        <v>0.62</v>
      </c>
      <c r="L47" s="40">
        <v>0.64</v>
      </c>
      <c r="M47" s="40">
        <v>0.64</v>
      </c>
      <c r="N47" s="40">
        <v>0.64</v>
      </c>
      <c r="O47" s="40">
        <v>0.64</v>
      </c>
      <c r="P47" s="40">
        <v>0.64</v>
      </c>
      <c r="Q47" s="40">
        <v>0.64</v>
      </c>
      <c r="R47" s="40">
        <v>0.64</v>
      </c>
      <c r="S47" s="40">
        <v>0.64</v>
      </c>
      <c r="T47" s="40">
        <v>0.64</v>
      </c>
      <c r="U47" s="40">
        <v>0.64</v>
      </c>
      <c r="V47" s="40">
        <v>0.64</v>
      </c>
      <c r="W47" s="40" t="s">
        <v>90</v>
      </c>
      <c r="X47" s="40" t="s">
        <v>90</v>
      </c>
      <c r="Y47" s="40" t="s">
        <v>90</v>
      </c>
      <c r="Z47" s="40" t="s">
        <v>90</v>
      </c>
      <c r="AA47" s="40" t="s">
        <v>90</v>
      </c>
      <c r="AB47" s="40" t="s">
        <v>90</v>
      </c>
      <c r="AC47" s="40" t="s">
        <v>90</v>
      </c>
      <c r="AD47" s="40" t="s">
        <v>90</v>
      </c>
      <c r="AE47" s="40" t="s">
        <v>90</v>
      </c>
      <c r="AF47" s="40" t="s">
        <v>90</v>
      </c>
      <c r="AG47" s="40" t="s">
        <v>90</v>
      </c>
      <c r="AH47" s="40" t="s">
        <v>90</v>
      </c>
      <c r="AI47" s="40" t="s">
        <v>90</v>
      </c>
      <c r="AJ47" s="40">
        <v>0.43</v>
      </c>
      <c r="AK47" s="40">
        <v>0.4</v>
      </c>
      <c r="AL47" s="40">
        <v>0.4</v>
      </c>
      <c r="AM47" s="40">
        <v>0.4</v>
      </c>
      <c r="AN47" s="40">
        <v>0.41</v>
      </c>
      <c r="AO47" s="40">
        <v>0.41</v>
      </c>
      <c r="AP47" s="40">
        <v>0.45</v>
      </c>
      <c r="AQ47" s="40">
        <v>0.46</v>
      </c>
      <c r="AR47" s="40">
        <v>0.46</v>
      </c>
      <c r="AS47" s="40">
        <v>0.48</v>
      </c>
      <c r="AT47" s="40">
        <v>0.47</v>
      </c>
      <c r="AU47" s="40">
        <v>0.48</v>
      </c>
      <c r="AV47" s="40">
        <v>0.48</v>
      </c>
      <c r="AW47" s="40">
        <v>0.53</v>
      </c>
      <c r="AX47" s="40">
        <v>0.53</v>
      </c>
      <c r="AY47" s="40">
        <v>0.53</v>
      </c>
      <c r="AZ47" s="40">
        <v>0.53</v>
      </c>
      <c r="BA47" s="40">
        <v>0.53</v>
      </c>
      <c r="BB47" s="40">
        <v>0.53</v>
      </c>
      <c r="BC47" s="40">
        <v>0.53</v>
      </c>
      <c r="BD47" s="40">
        <v>0.53</v>
      </c>
      <c r="BF47" s="40">
        <v>0.53</v>
      </c>
    </row>
    <row r="48" spans="3:58" x14ac:dyDescent="0.2">
      <c r="C48" s="23" t="s">
        <v>96</v>
      </c>
      <c r="D48" s="6" t="s">
        <v>58</v>
      </c>
      <c r="E48" s="40">
        <v>0.28999999999999998</v>
      </c>
      <c r="F48" s="40">
        <v>0.28999999999999998</v>
      </c>
      <c r="G48" s="40">
        <v>0.34</v>
      </c>
      <c r="H48" s="40">
        <v>0.34</v>
      </c>
      <c r="I48" s="40">
        <v>0.39</v>
      </c>
      <c r="J48" s="40">
        <v>0.39</v>
      </c>
      <c r="K48" s="40">
        <v>0.34</v>
      </c>
      <c r="L48" s="40">
        <v>0.28000000000000003</v>
      </c>
      <c r="M48" s="40">
        <v>0.28999999999999998</v>
      </c>
      <c r="N48" s="40">
        <v>0.33</v>
      </c>
      <c r="O48" s="40">
        <v>0.38</v>
      </c>
      <c r="P48" s="40">
        <v>0.38</v>
      </c>
      <c r="Q48" s="40">
        <v>0.43</v>
      </c>
      <c r="R48" s="40">
        <v>0.48</v>
      </c>
      <c r="S48" s="40">
        <v>0.48</v>
      </c>
      <c r="T48" s="40">
        <v>0.47</v>
      </c>
      <c r="U48" s="40">
        <v>0.47</v>
      </c>
      <c r="V48" s="40">
        <v>0.47</v>
      </c>
      <c r="W48" s="40">
        <v>0.47</v>
      </c>
      <c r="X48" s="40">
        <v>0.47</v>
      </c>
      <c r="Y48" s="40">
        <v>0.47</v>
      </c>
      <c r="Z48" s="40">
        <v>0.47</v>
      </c>
      <c r="AA48" s="40">
        <v>0.43</v>
      </c>
      <c r="AB48" s="40">
        <v>0.38</v>
      </c>
      <c r="AC48" s="40">
        <v>0.32</v>
      </c>
      <c r="AD48" s="40">
        <v>0.22</v>
      </c>
      <c r="AE48" s="40">
        <v>0.27</v>
      </c>
      <c r="AF48" s="40">
        <v>0.28000000000000003</v>
      </c>
      <c r="AG48" s="40">
        <v>0.27</v>
      </c>
      <c r="AH48" s="40">
        <v>0.32</v>
      </c>
      <c r="AI48" s="40">
        <v>0.32</v>
      </c>
      <c r="AJ48" s="40">
        <v>0.43</v>
      </c>
      <c r="AK48" s="40">
        <v>0.46</v>
      </c>
      <c r="AL48" s="40">
        <v>0.57999999999999996</v>
      </c>
      <c r="AM48" s="40">
        <v>0.56999999999999995</v>
      </c>
      <c r="AN48" s="40">
        <v>0.62</v>
      </c>
      <c r="AO48" s="40">
        <v>0.63</v>
      </c>
      <c r="AP48" s="40">
        <v>0.62</v>
      </c>
      <c r="AQ48" s="40">
        <v>0.62</v>
      </c>
      <c r="AR48" s="40">
        <v>0.61</v>
      </c>
      <c r="AS48" s="40">
        <v>0.62</v>
      </c>
      <c r="AT48" s="40">
        <v>0.68</v>
      </c>
      <c r="AU48" s="40">
        <v>0.74</v>
      </c>
      <c r="AV48" s="40">
        <v>0.79</v>
      </c>
      <c r="AW48" s="40">
        <v>0.79</v>
      </c>
      <c r="AX48" s="40">
        <v>0.79</v>
      </c>
      <c r="AY48" s="40">
        <v>0.79</v>
      </c>
      <c r="AZ48" s="40">
        <v>0.8</v>
      </c>
      <c r="BA48" s="40">
        <v>0.71</v>
      </c>
      <c r="BB48" s="40">
        <v>0.66</v>
      </c>
      <c r="BC48" s="40">
        <v>0.66</v>
      </c>
      <c r="BD48" s="40">
        <v>0.41</v>
      </c>
      <c r="BF48" s="40">
        <v>0.41</v>
      </c>
    </row>
    <row r="49" spans="1:58" ht="13.5" customHeight="1" x14ac:dyDescent="0.2">
      <c r="C49" s="221"/>
      <c r="D49" s="221"/>
      <c r="E49" s="221"/>
      <c r="F49" s="221"/>
      <c r="G49" s="221"/>
      <c r="H49" s="221"/>
      <c r="I49" s="221"/>
      <c r="J49" s="221"/>
      <c r="K49" s="221"/>
      <c r="L49" s="221"/>
      <c r="M49" s="221"/>
      <c r="N49" s="221"/>
      <c r="O49" s="221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0" spans="1:58" x14ac:dyDescent="0.2">
      <c r="C50" s="222"/>
      <c r="D50" s="222"/>
      <c r="E50" s="222"/>
      <c r="F50" s="222"/>
      <c r="G50" s="222"/>
      <c r="H50" s="222"/>
      <c r="I50" s="222"/>
      <c r="J50" s="222"/>
      <c r="K50" s="222"/>
      <c r="L50" s="222"/>
      <c r="M50" s="222"/>
      <c r="N50" s="222"/>
      <c r="O50" s="222"/>
    </row>
    <row r="51" spans="1:58" x14ac:dyDescent="0.2">
      <c r="C51" s="23" t="s">
        <v>106</v>
      </c>
      <c r="D51" s="6" t="s">
        <v>58</v>
      </c>
      <c r="E51" s="62">
        <v>4.1900000000000004</v>
      </c>
      <c r="F51" s="62">
        <v>4.33</v>
      </c>
      <c r="G51" s="62">
        <v>4.3</v>
      </c>
      <c r="H51" s="62">
        <v>4.0999999999999996</v>
      </c>
      <c r="I51" s="62">
        <v>4.18</v>
      </c>
      <c r="J51" s="62">
        <v>4.3099999999999996</v>
      </c>
      <c r="K51" s="62">
        <v>4.4800000000000004</v>
      </c>
      <c r="L51" s="62">
        <v>4.34</v>
      </c>
      <c r="M51" s="62">
        <v>4.5</v>
      </c>
      <c r="N51" s="62">
        <v>4.33</v>
      </c>
      <c r="O51" s="62">
        <v>4.6399999999999997</v>
      </c>
      <c r="P51" s="62">
        <v>4.63</v>
      </c>
      <c r="Q51" s="62">
        <v>4.4000000000000004</v>
      </c>
      <c r="R51" s="62">
        <v>4.3499999999999996</v>
      </c>
      <c r="S51" s="62">
        <v>4.58</v>
      </c>
      <c r="T51" s="62">
        <v>4.62</v>
      </c>
      <c r="U51" s="62">
        <v>4.59</v>
      </c>
      <c r="V51" s="62">
        <v>4.68</v>
      </c>
      <c r="W51" s="62">
        <v>4.46</v>
      </c>
      <c r="X51" s="62">
        <v>4.5</v>
      </c>
      <c r="Y51" s="62">
        <v>4.8499999999999996</v>
      </c>
      <c r="Z51" s="62">
        <v>4.7</v>
      </c>
      <c r="AA51" s="62">
        <v>4.62</v>
      </c>
      <c r="AB51" s="62">
        <v>4.6900000000000004</v>
      </c>
      <c r="AC51" s="62">
        <v>4.72</v>
      </c>
      <c r="AD51" s="62">
        <v>4.66</v>
      </c>
      <c r="AE51" s="62">
        <v>4.6100000000000003</v>
      </c>
      <c r="AF51" s="62">
        <v>4.46</v>
      </c>
      <c r="AG51" s="62">
        <v>4.42</v>
      </c>
      <c r="AH51" s="62">
        <v>4.87</v>
      </c>
      <c r="AI51" s="62">
        <v>4.8600000000000003</v>
      </c>
      <c r="AJ51" s="62">
        <v>4.84</v>
      </c>
      <c r="AK51" s="62">
        <v>4.8600000000000003</v>
      </c>
      <c r="AL51" s="62">
        <v>5.0599999999999996</v>
      </c>
      <c r="AM51" s="62">
        <v>4.8499999999999996</v>
      </c>
      <c r="AN51" s="62">
        <v>5.07</v>
      </c>
      <c r="AO51" s="62">
        <v>5.43</v>
      </c>
      <c r="AP51" s="62">
        <v>5.67</v>
      </c>
      <c r="AQ51" s="62">
        <v>5.86</v>
      </c>
      <c r="AR51" s="62">
        <v>5.69</v>
      </c>
      <c r="AS51" s="62">
        <v>6.02</v>
      </c>
      <c r="AT51" s="62">
        <v>5.93</v>
      </c>
      <c r="AU51" s="62">
        <v>5.89</v>
      </c>
      <c r="AV51" s="62">
        <v>5.8</v>
      </c>
      <c r="AW51" s="62">
        <v>5.7</v>
      </c>
      <c r="AX51" s="62">
        <v>5.76</v>
      </c>
      <c r="AY51" s="62">
        <v>5.63</v>
      </c>
      <c r="AZ51" s="62">
        <v>5.6</v>
      </c>
      <c r="BA51" s="62">
        <v>5.54</v>
      </c>
      <c r="BB51" s="62">
        <v>5.52</v>
      </c>
      <c r="BC51" s="62">
        <v>5.6</v>
      </c>
      <c r="BD51" s="62">
        <v>5.38</v>
      </c>
      <c r="BF51" s="62">
        <v>5.69</v>
      </c>
    </row>
    <row r="53" spans="1:58" s="97" customFormat="1" ht="31.5" customHeight="1" x14ac:dyDescent="0.25">
      <c r="A53"/>
      <c r="B53"/>
      <c r="C53" s="98" t="s">
        <v>137</v>
      </c>
      <c r="D53"/>
      <c r="E53"/>
      <c r="F53"/>
      <c r="G53"/>
      <c r="H53"/>
      <c r="I53"/>
      <c r="J53"/>
      <c r="K53"/>
      <c r="L53"/>
      <c r="M53"/>
      <c r="N53"/>
      <c r="O53"/>
      <c r="P53"/>
      <c r="Q53"/>
      <c r="R53"/>
      <c r="S53"/>
      <c r="T53"/>
      <c r="U53"/>
      <c r="V53"/>
      <c r="W53"/>
      <c r="X53"/>
      <c r="Y53"/>
      <c r="Z53"/>
      <c r="AA53"/>
      <c r="AB53"/>
      <c r="AC53"/>
      <c r="AD53"/>
      <c r="AE53"/>
      <c r="AF53"/>
      <c r="AG53"/>
      <c r="AH53"/>
      <c r="AI53"/>
      <c r="AJ53"/>
      <c r="AK53"/>
      <c r="AL53"/>
      <c r="AM53"/>
      <c r="AN53"/>
      <c r="AO53"/>
      <c r="AP53"/>
      <c r="AQ53"/>
      <c r="AR53"/>
      <c r="AS53"/>
      <c r="AT53"/>
      <c r="AU53"/>
      <c r="AV53"/>
      <c r="AW53"/>
      <c r="AX53"/>
      <c r="AY53"/>
      <c r="AZ53"/>
      <c r="BA53"/>
      <c r="BB53"/>
      <c r="BC53"/>
      <c r="BD53"/>
      <c r="BE53"/>
      <c r="BF53"/>
    </row>
    <row r="54" spans="1:58" s="97" customFormat="1" ht="15" x14ac:dyDescent="0.25">
      <c r="C54" s="85" t="s">
        <v>138</v>
      </c>
      <c r="D54"/>
      <c r="E54"/>
      <c r="F54"/>
      <c r="G54"/>
      <c r="H54"/>
      <c r="I54"/>
      <c r="J54"/>
      <c r="K54"/>
      <c r="L54"/>
      <c r="M54"/>
      <c r="N54"/>
      <c r="O54"/>
      <c r="P54"/>
      <c r="Q54"/>
      <c r="R54"/>
      <c r="S54"/>
      <c r="T54"/>
      <c r="U54"/>
      <c r="V54"/>
    </row>
    <row r="55" spans="1:58" s="97" customFormat="1" ht="15" x14ac:dyDescent="0.25">
      <c r="C55" s="85"/>
      <c r="D55"/>
      <c r="E55"/>
      <c r="F55"/>
      <c r="G55"/>
      <c r="H55"/>
      <c r="I55"/>
      <c r="J55"/>
      <c r="K55"/>
      <c r="L55"/>
      <c r="M55"/>
      <c r="N55"/>
      <c r="O55"/>
      <c r="P55"/>
      <c r="Q55"/>
      <c r="R55"/>
      <c r="S55"/>
      <c r="T55"/>
      <c r="U55"/>
      <c r="V55"/>
    </row>
    <row r="56" spans="1:58" s="97" customFormat="1" ht="15" x14ac:dyDescent="0.25">
      <c r="C56" s="85"/>
      <c r="D56"/>
      <c r="E56"/>
      <c r="F56"/>
      <c r="G56"/>
      <c r="H56"/>
      <c r="I56"/>
      <c r="J56"/>
      <c r="K56"/>
      <c r="L56"/>
      <c r="M56"/>
      <c r="N56"/>
      <c r="O56"/>
      <c r="P56"/>
      <c r="Q56"/>
      <c r="R56"/>
      <c r="S56"/>
      <c r="T56"/>
      <c r="U56"/>
      <c r="V56"/>
    </row>
    <row r="57" spans="1:58" x14ac:dyDescent="0.2">
      <c r="C57" s="1" t="s">
        <v>1</v>
      </c>
      <c r="E57" s="2">
        <v>2014</v>
      </c>
      <c r="F57" s="2"/>
      <c r="G57" s="2"/>
      <c r="H57" s="2"/>
      <c r="I57" s="2"/>
      <c r="J57" s="2"/>
      <c r="K57" s="2"/>
      <c r="L57" s="2"/>
      <c r="M57" s="2"/>
    </row>
    <row r="58" spans="1:58" x14ac:dyDescent="0.2">
      <c r="C58" s="3" t="s">
        <v>2</v>
      </c>
      <c r="D58" s="3" t="s">
        <v>3</v>
      </c>
      <c r="E58" s="4" t="s">
        <v>15</v>
      </c>
      <c r="F58" s="4" t="s">
        <v>16</v>
      </c>
      <c r="G58" s="4" t="s">
        <v>17</v>
      </c>
      <c r="H58" s="4" t="s">
        <v>18</v>
      </c>
      <c r="I58" s="4" t="s">
        <v>19</v>
      </c>
      <c r="J58" s="4" t="s">
        <v>20</v>
      </c>
      <c r="K58" s="4" t="s">
        <v>21</v>
      </c>
      <c r="L58" s="4" t="s">
        <v>22</v>
      </c>
      <c r="M58" s="4" t="s">
        <v>23</v>
      </c>
      <c r="N58" s="4" t="s">
        <v>24</v>
      </c>
      <c r="O58" s="4" t="s">
        <v>25</v>
      </c>
      <c r="P58" s="4" t="s">
        <v>26</v>
      </c>
      <c r="Q58" s="4" t="s">
        <v>27</v>
      </c>
      <c r="R58" s="4" t="s">
        <v>28</v>
      </c>
      <c r="S58" s="4" t="s">
        <v>29</v>
      </c>
      <c r="T58" s="4" t="s">
        <v>30</v>
      </c>
      <c r="U58" s="4" t="s">
        <v>31</v>
      </c>
      <c r="V58" s="4" t="s">
        <v>32</v>
      </c>
      <c r="W58" s="4" t="s">
        <v>33</v>
      </c>
      <c r="X58" s="4" t="s">
        <v>34</v>
      </c>
      <c r="Y58" s="4" t="s">
        <v>35</v>
      </c>
      <c r="Z58" s="4" t="s">
        <v>36</v>
      </c>
      <c r="AA58" s="4" t="s">
        <v>37</v>
      </c>
      <c r="AB58" s="4" t="s">
        <v>38</v>
      </c>
      <c r="AC58" s="4" t="s">
        <v>39</v>
      </c>
      <c r="AD58" s="4" t="s">
        <v>40</v>
      </c>
      <c r="AE58" s="4" t="s">
        <v>41</v>
      </c>
      <c r="AF58" s="4" t="s">
        <v>42</v>
      </c>
      <c r="AG58" s="4" t="s">
        <v>43</v>
      </c>
      <c r="AH58" s="4" t="s">
        <v>44</v>
      </c>
      <c r="AI58" s="4" t="s">
        <v>45</v>
      </c>
      <c r="AJ58" s="4" t="s">
        <v>46</v>
      </c>
      <c r="AK58" s="4" t="s">
        <v>47</v>
      </c>
      <c r="AL58" s="4" t="s">
        <v>48</v>
      </c>
      <c r="AM58" s="4" t="s">
        <v>49</v>
      </c>
      <c r="AN58" s="4" t="s">
        <v>50</v>
      </c>
      <c r="AO58" s="4" t="s">
        <v>51</v>
      </c>
      <c r="AP58" s="4" t="s">
        <v>52</v>
      </c>
      <c r="AQ58" s="4" t="s">
        <v>53</v>
      </c>
      <c r="AR58" s="4" t="s">
        <v>54</v>
      </c>
      <c r="AS58" s="4" t="s">
        <v>55</v>
      </c>
      <c r="AT58" s="4" t="s">
        <v>4</v>
      </c>
      <c r="AU58" s="4" t="s">
        <v>5</v>
      </c>
      <c r="AV58" s="4" t="s">
        <v>6</v>
      </c>
      <c r="AW58" s="4" t="s">
        <v>7</v>
      </c>
      <c r="AX58" s="4" t="s">
        <v>8</v>
      </c>
      <c r="AY58" s="4" t="s">
        <v>9</v>
      </c>
      <c r="AZ58" s="4" t="s">
        <v>10</v>
      </c>
      <c r="BA58" s="4" t="s">
        <v>11</v>
      </c>
      <c r="BB58" s="4" t="s">
        <v>12</v>
      </c>
      <c r="BC58" s="4" t="s">
        <v>13</v>
      </c>
      <c r="BD58" s="4" t="s">
        <v>14</v>
      </c>
      <c r="BF58" s="4" t="s">
        <v>56</v>
      </c>
    </row>
    <row r="59" spans="1:58" x14ac:dyDescent="0.2">
      <c r="C59" s="5" t="s">
        <v>57</v>
      </c>
      <c r="D59" s="6" t="s">
        <v>58</v>
      </c>
      <c r="E59" s="39"/>
      <c r="F59" s="39"/>
      <c r="G59" s="39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39"/>
      <c r="X59" s="39"/>
      <c r="Y59" s="8"/>
      <c r="Z59" s="39"/>
      <c r="AA59" s="39"/>
      <c r="AB59" s="39"/>
      <c r="AC59" s="39"/>
      <c r="AD59" s="39"/>
      <c r="AE59" s="39"/>
      <c r="AF59" s="39"/>
      <c r="AG59" s="39"/>
      <c r="AH59" s="39"/>
      <c r="AI59" s="39"/>
      <c r="AJ59" s="39"/>
      <c r="AK59" s="39"/>
      <c r="AL59" s="39"/>
      <c r="AM59" s="39"/>
      <c r="AN59" s="39"/>
      <c r="AO59" s="39"/>
      <c r="AP59" s="39"/>
      <c r="AQ59" s="39"/>
      <c r="AR59" s="39"/>
      <c r="AS59" s="39"/>
      <c r="AT59" s="39"/>
      <c r="AU59" s="39"/>
      <c r="AV59" s="8"/>
      <c r="AW59" s="39"/>
      <c r="AX59" s="39"/>
      <c r="AY59" s="8"/>
      <c r="AZ59" s="39"/>
      <c r="BA59" s="39"/>
      <c r="BB59" s="39"/>
      <c r="BC59" s="39"/>
      <c r="BD59" s="39"/>
      <c r="BF59" s="39"/>
    </row>
    <row r="60" spans="1:58" x14ac:dyDescent="0.2">
      <c r="C60" s="5" t="s">
        <v>59</v>
      </c>
      <c r="D60" s="6" t="s">
        <v>58</v>
      </c>
      <c r="E60" s="39"/>
      <c r="F60" s="39"/>
      <c r="G60" s="39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39"/>
      <c r="X60" s="39"/>
      <c r="Y60" s="8"/>
      <c r="Z60" s="39"/>
      <c r="AA60" s="39"/>
      <c r="AB60" s="39"/>
      <c r="AC60" s="39"/>
      <c r="AD60" s="39"/>
      <c r="AE60" s="39"/>
      <c r="AF60" s="39"/>
      <c r="AG60" s="39"/>
      <c r="AH60" s="39"/>
      <c r="AI60" s="39"/>
      <c r="AJ60" s="39"/>
      <c r="AK60" s="39"/>
      <c r="AL60" s="39"/>
      <c r="AM60" s="39"/>
      <c r="AN60" s="39"/>
      <c r="AO60" s="39"/>
      <c r="AP60" s="39"/>
      <c r="AQ60" s="39"/>
      <c r="AR60" s="39"/>
      <c r="AS60" s="39"/>
      <c r="AT60" s="39"/>
      <c r="AU60" s="39"/>
      <c r="AV60" s="8"/>
      <c r="AW60" s="39"/>
      <c r="AX60" s="39"/>
      <c r="AY60" s="8"/>
      <c r="AZ60" s="39"/>
      <c r="BA60" s="39"/>
      <c r="BB60" s="39"/>
      <c r="BC60" s="39"/>
      <c r="BD60" s="39"/>
      <c r="BF60" s="39"/>
    </row>
    <row r="61" spans="1:58" x14ac:dyDescent="0.2">
      <c r="C61" s="5" t="s">
        <v>60</v>
      </c>
      <c r="D61" s="6" t="s">
        <v>58</v>
      </c>
      <c r="E61" s="39"/>
      <c r="F61" s="39"/>
      <c r="G61" s="39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39"/>
      <c r="X61" s="39"/>
      <c r="Y61" s="8"/>
      <c r="Z61" s="39"/>
      <c r="AA61" s="39"/>
      <c r="AB61" s="39"/>
      <c r="AC61" s="39"/>
      <c r="AD61" s="39"/>
      <c r="AE61" s="39"/>
      <c r="AF61" s="39"/>
      <c r="AG61" s="39"/>
      <c r="AH61" s="39"/>
      <c r="AI61" s="39"/>
      <c r="AJ61" s="39"/>
      <c r="AK61" s="39"/>
      <c r="AL61" s="39"/>
      <c r="AM61" s="39"/>
      <c r="AN61" s="39"/>
      <c r="AO61" s="39"/>
      <c r="AP61" s="39"/>
      <c r="AQ61" s="39"/>
      <c r="AR61" s="39"/>
      <c r="AS61" s="39"/>
      <c r="AT61" s="39"/>
      <c r="AU61" s="39"/>
      <c r="AV61" s="8"/>
      <c r="AW61" s="39"/>
      <c r="AX61" s="39"/>
      <c r="AY61" s="8"/>
      <c r="AZ61" s="39"/>
      <c r="BA61" s="39"/>
      <c r="BB61" s="39"/>
      <c r="BC61" s="39"/>
      <c r="BD61" s="39"/>
      <c r="BF61" s="39"/>
    </row>
    <row r="62" spans="1:58" x14ac:dyDescent="0.2">
      <c r="C62" s="5" t="s">
        <v>61</v>
      </c>
      <c r="D62" s="6" t="s">
        <v>58</v>
      </c>
      <c r="E62" s="39"/>
      <c r="F62" s="39"/>
      <c r="G62" s="39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39"/>
      <c r="X62" s="39"/>
      <c r="Y62" s="8"/>
      <c r="Z62" s="39"/>
      <c r="AA62" s="39"/>
      <c r="AB62" s="39"/>
      <c r="AC62" s="39"/>
      <c r="AD62" s="39"/>
      <c r="AE62" s="39"/>
      <c r="AF62" s="39"/>
      <c r="AG62" s="39"/>
      <c r="AH62" s="39"/>
      <c r="AI62" s="39"/>
      <c r="AJ62" s="39"/>
      <c r="AK62" s="39"/>
      <c r="AL62" s="39"/>
      <c r="AM62" s="39"/>
      <c r="AN62" s="39"/>
      <c r="AO62" s="39"/>
      <c r="AP62" s="39"/>
      <c r="AQ62" s="39"/>
      <c r="AR62" s="39"/>
      <c r="AS62" s="39"/>
      <c r="AT62" s="39"/>
      <c r="AU62" s="39"/>
      <c r="AV62" s="8"/>
      <c r="AW62" s="39"/>
      <c r="AX62" s="39"/>
      <c r="AY62" s="8"/>
      <c r="AZ62" s="39"/>
      <c r="BA62" s="39"/>
      <c r="BB62" s="39"/>
      <c r="BC62" s="39"/>
      <c r="BD62" s="39"/>
      <c r="BF62" s="39"/>
    </row>
    <row r="63" spans="1:58" x14ac:dyDescent="0.2">
      <c r="C63" s="5" t="s">
        <v>62</v>
      </c>
      <c r="D63" s="6" t="s">
        <v>58</v>
      </c>
      <c r="E63" s="39"/>
      <c r="F63" s="39"/>
      <c r="G63" s="39"/>
      <c r="H63" s="39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39"/>
      <c r="W63" s="39"/>
      <c r="X63" s="39"/>
      <c r="Y63" s="8"/>
      <c r="Z63" s="39"/>
      <c r="AA63" s="39"/>
      <c r="AB63" s="39"/>
      <c r="AC63" s="39"/>
      <c r="AD63" s="39"/>
      <c r="AE63" s="39"/>
      <c r="AF63" s="39"/>
      <c r="AG63" s="39"/>
      <c r="AH63" s="39"/>
      <c r="AI63" s="39"/>
      <c r="AJ63" s="39"/>
      <c r="AK63" s="39"/>
      <c r="AL63" s="39"/>
      <c r="AM63" s="39"/>
      <c r="AN63" s="39"/>
      <c r="AO63" s="39"/>
      <c r="AP63" s="39"/>
      <c r="AQ63" s="39"/>
      <c r="AR63" s="39"/>
      <c r="AS63" s="39"/>
      <c r="AT63" s="39"/>
      <c r="AU63" s="39"/>
      <c r="AV63" s="8"/>
      <c r="AW63" s="39"/>
      <c r="AX63" s="39"/>
      <c r="AY63" s="8"/>
      <c r="AZ63" s="39"/>
      <c r="BA63" s="39"/>
      <c r="BB63" s="39"/>
      <c r="BC63" s="39"/>
      <c r="BD63" s="39"/>
      <c r="BF63" s="39"/>
    </row>
    <row r="64" spans="1:58" x14ac:dyDescent="0.2">
      <c r="C64" s="5" t="s">
        <v>75</v>
      </c>
      <c r="D64" s="20" t="s">
        <v>76</v>
      </c>
      <c r="E64" s="39"/>
      <c r="F64" s="39"/>
      <c r="G64" s="39"/>
      <c r="H64" s="39"/>
      <c r="I64" s="39"/>
      <c r="J64" s="39"/>
      <c r="K64" s="39"/>
      <c r="L64" s="39"/>
      <c r="M64" s="39"/>
      <c r="N64" s="39"/>
      <c r="O64" s="39"/>
      <c r="P64" s="39"/>
      <c r="Q64" s="39"/>
      <c r="R64" s="39"/>
      <c r="S64" s="39"/>
      <c r="T64" s="39"/>
      <c r="U64" s="39"/>
      <c r="V64" s="39"/>
      <c r="W64" s="39"/>
      <c r="X64" s="39"/>
      <c r="Y64" s="8"/>
      <c r="Z64" s="39"/>
      <c r="AA64" s="39"/>
      <c r="AB64" s="39"/>
      <c r="AC64" s="39"/>
      <c r="AD64" s="39"/>
      <c r="AE64" s="39"/>
      <c r="AF64" s="39"/>
      <c r="AG64" s="39"/>
      <c r="AH64" s="39"/>
      <c r="AI64" s="39"/>
      <c r="AJ64" s="39"/>
      <c r="AK64" s="39"/>
      <c r="AL64" s="39"/>
      <c r="AM64" s="39"/>
      <c r="AN64" s="39"/>
      <c r="AO64" s="39"/>
      <c r="AP64" s="39"/>
      <c r="AQ64" s="39"/>
      <c r="AR64" s="39"/>
      <c r="AS64" s="39"/>
      <c r="AT64" s="39"/>
      <c r="AU64" s="39"/>
      <c r="AV64" s="8"/>
      <c r="AW64" s="39"/>
      <c r="AX64" s="39"/>
      <c r="AY64" s="8"/>
      <c r="AZ64" s="39"/>
      <c r="BA64" s="39"/>
      <c r="BB64" s="39"/>
      <c r="BC64" s="39"/>
      <c r="BD64" s="39"/>
      <c r="BF64" s="39"/>
    </row>
    <row r="65" spans="3:58" x14ac:dyDescent="0.2">
      <c r="C65" s="5" t="s">
        <v>63</v>
      </c>
      <c r="D65" s="6" t="s">
        <v>58</v>
      </c>
      <c r="E65" s="8">
        <v>8.7436816749017652</v>
      </c>
      <c r="F65" s="8">
        <v>8.2904063245537873</v>
      </c>
      <c r="G65" s="8">
        <v>5.3836983137435288</v>
      </c>
      <c r="H65" s="8">
        <v>5.8853160885682438</v>
      </c>
      <c r="I65" s="8">
        <v>5.6014642778146424</v>
      </c>
      <c r="J65" s="8">
        <v>6.4647861927105446</v>
      </c>
      <c r="K65" s="8">
        <v>7.7643793122981926</v>
      </c>
      <c r="L65" s="8">
        <v>5.7571598862545894</v>
      </c>
      <c r="M65" s="8">
        <v>5.0557046785136546</v>
      </c>
      <c r="N65" s="8">
        <v>6.3597281830402457</v>
      </c>
      <c r="O65" s="8">
        <v>6.2165016503210806</v>
      </c>
      <c r="P65" s="8">
        <v>5.3811101953201073</v>
      </c>
      <c r="Q65" s="8">
        <v>6.8003438570297261</v>
      </c>
      <c r="R65" s="8">
        <v>6.0447843974873301</v>
      </c>
      <c r="S65" s="8">
        <v>5.5720464939024392</v>
      </c>
      <c r="T65" s="8">
        <v>5.0199981853310698</v>
      </c>
      <c r="U65" s="8">
        <v>5.1172562297987705</v>
      </c>
      <c r="V65" s="8">
        <v>6.2119985402525355</v>
      </c>
      <c r="W65" s="8">
        <v>5.2051812142945915</v>
      </c>
      <c r="X65" s="8">
        <v>5.628144553793816</v>
      </c>
      <c r="Y65" s="8">
        <v>5.4366290980258309</v>
      </c>
      <c r="Z65" s="8">
        <v>5.5300446759560042</v>
      </c>
      <c r="AA65" s="8">
        <v>5.5466760088181735</v>
      </c>
      <c r="AB65" s="8">
        <v>5.8193564378041422</v>
      </c>
      <c r="AC65" s="8">
        <v>5.3009165859091363</v>
      </c>
      <c r="AD65" s="8">
        <v>6.3430052174590195</v>
      </c>
      <c r="AE65" s="8">
        <v>5.4043243419788674</v>
      </c>
      <c r="AF65" s="8">
        <v>3.9857742141036532</v>
      </c>
      <c r="AG65" s="8">
        <v>4.1106441241563072</v>
      </c>
      <c r="AH65" s="8">
        <v>5.5144796946313113</v>
      </c>
      <c r="AI65" s="8">
        <v>5.7509195106907898</v>
      </c>
      <c r="AJ65" s="8">
        <v>6.1117079837819599</v>
      </c>
      <c r="AK65" s="8">
        <v>6.8496405434115823</v>
      </c>
      <c r="AL65" s="8">
        <v>6.5147842405216849</v>
      </c>
      <c r="AM65" s="8">
        <v>6.3726825196161592</v>
      </c>
      <c r="AN65" s="8">
        <v>5.7800653513113502</v>
      </c>
      <c r="AO65" s="8">
        <v>5.4009282686095119</v>
      </c>
      <c r="AP65" s="8">
        <v>5.5774263026059305</v>
      </c>
      <c r="AQ65" s="8">
        <v>6.13</v>
      </c>
      <c r="AR65" s="8">
        <v>5.85</v>
      </c>
      <c r="AS65" s="8">
        <v>7.0216779998105876</v>
      </c>
      <c r="AT65" s="8">
        <v>7.0526618426580194</v>
      </c>
      <c r="AU65" s="8">
        <v>6.1107651666581244</v>
      </c>
      <c r="AV65" s="8">
        <v>5.9679005989635909</v>
      </c>
      <c r="AW65" s="8">
        <v>6.1191012612438804</v>
      </c>
      <c r="AX65" s="8">
        <v>6.5702257129189405</v>
      </c>
      <c r="AY65" s="8">
        <v>5.7644049450118962</v>
      </c>
      <c r="AZ65" s="8">
        <v>4.9233945555030187</v>
      </c>
      <c r="BA65" s="8">
        <v>5.3808920058744532</v>
      </c>
      <c r="BB65" s="8">
        <v>5.4533390997092264</v>
      </c>
      <c r="BC65" s="8">
        <v>7.5547249592025763</v>
      </c>
      <c r="BD65" s="8">
        <v>6.2108965370539995</v>
      </c>
      <c r="BF65" s="8">
        <v>6.726992449053431</v>
      </c>
    </row>
    <row r="66" spans="3:58" x14ac:dyDescent="0.2">
      <c r="C66" s="5" t="s">
        <v>64</v>
      </c>
      <c r="D66" s="6" t="s">
        <v>58</v>
      </c>
      <c r="E66" s="8">
        <v>5.5278472793029758</v>
      </c>
      <c r="F66" s="8">
        <v>5.6120480267690196</v>
      </c>
      <c r="G66" s="8">
        <v>3.9598871313564463</v>
      </c>
      <c r="H66" s="8">
        <v>3.8722112830753872</v>
      </c>
      <c r="I66" s="8">
        <v>3.9805526562290914</v>
      </c>
      <c r="J66" s="8">
        <v>4.607000628398132</v>
      </c>
      <c r="K66" s="8">
        <v>6.4859875312350139</v>
      </c>
      <c r="L66" s="8">
        <v>4.2456862829201336</v>
      </c>
      <c r="M66" s="8">
        <v>3.629163475807486</v>
      </c>
      <c r="N66" s="8">
        <v>4.4103473381174902</v>
      </c>
      <c r="O66" s="8">
        <v>3.7008636531693759</v>
      </c>
      <c r="P66" s="8">
        <v>3.5077563975961406</v>
      </c>
      <c r="Q66" s="8">
        <v>3.7846292551711342</v>
      </c>
      <c r="R66" s="8">
        <v>4.6632740048390833</v>
      </c>
      <c r="S66" s="8">
        <v>4.0793430997947713</v>
      </c>
      <c r="T66" s="8">
        <v>3.2896288097679194</v>
      </c>
      <c r="U66" s="8">
        <v>3.0052335613868992</v>
      </c>
      <c r="V66" s="8">
        <v>4.158229070927117</v>
      </c>
      <c r="W66" s="8">
        <v>3.7193147927022299</v>
      </c>
      <c r="X66" s="8">
        <v>3.4513563157025002</v>
      </c>
      <c r="Y66" s="8">
        <v>3.2498433424816322</v>
      </c>
      <c r="Z66" s="8">
        <v>3.2185096941834899</v>
      </c>
      <c r="AA66" s="8">
        <v>3.3429919747358823</v>
      </c>
      <c r="AB66" s="8">
        <v>3.712404537575726</v>
      </c>
      <c r="AC66" s="8">
        <v>3.5992203153400686</v>
      </c>
      <c r="AD66" s="8">
        <v>4.2909475023284349</v>
      </c>
      <c r="AE66" s="8">
        <v>4.6424813088745669</v>
      </c>
      <c r="AF66" s="8">
        <v>3.7477228146510217</v>
      </c>
      <c r="AG66" s="8">
        <v>3.8048184666295968</v>
      </c>
      <c r="AH66" s="8">
        <v>4.0930697802898308</v>
      </c>
      <c r="AI66" s="8">
        <v>4.1583755885548719</v>
      </c>
      <c r="AJ66" s="8">
        <v>4.1709058394817351</v>
      </c>
      <c r="AK66" s="8">
        <v>4.5252934671657021</v>
      </c>
      <c r="AL66" s="8">
        <v>4.6607926250263771</v>
      </c>
      <c r="AM66" s="8">
        <v>4.3682407176675806</v>
      </c>
      <c r="AN66" s="8">
        <v>4.1984244794002112</v>
      </c>
      <c r="AO66" s="8">
        <v>4.0176650300054551</v>
      </c>
      <c r="AP66" s="8">
        <v>4.1904988193007755</v>
      </c>
      <c r="AQ66" s="8">
        <v>4.3899999999999997</v>
      </c>
      <c r="AR66" s="8">
        <v>4.4000000000000004</v>
      </c>
      <c r="AS66" s="8">
        <v>5.3597278572220377</v>
      </c>
      <c r="AT66" s="8">
        <v>5.3567867340215249</v>
      </c>
      <c r="AU66" s="8">
        <v>4.7613429043835946</v>
      </c>
      <c r="AV66" s="8">
        <v>4.3058451921023506</v>
      </c>
      <c r="AW66" s="8">
        <v>4.518025463556353</v>
      </c>
      <c r="AX66" s="8">
        <v>4.8958038831644384</v>
      </c>
      <c r="AY66" s="8">
        <v>4.618373649600751</v>
      </c>
      <c r="AZ66" s="8">
        <v>3.7348929391209018</v>
      </c>
      <c r="BA66" s="8">
        <v>3.9603893121423104</v>
      </c>
      <c r="BB66" s="8">
        <v>4.1006818583289171</v>
      </c>
      <c r="BC66" s="8">
        <v>5.2890374295680171</v>
      </c>
      <c r="BD66" s="8">
        <v>4.2586715099924168</v>
      </c>
      <c r="BF66" s="8">
        <v>4.9266470435460139</v>
      </c>
    </row>
    <row r="67" spans="3:58" x14ac:dyDescent="0.2">
      <c r="C67" s="5" t="s">
        <v>65</v>
      </c>
      <c r="D67" s="6" t="s">
        <v>58</v>
      </c>
      <c r="E67" s="8">
        <v>2.7967572669623544</v>
      </c>
      <c r="F67" s="8">
        <v>2.9911705101327741</v>
      </c>
      <c r="G67" s="8">
        <v>3.6626251656123459</v>
      </c>
      <c r="H67" s="8">
        <v>3.4788560492407776</v>
      </c>
      <c r="I67" s="8">
        <v>3.5698065431320414</v>
      </c>
      <c r="J67" s="8">
        <v>3.3089977574038651</v>
      </c>
      <c r="K67" s="8">
        <v>3.6613311393034498</v>
      </c>
      <c r="L67" s="8">
        <v>3.0318684478371498</v>
      </c>
      <c r="M67" s="8">
        <v>3.1763823806321452</v>
      </c>
      <c r="N67" s="8">
        <v>3.3241932674252879</v>
      </c>
      <c r="O67" s="8">
        <v>3.1294879126025887</v>
      </c>
      <c r="P67" s="8">
        <v>3.0997598722664157</v>
      </c>
      <c r="Q67" s="8">
        <v>2.9394249907461263</v>
      </c>
      <c r="R67" s="8">
        <v>2.7356468799133951</v>
      </c>
      <c r="S67" s="8">
        <v>2.5119068264228281</v>
      </c>
      <c r="T67" s="8">
        <v>2.7203281016182359</v>
      </c>
      <c r="U67" s="8">
        <v>2.6607791212935465</v>
      </c>
      <c r="V67" s="8">
        <v>2.6469475393454909</v>
      </c>
      <c r="W67" s="8">
        <v>2.6575649470411551</v>
      </c>
      <c r="X67" s="8">
        <v>2.6575644216282575</v>
      </c>
      <c r="Y67" s="8">
        <v>2.8966454269293056</v>
      </c>
      <c r="Z67" s="8">
        <v>2.6986271271909161</v>
      </c>
      <c r="AA67" s="8">
        <v>3.0678778526407302</v>
      </c>
      <c r="AB67" s="8">
        <v>3.3929955156478626</v>
      </c>
      <c r="AC67" s="8">
        <v>3.72035198816388</v>
      </c>
      <c r="AD67" s="8">
        <v>3.331354816392273</v>
      </c>
      <c r="AE67" s="8">
        <v>4.141853006916083</v>
      </c>
      <c r="AF67" s="8">
        <v>3.9480857931514683</v>
      </c>
      <c r="AG67" s="8">
        <v>3.2794004779631418</v>
      </c>
      <c r="AH67" s="8">
        <v>3.7228041794982314</v>
      </c>
      <c r="AI67" s="8">
        <v>4.251928292977543</v>
      </c>
      <c r="AJ67" s="8">
        <v>3.8855172194136078</v>
      </c>
      <c r="AK67" s="8">
        <v>3.7875031830103634</v>
      </c>
      <c r="AL67" s="8">
        <v>3.8839092644219262</v>
      </c>
      <c r="AM67" s="8">
        <v>3.6692149845179896</v>
      </c>
      <c r="AN67" s="8">
        <v>3.4025473852995898</v>
      </c>
      <c r="AO67" s="8">
        <v>3.3986174112934915</v>
      </c>
      <c r="AP67" s="8">
        <v>3.0605767890064604</v>
      </c>
      <c r="AQ67" s="8">
        <v>2.81</v>
      </c>
      <c r="AR67" s="8">
        <v>2.35</v>
      </c>
      <c r="AS67" s="8">
        <v>2.4073353593429156</v>
      </c>
      <c r="AT67" s="8">
        <v>2.5891376628334211</v>
      </c>
      <c r="AU67" s="8">
        <v>2.7817728110647071</v>
      </c>
      <c r="AV67" s="8">
        <v>2.5435307939648775</v>
      </c>
      <c r="AW67" s="8">
        <v>2.7316388481977696</v>
      </c>
      <c r="AX67" s="8">
        <v>2.7704021357901896</v>
      </c>
      <c r="AY67" s="8">
        <v>2.3263106302682304</v>
      </c>
      <c r="AZ67" s="8">
        <v>2.119804141886942</v>
      </c>
      <c r="BA67" s="8">
        <v>2.7905663200026245</v>
      </c>
      <c r="BB67" s="8">
        <v>3.500829089268517</v>
      </c>
      <c r="BC67" s="8">
        <v>3.1445955692387182</v>
      </c>
      <c r="BD67" s="8">
        <v>3.2825853932059248</v>
      </c>
      <c r="BF67" s="8">
        <v>3.8144181634756671</v>
      </c>
    </row>
    <row r="68" spans="3:58" x14ac:dyDescent="0.2">
      <c r="C68" s="5" t="s">
        <v>66</v>
      </c>
      <c r="D68" s="6" t="s">
        <v>58</v>
      </c>
      <c r="E68" s="8">
        <v>4.503616526233567</v>
      </c>
      <c r="F68" s="8">
        <v>4.2319109844763219</v>
      </c>
      <c r="G68" s="8">
        <v>4.1488771026324489</v>
      </c>
      <c r="H68" s="8">
        <v>3.9929130882529034</v>
      </c>
      <c r="I68" s="8">
        <v>4.0618610639118513</v>
      </c>
      <c r="J68" s="8">
        <v>4.4888352258296882</v>
      </c>
      <c r="K68" s="8">
        <v>4.5866157275598143</v>
      </c>
      <c r="L68" s="8">
        <v>3.3525872771637517</v>
      </c>
      <c r="M68" s="8">
        <v>3.3058098258320032</v>
      </c>
      <c r="N68" s="8">
        <v>3.8055846590717572</v>
      </c>
      <c r="O68" s="8">
        <v>3.9073179472231274</v>
      </c>
      <c r="P68" s="8">
        <v>3.2428627258829525</v>
      </c>
      <c r="Q68" s="8">
        <v>3.5244961615237829</v>
      </c>
      <c r="R68" s="8">
        <v>3.6031166865790527</v>
      </c>
      <c r="S68" s="8">
        <v>3.2132472683330153</v>
      </c>
      <c r="T68" s="8">
        <v>3.0418225265613326</v>
      </c>
      <c r="U68" s="8">
        <v>2.9691144563804928</v>
      </c>
      <c r="V68" s="8">
        <v>2.9155233209098297</v>
      </c>
      <c r="W68" s="8">
        <v>1.8844325966205382</v>
      </c>
      <c r="X68" s="8">
        <v>2.8380839466697587</v>
      </c>
      <c r="Y68" s="8">
        <v>2.8468831001177493</v>
      </c>
      <c r="Z68" s="8">
        <v>2.4389881354988105</v>
      </c>
      <c r="AA68" s="8">
        <v>2.4452410241957296</v>
      </c>
      <c r="AB68" s="8">
        <v>2.5939740636619208</v>
      </c>
      <c r="AC68" s="8">
        <v>3.2545672989054282</v>
      </c>
      <c r="AD68" s="8">
        <v>3.0825002645076709</v>
      </c>
      <c r="AE68" s="8">
        <v>3.6359918432030582</v>
      </c>
      <c r="AF68" s="8">
        <v>3.4416414042252419</v>
      </c>
      <c r="AG68" s="8">
        <v>3.5121002615210628</v>
      </c>
      <c r="AH68" s="8">
        <v>3.2051021656245715</v>
      </c>
      <c r="AI68" s="8">
        <v>3.4617992666173154</v>
      </c>
      <c r="AJ68" s="8">
        <v>3.5570288987869727</v>
      </c>
      <c r="AK68" s="8">
        <v>3.9144285446042191</v>
      </c>
      <c r="AL68" s="8">
        <v>3.7395168277615873</v>
      </c>
      <c r="AM68" s="8">
        <v>3.4554939526448951</v>
      </c>
      <c r="AN68" s="8">
        <v>3.7910855079577468</v>
      </c>
      <c r="AO68" s="8">
        <v>3.5441607582572265</v>
      </c>
      <c r="AP68" s="8">
        <v>3.8960421976558921</v>
      </c>
      <c r="AQ68" s="8">
        <v>3.14</v>
      </c>
      <c r="AR68" s="8">
        <v>3.38</v>
      </c>
      <c r="AS68" s="8">
        <v>3.41676977514626</v>
      </c>
      <c r="AT68" s="8">
        <v>3.3184705462259894</v>
      </c>
      <c r="AU68" s="8">
        <v>3.4285332289785559</v>
      </c>
      <c r="AV68" s="8">
        <v>3.6311661496545038</v>
      </c>
      <c r="AW68" s="8">
        <v>3.6884245017539801</v>
      </c>
      <c r="AX68" s="8">
        <v>4.2012140722005062</v>
      </c>
      <c r="AY68" s="8">
        <v>3.1729594569755535</v>
      </c>
      <c r="AZ68" s="8">
        <v>2.7061430592457127</v>
      </c>
      <c r="BA68" s="8">
        <v>3.7004031213656523</v>
      </c>
      <c r="BB68" s="8">
        <v>4.0812657579608018</v>
      </c>
      <c r="BC68" s="8">
        <v>4.4702385825568962</v>
      </c>
      <c r="BD68" s="8">
        <v>4.9396131304674196</v>
      </c>
      <c r="BF68" s="8">
        <v>3.6132867801798358</v>
      </c>
    </row>
    <row r="69" spans="3:58" x14ac:dyDescent="0.2">
      <c r="C69" s="5" t="s">
        <v>116</v>
      </c>
      <c r="D69" s="6" t="s">
        <v>58</v>
      </c>
      <c r="E69" s="8">
        <v>7.8170831956542584</v>
      </c>
      <c r="F69" s="8">
        <v>8.8152012023073301</v>
      </c>
      <c r="G69" s="8">
        <v>8.1994328278165654</v>
      </c>
      <c r="H69" s="8">
        <v>7.2675202918700155</v>
      </c>
      <c r="I69" s="8">
        <v>6.3955978850288844</v>
      </c>
      <c r="J69" s="8">
        <v>8.1378614801041174</v>
      </c>
      <c r="K69" s="8">
        <v>9.5970786354755422</v>
      </c>
      <c r="L69" s="8">
        <v>8.7531550339282429</v>
      </c>
      <c r="M69" s="8">
        <v>6.7327439870410375</v>
      </c>
      <c r="N69" s="8">
        <v>6.9049424425791504</v>
      </c>
      <c r="O69" s="8">
        <v>6.6466067499761152</v>
      </c>
      <c r="P69" s="8">
        <v>5.9120523221634986</v>
      </c>
      <c r="Q69" s="8">
        <v>5.6385556443026275</v>
      </c>
      <c r="R69" s="8">
        <v>5.6966772404482775</v>
      </c>
      <c r="S69" s="8">
        <v>4.9672364727945775</v>
      </c>
      <c r="T69" s="8">
        <v>4.3572404544769121</v>
      </c>
      <c r="U69" s="8">
        <v>4.858140315060548</v>
      </c>
      <c r="V69" s="8">
        <v>5.7841073382167885</v>
      </c>
      <c r="W69" s="8">
        <v>5.6102271250485352</v>
      </c>
      <c r="X69" s="8">
        <v>5.7287709231048662</v>
      </c>
      <c r="Y69" s="8">
        <v>5.4639260393992837</v>
      </c>
      <c r="Z69" s="8">
        <v>5.4527064008242494</v>
      </c>
      <c r="AA69" s="8">
        <v>5.2899429774341673</v>
      </c>
      <c r="AB69" s="8">
        <v>5.6794558900987013</v>
      </c>
      <c r="AC69" s="8">
        <v>6.0144868608681223</v>
      </c>
      <c r="AD69" s="8">
        <v>5.996054110331599</v>
      </c>
      <c r="AE69" s="8">
        <v>5.7258406186248347</v>
      </c>
      <c r="AF69" s="8">
        <v>5.8501438921068774</v>
      </c>
      <c r="AG69" s="8">
        <v>6.1826775183757618</v>
      </c>
      <c r="AH69" s="8">
        <v>6.7940930034444573</v>
      </c>
      <c r="AI69" s="8">
        <v>6.4331100479467285</v>
      </c>
      <c r="AJ69" s="8">
        <v>6.1622915105719498</v>
      </c>
      <c r="AK69" s="8">
        <v>6.5008362656595677</v>
      </c>
      <c r="AL69" s="8">
        <v>6.3400528187162797</v>
      </c>
      <c r="AM69" s="8">
        <v>6.4716332624573134</v>
      </c>
      <c r="AN69" s="8">
        <v>6.3663586270103263</v>
      </c>
      <c r="AO69" s="8">
        <v>6.235791565482983</v>
      </c>
      <c r="AP69" s="8">
        <v>5.9255251380470035</v>
      </c>
      <c r="AQ69" s="8">
        <v>6.33</v>
      </c>
      <c r="AR69" s="8">
        <v>6.29</v>
      </c>
      <c r="AS69" s="8">
        <v>7.4563759604095097</v>
      </c>
      <c r="AT69" s="8">
        <v>7.8772350822578971</v>
      </c>
      <c r="AU69" s="8">
        <v>7.5253559208479803</v>
      </c>
      <c r="AV69" s="8">
        <v>7.6515449725426725</v>
      </c>
      <c r="AW69" s="8">
        <v>7.8103786370359147</v>
      </c>
      <c r="AX69" s="8">
        <v>7.8806969332622803</v>
      </c>
      <c r="AY69" s="8">
        <v>7.8186248774857621</v>
      </c>
      <c r="AZ69" s="8">
        <v>7.4342246664825407</v>
      </c>
      <c r="BA69" s="8">
        <v>6.8611437709827579</v>
      </c>
      <c r="BB69" s="8">
        <v>6.4526375921586165</v>
      </c>
      <c r="BC69" s="8">
        <v>7.5051236364890439</v>
      </c>
      <c r="BD69" s="8">
        <v>7.3737458328588215</v>
      </c>
      <c r="BF69" s="8">
        <v>8.0626609276227743</v>
      </c>
    </row>
    <row r="70" spans="3:58" x14ac:dyDescent="0.2">
      <c r="C70" s="5" t="s">
        <v>68</v>
      </c>
      <c r="D70" s="6" t="s">
        <v>58</v>
      </c>
      <c r="E70" s="8">
        <v>3.0007977348694563</v>
      </c>
      <c r="F70" s="8">
        <v>3.0859234752307594</v>
      </c>
      <c r="G70" s="8">
        <v>2.9873190825288525</v>
      </c>
      <c r="H70" s="8">
        <v>2.9971440970668768</v>
      </c>
      <c r="I70" s="8">
        <v>2.9373825911517413</v>
      </c>
      <c r="J70" s="8">
        <v>3.0960578980024631</v>
      </c>
      <c r="K70" s="8">
        <v>3.7675524364346633</v>
      </c>
      <c r="L70" s="8">
        <v>3.2739523801180863</v>
      </c>
      <c r="M70" s="8">
        <v>2.9057154156931464</v>
      </c>
      <c r="N70" s="8">
        <v>3.0406120580059901</v>
      </c>
      <c r="O70" s="8">
        <v>2.8990080065276147</v>
      </c>
      <c r="P70" s="8">
        <v>3.0192260273972602</v>
      </c>
      <c r="Q70" s="8">
        <v>3.0359751410480675</v>
      </c>
      <c r="R70" s="8">
        <v>2.9582706804856147</v>
      </c>
      <c r="S70" s="8">
        <v>3.1963175730192033</v>
      </c>
      <c r="T70" s="8">
        <v>3.3365598144864275</v>
      </c>
      <c r="U70" s="8">
        <v>3.4619169900710651</v>
      </c>
      <c r="V70" s="8">
        <v>3.4335175253059376</v>
      </c>
      <c r="W70" s="8">
        <v>3.1850263139551096</v>
      </c>
      <c r="X70" s="8">
        <v>3.0040529670947778</v>
      </c>
      <c r="Y70" s="8">
        <v>3.076248212807585</v>
      </c>
      <c r="Z70" s="8">
        <v>2.9409232455433418</v>
      </c>
      <c r="AA70" s="8">
        <v>2.8132680500926806</v>
      </c>
      <c r="AB70" s="8">
        <v>2.9134913618030165</v>
      </c>
      <c r="AC70" s="8">
        <v>2.8071690999209271</v>
      </c>
      <c r="AD70" s="8">
        <v>2.8285415040472195</v>
      </c>
      <c r="AE70" s="8">
        <v>2.6964698511793546</v>
      </c>
      <c r="AF70" s="8">
        <v>2.6847468575800635</v>
      </c>
      <c r="AG70" s="8">
        <v>3.1029106634233559</v>
      </c>
      <c r="AH70" s="8">
        <v>2.7625259141132252</v>
      </c>
      <c r="AI70" s="8">
        <v>2.7528785191249372</v>
      </c>
      <c r="AJ70" s="8">
        <v>2.7871263021042325</v>
      </c>
      <c r="AK70" s="8">
        <v>2.6247476015125746</v>
      </c>
      <c r="AL70" s="8">
        <v>2.7743056335796492</v>
      </c>
      <c r="AM70" s="8">
        <v>2.5929715256430996</v>
      </c>
      <c r="AN70" s="8">
        <v>2.7972719948436997</v>
      </c>
      <c r="AO70" s="8">
        <v>2.5656904086299588</v>
      </c>
      <c r="AP70" s="8">
        <v>2.6926104941282403</v>
      </c>
      <c r="AQ70" s="8">
        <v>2.77</v>
      </c>
      <c r="AR70" s="8">
        <v>2.78</v>
      </c>
      <c r="AS70" s="8">
        <v>2.7043677944665681</v>
      </c>
      <c r="AT70" s="8">
        <v>2.8644317064496554</v>
      </c>
      <c r="AU70" s="8">
        <v>2.9400587822611501</v>
      </c>
      <c r="AV70" s="8">
        <v>2.7471872905743679</v>
      </c>
      <c r="AW70" s="8">
        <v>2.7508917531674557</v>
      </c>
      <c r="AX70" s="8">
        <v>2.8515336100376887</v>
      </c>
      <c r="AY70" s="8">
        <v>2.8895107856273463</v>
      </c>
      <c r="AZ70" s="8">
        <v>2.6697365580693502</v>
      </c>
      <c r="BA70" s="8">
        <v>3.041445750017179</v>
      </c>
      <c r="BB70" s="8">
        <v>3.0040669772799742</v>
      </c>
      <c r="BC70" s="8">
        <v>2.7235750892190222</v>
      </c>
      <c r="BD70" s="8">
        <v>3.1488913099205336</v>
      </c>
      <c r="BF70" s="8">
        <v>3.2780886912989877</v>
      </c>
    </row>
    <row r="71" spans="3:58" x14ac:dyDescent="0.2">
      <c r="C71" s="5" t="s">
        <v>69</v>
      </c>
      <c r="D71" s="6" t="s">
        <v>58</v>
      </c>
      <c r="E71" s="8">
        <v>2.3777039645924116</v>
      </c>
      <c r="F71" s="8">
        <v>2.0285872926205628</v>
      </c>
      <c r="G71" s="8">
        <v>2.0791108193759218</v>
      </c>
      <c r="H71" s="8">
        <v>2.5376829173570834</v>
      </c>
      <c r="I71" s="8">
        <v>2.672466115263441</v>
      </c>
      <c r="J71" s="8">
        <v>3.2587585221097282</v>
      </c>
      <c r="K71" s="8">
        <v>3.1485009303636868</v>
      </c>
      <c r="L71" s="8">
        <v>2.1146175140826293</v>
      </c>
      <c r="M71" s="8">
        <v>2.0249669076948442</v>
      </c>
      <c r="N71" s="8">
        <v>1.97441893305822</v>
      </c>
      <c r="O71" s="8">
        <v>1.4294999967878503</v>
      </c>
      <c r="P71" s="8">
        <v>2.1173102755965316</v>
      </c>
      <c r="Q71" s="8">
        <v>2.1359123648255518</v>
      </c>
      <c r="R71" s="8">
        <v>2.0292867291145158</v>
      </c>
      <c r="S71" s="8">
        <v>2.0041983568290846</v>
      </c>
      <c r="T71" s="8">
        <v>2.1649969996742504</v>
      </c>
      <c r="U71" s="8">
        <v>1.4528129666836598</v>
      </c>
      <c r="V71" s="8">
        <v>1.3586297099082512</v>
      </c>
      <c r="W71" s="8">
        <v>1.3560979556680781</v>
      </c>
      <c r="X71" s="8">
        <v>1.3297522161335891</v>
      </c>
      <c r="Y71" s="8">
        <v>1.7331872418073655</v>
      </c>
      <c r="Z71" s="8">
        <v>1.4724017236644769</v>
      </c>
      <c r="AA71" s="8">
        <v>1.405447041174003</v>
      </c>
      <c r="AB71" s="8">
        <v>1.5695583137504379</v>
      </c>
      <c r="AC71" s="8">
        <v>1.5578906803936585</v>
      </c>
      <c r="AD71" s="8">
        <v>1.5382002974388669</v>
      </c>
      <c r="AE71" s="8">
        <v>1.9993246910292306</v>
      </c>
      <c r="AF71" s="8">
        <v>2.0836197005829358</v>
      </c>
      <c r="AG71" s="8">
        <v>2.5889323422881674</v>
      </c>
      <c r="AH71" s="8">
        <v>1.922928120874285</v>
      </c>
      <c r="AI71" s="8">
        <v>1.4480695736651346</v>
      </c>
      <c r="AJ71" s="8">
        <v>1.7418837628075581</v>
      </c>
      <c r="AK71" s="8">
        <v>2.2080413736036411</v>
      </c>
      <c r="AL71" s="8">
        <v>1.6994184053709849</v>
      </c>
      <c r="AM71" s="8">
        <v>1.7786517374517374</v>
      </c>
      <c r="AN71" s="8">
        <v>1.8693615044971383</v>
      </c>
      <c r="AO71" s="8">
        <v>1.5263108024950349</v>
      </c>
      <c r="AP71" s="8">
        <v>1.5205250420214955</v>
      </c>
      <c r="AQ71" s="8">
        <v>1.98</v>
      </c>
      <c r="AR71" s="8">
        <v>1.91</v>
      </c>
      <c r="AS71" s="8">
        <v>2.1943158083746321</v>
      </c>
      <c r="AT71" s="8">
        <v>1.7551059892768404</v>
      </c>
      <c r="AU71" s="8">
        <v>1.8189015206693224</v>
      </c>
      <c r="AV71" s="8">
        <v>1.9055859229219017</v>
      </c>
      <c r="AW71" s="8">
        <v>2.3111463411020399</v>
      </c>
      <c r="AX71" s="8">
        <v>2.4887252677787539</v>
      </c>
      <c r="AY71" s="8">
        <v>2.5885500443608622</v>
      </c>
      <c r="AZ71" s="8">
        <v>1.8182134645481658</v>
      </c>
      <c r="BA71" s="8">
        <v>2.1517730038661962</v>
      </c>
      <c r="BB71" s="8">
        <v>2.3925090465638994</v>
      </c>
      <c r="BC71" s="8">
        <v>2.732583032833555</v>
      </c>
      <c r="BD71" s="8">
        <v>2.6591085349598091</v>
      </c>
      <c r="BF71" s="8">
        <v>2.800350048583693</v>
      </c>
    </row>
    <row r="72" spans="3:58" x14ac:dyDescent="0.2">
      <c r="C72" s="5" t="s">
        <v>70</v>
      </c>
      <c r="D72" s="6" t="s">
        <v>58</v>
      </c>
      <c r="E72" s="8">
        <v>2.0559628186393892</v>
      </c>
      <c r="F72" s="8">
        <v>2.8881768578030642</v>
      </c>
      <c r="G72" s="8">
        <v>2.7718869376002813</v>
      </c>
      <c r="H72" s="8">
        <v>3.0463879713874649</v>
      </c>
      <c r="I72" s="8">
        <v>3.1915494530490709</v>
      </c>
      <c r="J72" s="8">
        <v>3.0472765859814155</v>
      </c>
      <c r="K72" s="8">
        <v>3.2268366803590443</v>
      </c>
      <c r="L72" s="8">
        <v>3.1931704767106184</v>
      </c>
      <c r="M72" s="8">
        <v>2.9317132082961197</v>
      </c>
      <c r="N72" s="8">
        <v>3.0046137600965426</v>
      </c>
      <c r="O72" s="8">
        <v>2.5336413920258125</v>
      </c>
      <c r="P72" s="8">
        <v>2.6307308853661162</v>
      </c>
      <c r="Q72" s="8">
        <v>2.192180972239743</v>
      </c>
      <c r="R72" s="8">
        <v>2.0079411105821734</v>
      </c>
      <c r="S72" s="8">
        <v>1.7176285918284082</v>
      </c>
      <c r="T72" s="8">
        <v>1.6560281093926958</v>
      </c>
      <c r="U72" s="8">
        <v>1.6831960534760524</v>
      </c>
      <c r="V72" s="8">
        <v>1.7206558075299767</v>
      </c>
      <c r="W72" s="8">
        <v>1.9637519930954788</v>
      </c>
      <c r="X72" s="8">
        <v>2.4080407237093113</v>
      </c>
      <c r="Y72" s="8">
        <v>2.5290633126164179</v>
      </c>
      <c r="Z72" s="8">
        <v>2.3165773514665706</v>
      </c>
      <c r="AA72" s="8">
        <v>2.3144155209596979</v>
      </c>
      <c r="AB72" s="8">
        <v>2.5070564060413028</v>
      </c>
      <c r="AC72" s="8">
        <v>2.4904363443781801</v>
      </c>
      <c r="AD72" s="8">
        <v>2.673556701030928</v>
      </c>
      <c r="AE72" s="8">
        <v>3.0116474636560469</v>
      </c>
      <c r="AF72" s="8">
        <v>2.9271923293852229</v>
      </c>
      <c r="AG72" s="8">
        <v>2.9993128875481814</v>
      </c>
      <c r="AH72" s="8">
        <v>2.6592279361615061</v>
      </c>
      <c r="AI72" s="8">
        <v>2.6509296723343545</v>
      </c>
      <c r="AJ72" s="8">
        <v>2.5008144110776747</v>
      </c>
      <c r="AK72" s="8">
        <v>2.2061737002150856</v>
      </c>
      <c r="AL72" s="8">
        <v>2.0654661042482676</v>
      </c>
      <c r="AM72" s="8">
        <v>2.1978409443926683</v>
      </c>
      <c r="AN72" s="8">
        <v>2.0849720345086502</v>
      </c>
      <c r="AO72" s="8">
        <v>2.139753744961598</v>
      </c>
      <c r="AP72" s="8">
        <v>2.2389472994518091</v>
      </c>
      <c r="AQ72" s="8">
        <v>2.2200000000000002</v>
      </c>
      <c r="AR72" s="8">
        <v>2.1</v>
      </c>
      <c r="AS72" s="8">
        <v>2.1444053021256271</v>
      </c>
      <c r="AT72" s="8">
        <v>2.1736961278660454</v>
      </c>
      <c r="AU72" s="8">
        <v>2.2326859430428665</v>
      </c>
      <c r="AV72" s="8">
        <v>2.1803401550454184</v>
      </c>
      <c r="AW72" s="8">
        <v>2.0252530062746157</v>
      </c>
      <c r="AX72" s="8">
        <v>2.019022240253753</v>
      </c>
      <c r="AY72" s="8">
        <v>2.2129724129525048</v>
      </c>
      <c r="AZ72" s="8">
        <v>2.2132718110618663</v>
      </c>
      <c r="BA72" s="8">
        <v>2.1463572610144217</v>
      </c>
      <c r="BB72" s="8">
        <v>2.2610811917359532</v>
      </c>
      <c r="BC72" s="8">
        <v>2.2053585436990848</v>
      </c>
      <c r="BD72" s="8">
        <v>2.1481435533894548</v>
      </c>
      <c r="BF72" s="8">
        <v>2.2402066032003241</v>
      </c>
    </row>
    <row r="73" spans="3:58" x14ac:dyDescent="0.2">
      <c r="C73" s="5" t="s">
        <v>101</v>
      </c>
      <c r="D73" s="6" t="s">
        <v>58</v>
      </c>
      <c r="E73" s="8">
        <v>6.0537425733794441</v>
      </c>
      <c r="F73" s="8">
        <v>6.1359947403024311</v>
      </c>
      <c r="G73" s="8">
        <v>6.4672105925684189</v>
      </c>
      <c r="H73" s="8">
        <v>6.4817793634613201</v>
      </c>
      <c r="I73" s="8">
        <v>6.3230406224737266</v>
      </c>
      <c r="J73" s="8">
        <v>6.320649680450332</v>
      </c>
      <c r="K73" s="8">
        <v>8.0402306365204748</v>
      </c>
      <c r="L73" s="8">
        <v>7.5862664382094671</v>
      </c>
      <c r="M73" s="8">
        <v>6.6476110663609891</v>
      </c>
      <c r="N73" s="8">
        <v>7.0714018531228557</v>
      </c>
      <c r="O73" s="8">
        <v>7.0320176577512337</v>
      </c>
      <c r="P73" s="8">
        <v>7.023826189963386</v>
      </c>
      <c r="Q73" s="8">
        <v>6.1846282454760031</v>
      </c>
      <c r="R73" s="8">
        <v>6.568162982808663</v>
      </c>
      <c r="S73" s="8">
        <v>7.7806450832072613</v>
      </c>
      <c r="T73" s="8">
        <v>8.726925910765452</v>
      </c>
      <c r="U73" s="8">
        <v>6.696547262489517</v>
      </c>
      <c r="V73" s="8">
        <v>5.2765367965367957</v>
      </c>
      <c r="W73" s="8">
        <v>5.7216652321401442</v>
      </c>
      <c r="X73" s="8">
        <v>5.8179694495654468</v>
      </c>
      <c r="Y73" s="8">
        <v>5.5052352022218374</v>
      </c>
      <c r="Z73" s="8">
        <v>5.4943713692510956</v>
      </c>
      <c r="AA73" s="8">
        <v>5.4093650764035299</v>
      </c>
      <c r="AB73" s="8">
        <v>6.1505560480475161</v>
      </c>
      <c r="AC73" s="8">
        <v>6.2514289587852492</v>
      </c>
      <c r="AD73" s="8">
        <v>5.1368406302253833</v>
      </c>
      <c r="AE73" s="8">
        <v>5.0456981188704404</v>
      </c>
      <c r="AF73" s="8">
        <v>5.585942120020392</v>
      </c>
      <c r="AG73" s="8">
        <v>4.9774576116454901</v>
      </c>
      <c r="AH73" s="8">
        <v>5.2102118430655064</v>
      </c>
      <c r="AI73" s="8">
        <v>4.8074462814045251</v>
      </c>
      <c r="AJ73" s="8">
        <v>4.7893819060378098</v>
      </c>
      <c r="AK73" s="8">
        <v>4.744300991639121</v>
      </c>
      <c r="AL73" s="8">
        <v>4.910761984259481</v>
      </c>
      <c r="AM73" s="8">
        <v>4.9268285795957638</v>
      </c>
      <c r="AN73" s="8">
        <v>5.2511505460218411</v>
      </c>
      <c r="AO73" s="8">
        <v>4.8711839593245818</v>
      </c>
      <c r="AP73" s="8">
        <v>4.8526601524113246</v>
      </c>
      <c r="AQ73" s="8">
        <v>4.74</v>
      </c>
      <c r="AR73" s="8">
        <v>4.96</v>
      </c>
      <c r="AS73" s="8">
        <v>5.4873748342175066</v>
      </c>
      <c r="AT73" s="8">
        <v>5.5478083197389889</v>
      </c>
      <c r="AU73" s="8">
        <v>5.4345278930962664</v>
      </c>
      <c r="AV73" s="8">
        <v>4.9941217065824492</v>
      </c>
      <c r="AW73" s="8">
        <v>4.8632028904651845</v>
      </c>
      <c r="AX73" s="8">
        <v>4.995280734859544</v>
      </c>
      <c r="AY73" s="8">
        <v>5.0819973195962644</v>
      </c>
      <c r="AZ73" s="8">
        <v>5.2110132903876494</v>
      </c>
      <c r="BA73" s="8">
        <v>5.5952123424021227</v>
      </c>
      <c r="BB73" s="8">
        <v>4.9749781233841137</v>
      </c>
      <c r="BC73" s="8">
        <v>5.1967978714650132</v>
      </c>
      <c r="BD73" s="8">
        <v>5.5849739985142008</v>
      </c>
      <c r="BF73" s="8">
        <v>5.3026628548090669</v>
      </c>
    </row>
    <row r="74" spans="3:58" x14ac:dyDescent="0.2">
      <c r="C74" s="5" t="s">
        <v>71</v>
      </c>
      <c r="D74" s="6" t="s">
        <v>58</v>
      </c>
      <c r="E74" s="8">
        <v>3.1329827037415168</v>
      </c>
      <c r="F74" s="8">
        <v>3.2004687856436767</v>
      </c>
      <c r="G74" s="8">
        <v>3.1196334305817741</v>
      </c>
      <c r="H74" s="8">
        <v>3.1573539793723455</v>
      </c>
      <c r="I74" s="8">
        <v>3.2041858096639131</v>
      </c>
      <c r="J74" s="8">
        <v>3.1712161972029151</v>
      </c>
      <c r="K74" s="8">
        <v>3.1832745926106085</v>
      </c>
      <c r="L74" s="8">
        <v>3.1918121712075003</v>
      </c>
      <c r="M74" s="8">
        <v>3.3012469215008591</v>
      </c>
      <c r="N74" s="8">
        <v>3.2364117017893794</v>
      </c>
      <c r="O74" s="8">
        <v>3.258405979882494</v>
      </c>
      <c r="P74" s="8">
        <v>3.2622527136523467</v>
      </c>
      <c r="Q74" s="8">
        <v>3.3149960525704731</v>
      </c>
      <c r="R74" s="8">
        <v>3.2902360980904919</v>
      </c>
      <c r="S74" s="8">
        <v>3.2940430670154961</v>
      </c>
      <c r="T74" s="8">
        <v>3.3324568850139573</v>
      </c>
      <c r="U74" s="8">
        <v>3.2821886700557061</v>
      </c>
      <c r="V74" s="8">
        <v>3.2943310529177232</v>
      </c>
      <c r="W74" s="8">
        <v>3.3002582309209529</v>
      </c>
      <c r="X74" s="8">
        <v>3.2601171196767371</v>
      </c>
      <c r="Y74" s="8">
        <v>3.2719738890124201</v>
      </c>
      <c r="Z74" s="8">
        <v>3.2910131482499541</v>
      </c>
      <c r="AA74" s="8">
        <v>3.272060771594401</v>
      </c>
      <c r="AB74" s="8">
        <v>3.2347675946947065</v>
      </c>
      <c r="AC74" s="8">
        <v>3.2678797642652566</v>
      </c>
      <c r="AD74" s="8">
        <v>3.2911056037201929</v>
      </c>
      <c r="AE74" s="8">
        <v>3.296659297294728</v>
      </c>
      <c r="AF74" s="8">
        <v>3.2941102322389568</v>
      </c>
      <c r="AG74" s="8">
        <v>3.274097717881292</v>
      </c>
      <c r="AH74" s="8">
        <v>3.2242628028212206</v>
      </c>
      <c r="AI74" s="8">
        <v>3.2089227613014684</v>
      </c>
      <c r="AJ74" s="8">
        <v>3.2092545624371316</v>
      </c>
      <c r="AK74" s="8">
        <v>3.2426654143185139</v>
      </c>
      <c r="AL74" s="8">
        <v>3.2528898012503502</v>
      </c>
      <c r="AM74" s="8">
        <v>3.1668194275870163</v>
      </c>
      <c r="AN74" s="8">
        <v>3.0153410901545188</v>
      </c>
      <c r="AO74" s="8">
        <v>3.017013374559574</v>
      </c>
      <c r="AP74" s="8">
        <v>3.0547119261670796</v>
      </c>
      <c r="AQ74" s="8">
        <v>3.09</v>
      </c>
      <c r="AR74" s="8">
        <v>3.08</v>
      </c>
      <c r="AS74" s="8">
        <v>3.1377673120530267</v>
      </c>
      <c r="AT74" s="8">
        <v>3.124534978648581</v>
      </c>
      <c r="AU74" s="8">
        <v>3.18187393785669</v>
      </c>
      <c r="AV74" s="8">
        <v>3.1700887358774188</v>
      </c>
      <c r="AW74" s="8">
        <v>3.1202634669236096</v>
      </c>
      <c r="AX74" s="8">
        <v>3.1336300578034684</v>
      </c>
      <c r="AY74" s="8">
        <v>3.1786097066567254</v>
      </c>
      <c r="AZ74" s="8">
        <v>3.2054562768132793</v>
      </c>
      <c r="BA74" s="8">
        <v>3.2776314737974488</v>
      </c>
      <c r="BB74" s="8">
        <v>3.1957338634323302</v>
      </c>
      <c r="BC74" s="8">
        <v>3.2296342836668885</v>
      </c>
      <c r="BD74" s="8">
        <v>3.214574244546728</v>
      </c>
      <c r="BF74" s="8">
        <v>3.2146190236537491</v>
      </c>
    </row>
    <row r="75" spans="3:58" x14ac:dyDescent="0.2">
      <c r="C75" s="5" t="s">
        <v>102</v>
      </c>
      <c r="D75" s="6" t="s">
        <v>58</v>
      </c>
      <c r="E75" s="8">
        <v>5.1243083406473398</v>
      </c>
      <c r="F75" s="8">
        <v>5.0892172065120622</v>
      </c>
      <c r="G75" s="8">
        <v>5.0344296886857309</v>
      </c>
      <c r="H75" s="8">
        <v>5.384874112018557</v>
      </c>
      <c r="I75" s="8">
        <v>5.5788778685463845</v>
      </c>
      <c r="J75" s="8">
        <v>5.7913637502328479</v>
      </c>
      <c r="K75" s="8">
        <v>5.932362711636169</v>
      </c>
      <c r="L75" s="8">
        <v>6.0848664304594795</v>
      </c>
      <c r="M75" s="8">
        <v>6.1420595238095235</v>
      </c>
      <c r="N75" s="8">
        <v>6.1607755608558277</v>
      </c>
      <c r="O75" s="8">
        <v>5.9880459898994145</v>
      </c>
      <c r="P75" s="8">
        <v>6.1378350721591346</v>
      </c>
      <c r="Q75" s="8">
        <v>6.2803493618809583</v>
      </c>
      <c r="R75" s="8">
        <v>6.2560083490210383</v>
      </c>
      <c r="S75" s="8">
        <v>6.2802809775397073</v>
      </c>
      <c r="T75" s="8">
        <v>6.3145825632784254</v>
      </c>
      <c r="U75" s="8">
        <v>6.2804350197205041</v>
      </c>
      <c r="V75" s="8">
        <v>6.2928392752049058</v>
      </c>
      <c r="W75" s="8">
        <v>6.2586136000628425</v>
      </c>
      <c r="X75" s="8">
        <v>6.2657570698973597</v>
      </c>
      <c r="Y75" s="8">
        <v>6.102058465901365</v>
      </c>
      <c r="Z75" s="8">
        <v>6.3712363682171009</v>
      </c>
      <c r="AA75" s="8">
        <v>6.1582344676865439</v>
      </c>
      <c r="AB75" s="8">
        <v>6.195368934944228</v>
      </c>
      <c r="AC75" s="8">
        <v>6.1038002861949847</v>
      </c>
      <c r="AD75" s="8">
        <v>6.1261600156636389</v>
      </c>
      <c r="AE75" s="8">
        <v>5.9811086260579751</v>
      </c>
      <c r="AF75" s="8">
        <v>5.8610874536211712</v>
      </c>
      <c r="AG75" s="8">
        <v>6.0082997572323329</v>
      </c>
      <c r="AH75" s="8">
        <v>5.8084278555337363</v>
      </c>
      <c r="AI75" s="8">
        <v>5.813720642091182</v>
      </c>
      <c r="AJ75" s="8">
        <v>5.8826640632797682</v>
      </c>
      <c r="AK75" s="8">
        <v>5.9168237803354922</v>
      </c>
      <c r="AL75" s="8">
        <v>5.9078954484587687</v>
      </c>
      <c r="AM75" s="8">
        <v>6.0553899327486711</v>
      </c>
      <c r="AN75" s="8">
        <v>5.7781842688283573</v>
      </c>
      <c r="AO75" s="8">
        <v>5.9668621693276034</v>
      </c>
      <c r="AP75" s="8">
        <v>5.7382695496040901</v>
      </c>
      <c r="AQ75" s="8">
        <v>5.92</v>
      </c>
      <c r="AR75" s="8">
        <v>5.99</v>
      </c>
      <c r="AS75" s="8">
        <v>5.9130168350168359</v>
      </c>
      <c r="AT75" s="8">
        <v>5.8784281456077148</v>
      </c>
      <c r="AU75" s="8">
        <v>6.2956142335292693</v>
      </c>
      <c r="AV75" s="8">
        <v>5.8342224659126947</v>
      </c>
      <c r="AW75" s="8">
        <v>5.5772005177124777</v>
      </c>
      <c r="AX75" s="8">
        <v>5.618049993849854</v>
      </c>
      <c r="AY75" s="8">
        <v>5.4891405760438188</v>
      </c>
      <c r="AZ75" s="8">
        <v>5.7215141476961815</v>
      </c>
      <c r="BA75" s="8">
        <v>5.6820415097126817</v>
      </c>
      <c r="BB75" s="8">
        <v>5.5460592128397712</v>
      </c>
      <c r="BC75" s="8">
        <v>5.2849398126562956</v>
      </c>
      <c r="BD75" s="8">
        <v>5.6579619040769105</v>
      </c>
      <c r="BF75" s="8">
        <v>5.645288195505489</v>
      </c>
    </row>
    <row r="76" spans="3:58" x14ac:dyDescent="0.2">
      <c r="C76" s="5" t="s">
        <v>72</v>
      </c>
      <c r="D76" s="6" t="s">
        <v>58</v>
      </c>
      <c r="E76" s="8">
        <v>6.8723309037424407</v>
      </c>
      <c r="F76" s="8">
        <v>7.3289540827844304</v>
      </c>
      <c r="G76" s="8">
        <v>7.1946678540646252</v>
      </c>
      <c r="H76" s="8">
        <v>6.7441788832522782</v>
      </c>
      <c r="I76" s="8">
        <v>6.6434881367740664</v>
      </c>
      <c r="J76" s="8">
        <v>6.9385441230731635</v>
      </c>
      <c r="K76" s="8">
        <v>6.8492110154980068</v>
      </c>
      <c r="L76" s="8">
        <v>7.0297994466956597</v>
      </c>
      <c r="M76" s="8">
        <v>7.0652836821827805</v>
      </c>
      <c r="N76" s="8">
        <v>6.7633216235731259</v>
      </c>
      <c r="O76" s="8">
        <v>6.4037445165061859</v>
      </c>
      <c r="P76" s="8">
        <v>6.1730787955206026</v>
      </c>
      <c r="Q76" s="8">
        <v>6.1272475672494453</v>
      </c>
      <c r="R76" s="8">
        <v>6.2055942793326881</v>
      </c>
      <c r="S76" s="8">
        <v>6.2483083445119147</v>
      </c>
      <c r="T76" s="8">
        <v>6.3823650051017271</v>
      </c>
      <c r="U76" s="8">
        <v>6.5665888368278251</v>
      </c>
      <c r="V76" s="8">
        <v>6.6386190266678939</v>
      </c>
      <c r="W76" s="8">
        <v>6.3671847147717555</v>
      </c>
      <c r="X76" s="8">
        <v>5.9253488562761332</v>
      </c>
      <c r="Y76" s="8">
        <v>5.6080228522433808</v>
      </c>
      <c r="Z76" s="8">
        <v>5.3595340742212043</v>
      </c>
      <c r="AA76" s="8">
        <v>5.227605386159504</v>
      </c>
      <c r="AB76" s="8">
        <v>5.1501976925717194</v>
      </c>
      <c r="AC76" s="8">
        <v>4.9734528033105656</v>
      </c>
      <c r="AD76" s="8">
        <v>4.7766931446232457</v>
      </c>
      <c r="AE76" s="8">
        <v>4.724222320812383</v>
      </c>
      <c r="AF76" s="8">
        <v>5.1423995989286997</v>
      </c>
      <c r="AG76" s="8">
        <v>5.7372198018514364</v>
      </c>
      <c r="AH76" s="8">
        <v>5.7167930230603794</v>
      </c>
      <c r="AI76" s="8">
        <v>5.9291458240451771</v>
      </c>
      <c r="AJ76" s="8">
        <v>5.7469182666164729</v>
      </c>
      <c r="AK76" s="8">
        <v>6.0285305189302116</v>
      </c>
      <c r="AL76" s="8">
        <v>5.7295785513414899</v>
      </c>
      <c r="AM76" s="8">
        <v>5.4331061766403694</v>
      </c>
      <c r="AN76" s="8">
        <v>5.4058202497937788</v>
      </c>
      <c r="AO76" s="8">
        <v>5.4538907040937534</v>
      </c>
      <c r="AP76" s="8">
        <v>5.5289296336770084</v>
      </c>
      <c r="AQ76" s="8">
        <v>5</v>
      </c>
      <c r="AR76" s="8">
        <v>4.95</v>
      </c>
      <c r="AS76" s="8">
        <v>4.968488259082636</v>
      </c>
      <c r="AT76" s="8">
        <v>4.8703570205198226</v>
      </c>
      <c r="AU76" s="8">
        <v>4.7718487543558545</v>
      </c>
      <c r="AV76" s="8">
        <v>4.8634550257292908</v>
      </c>
      <c r="AW76" s="8">
        <v>4.8718528594879507</v>
      </c>
      <c r="AX76" s="8">
        <v>4.9569547701529721</v>
      </c>
      <c r="AY76" s="8">
        <v>5.0027300714702907</v>
      </c>
      <c r="AZ76" s="8">
        <v>5.1931653548783956</v>
      </c>
      <c r="BA76" s="8">
        <v>5.68136080263697</v>
      </c>
      <c r="BB76" s="8">
        <v>6.2211335012594464</v>
      </c>
      <c r="BC76" s="8">
        <v>6.1528703663336133</v>
      </c>
      <c r="BD76" s="8">
        <v>5.7409302893632628</v>
      </c>
      <c r="BF76" s="8">
        <v>5.7046628795968051</v>
      </c>
    </row>
    <row r="77" spans="3:58" x14ac:dyDescent="0.2">
      <c r="C77" s="5" t="s">
        <v>73</v>
      </c>
      <c r="D77" s="6" t="s">
        <v>58</v>
      </c>
      <c r="E77" s="8">
        <v>3.8239172605143654</v>
      </c>
      <c r="F77" s="8">
        <v>3.0872598968183516</v>
      </c>
      <c r="G77" s="8">
        <v>2.5766629929439189</v>
      </c>
      <c r="H77" s="8">
        <v>2.9316705709304856</v>
      </c>
      <c r="I77" s="8">
        <v>3.066611984157404</v>
      </c>
      <c r="J77" s="8">
        <v>2.9725461979685899</v>
      </c>
      <c r="K77" s="8">
        <v>5.4981083276557836</v>
      </c>
      <c r="L77" s="8">
        <v>4.723168005505654</v>
      </c>
      <c r="M77" s="8">
        <v>4.7471142071346835</v>
      </c>
      <c r="N77" s="8">
        <v>4.8825505312634867</v>
      </c>
      <c r="O77" s="8">
        <v>4.184658858982262</v>
      </c>
      <c r="P77" s="8">
        <v>4.1980319304185407</v>
      </c>
      <c r="Q77" s="8">
        <v>4.1446472145339159</v>
      </c>
      <c r="R77" s="8">
        <v>4.6938986529493523</v>
      </c>
      <c r="S77" s="8">
        <v>4.787838591360809</v>
      </c>
      <c r="T77" s="8">
        <v>4.5502560888252148</v>
      </c>
      <c r="U77" s="8">
        <v>5.3216034755134274</v>
      </c>
      <c r="V77" s="8">
        <v>4.8569940049229103</v>
      </c>
      <c r="W77" s="8">
        <v>5.3817330673711083</v>
      </c>
      <c r="X77" s="8">
        <v>5.5110028860028857</v>
      </c>
      <c r="Y77" s="8">
        <v>5.4432832173528523</v>
      </c>
      <c r="Z77" s="8">
        <v>5.3772805400815917</v>
      </c>
      <c r="AA77" s="8">
        <v>5.3987292718096604</v>
      </c>
      <c r="AB77" s="8">
        <v>5.1024234563265853</v>
      </c>
      <c r="AC77" s="8">
        <v>4.3788892190152806</v>
      </c>
      <c r="AD77" s="8">
        <v>4.667840482203875</v>
      </c>
      <c r="AE77" s="8">
        <v>4.4575968671860471</v>
      </c>
      <c r="AF77" s="8">
        <v>4.5918403010033453</v>
      </c>
      <c r="AG77" s="8">
        <v>3.9543740531949236</v>
      </c>
      <c r="AH77" s="8">
        <v>4.4519117276871878</v>
      </c>
      <c r="AI77" s="8">
        <v>4.3742783408000232</v>
      </c>
      <c r="AJ77" s="8">
        <v>4.5029367180315987</v>
      </c>
      <c r="AK77" s="8">
        <v>4.7767693643443492</v>
      </c>
      <c r="AL77" s="8">
        <v>4.633504221537442</v>
      </c>
      <c r="AM77" s="8">
        <v>4.5059133321884479</v>
      </c>
      <c r="AN77" s="8">
        <v>5.474395410120418</v>
      </c>
      <c r="AO77" s="8">
        <v>5.2759763485040034</v>
      </c>
      <c r="AP77" s="8">
        <v>5.1455349628712863</v>
      </c>
      <c r="AQ77" s="8">
        <v>5.41</v>
      </c>
      <c r="AR77" s="8">
        <v>4.9400000000000004</v>
      </c>
      <c r="AS77" s="8">
        <v>4.4108368952487149</v>
      </c>
      <c r="AT77" s="8">
        <v>4.1788547370664961</v>
      </c>
      <c r="AU77" s="8">
        <v>3.876115476760901</v>
      </c>
      <c r="AV77" s="8">
        <v>3.5677457330801063</v>
      </c>
      <c r="AW77" s="8">
        <v>3.573479366490143</v>
      </c>
      <c r="AX77" s="8">
        <v>3.7934446542231468</v>
      </c>
      <c r="AY77" s="8">
        <v>3.5593552936788244</v>
      </c>
      <c r="AZ77" s="8">
        <v>3.5308564646156011</v>
      </c>
      <c r="BA77" s="8">
        <v>3.5410212890788699</v>
      </c>
      <c r="BB77" s="8">
        <v>3.6005645284616925</v>
      </c>
      <c r="BC77" s="8">
        <v>3.4404890830781487</v>
      </c>
      <c r="BD77" s="8">
        <v>4.3236890739236395</v>
      </c>
      <c r="BF77" s="8">
        <v>4.1386867758832588</v>
      </c>
    </row>
    <row r="78" spans="3:58" x14ac:dyDescent="0.2">
      <c r="C78" s="5" t="s">
        <v>74</v>
      </c>
      <c r="D78" s="6" t="s">
        <v>58</v>
      </c>
      <c r="E78" s="8">
        <v>1.6381230135892531</v>
      </c>
      <c r="F78" s="8">
        <v>1.5762474075180541</v>
      </c>
      <c r="G78" s="8">
        <v>1.5902280350269007</v>
      </c>
      <c r="H78" s="8">
        <v>1.5823680345718194</v>
      </c>
      <c r="I78" s="8">
        <v>1.692362320360852</v>
      </c>
      <c r="J78" s="8">
        <v>1.6934781689619818</v>
      </c>
      <c r="K78" s="8">
        <v>1.5967185924557248</v>
      </c>
      <c r="L78" s="8">
        <v>1.6200025759254011</v>
      </c>
      <c r="M78" s="8">
        <v>1.6113208147676639</v>
      </c>
      <c r="N78" s="8">
        <v>1.5991392446769077</v>
      </c>
      <c r="O78" s="8">
        <v>1.5953391832602093</v>
      </c>
      <c r="P78" s="8">
        <v>1.5812580986033347</v>
      </c>
      <c r="Q78" s="8">
        <v>1.589240147361644</v>
      </c>
      <c r="R78" s="8">
        <v>1.6079385760371545</v>
      </c>
      <c r="S78" s="8">
        <v>1.5972094358487017</v>
      </c>
      <c r="T78" s="8">
        <v>1.5626698698610042</v>
      </c>
      <c r="U78" s="8">
        <v>1.5675135301718777</v>
      </c>
      <c r="V78" s="8">
        <v>1.5864948328009871</v>
      </c>
      <c r="W78" s="8">
        <v>1.5987717090616387</v>
      </c>
      <c r="X78" s="8">
        <v>1.5830538316624834</v>
      </c>
      <c r="Y78" s="8">
        <v>1.5708285874044776</v>
      </c>
      <c r="Z78" s="8">
        <v>1.5936785678163243</v>
      </c>
      <c r="AA78" s="8">
        <v>1.5767578206356483</v>
      </c>
      <c r="AB78" s="8">
        <v>1.5917696859165003</v>
      </c>
      <c r="AC78" s="8">
        <v>1.5509293559498278</v>
      </c>
      <c r="AD78" s="8">
        <v>1.5851187081989926</v>
      </c>
      <c r="AE78" s="8">
        <v>1.5302024584955121</v>
      </c>
      <c r="AF78" s="8">
        <v>1.5133384332600219</v>
      </c>
      <c r="AG78" s="8">
        <v>1.5127251863382085</v>
      </c>
      <c r="AH78" s="8">
        <v>1.5260584376863446</v>
      </c>
      <c r="AI78" s="8">
        <v>1.5425897947960985</v>
      </c>
      <c r="AJ78" s="8">
        <v>1.5192846893221572</v>
      </c>
      <c r="AK78" s="8">
        <v>1.5183810640587034</v>
      </c>
      <c r="AL78" s="8">
        <v>1.5428030046694188</v>
      </c>
      <c r="AM78" s="8">
        <v>1.5320739282858724</v>
      </c>
      <c r="AN78" s="8">
        <v>1.5609836536466783</v>
      </c>
      <c r="AO78" s="8">
        <v>1.5603223293142057</v>
      </c>
      <c r="AP78" s="8">
        <v>1.5651948365303414</v>
      </c>
      <c r="AQ78" s="8">
        <v>1.54</v>
      </c>
      <c r="AR78" s="8">
        <v>1.56</v>
      </c>
      <c r="AS78" s="8">
        <v>1.5913697788697789</v>
      </c>
      <c r="AT78" s="8">
        <v>1.5967766813985034</v>
      </c>
      <c r="AU78" s="8">
        <v>1.6413491412390504</v>
      </c>
      <c r="AV78" s="8">
        <v>1.5991132266689669</v>
      </c>
      <c r="AW78" s="8">
        <v>1.6139962084412072</v>
      </c>
      <c r="AX78" s="8">
        <v>1.6154447167053563</v>
      </c>
      <c r="AY78" s="8">
        <v>1.6089435460126715</v>
      </c>
      <c r="AZ78" s="8">
        <v>1.6139328512035773</v>
      </c>
      <c r="BA78" s="8">
        <v>1.6037541757251179</v>
      </c>
      <c r="BB78" s="8">
        <v>1.6285305736382354</v>
      </c>
      <c r="BC78" s="8">
        <v>1.6236965702955299</v>
      </c>
      <c r="BD78" s="8">
        <v>1.6994150625620044</v>
      </c>
      <c r="BF78" s="8">
        <v>1.6659380803953552</v>
      </c>
    </row>
    <row r="79" spans="3:58" x14ac:dyDescent="0.2">
      <c r="C79" s="16" t="s">
        <v>78</v>
      </c>
      <c r="D79" s="6" t="s">
        <v>58</v>
      </c>
      <c r="E79" s="8">
        <v>0.39319176152809415</v>
      </c>
      <c r="F79" s="8">
        <v>0.40506665714640533</v>
      </c>
      <c r="G79" s="8">
        <v>0.41501604776475753</v>
      </c>
      <c r="H79" s="8">
        <v>0.4191836549194326</v>
      </c>
      <c r="I79" s="8">
        <v>0.39739184656690152</v>
      </c>
      <c r="J79" s="8">
        <v>0.35405618827754265</v>
      </c>
      <c r="K79" s="8">
        <v>0.36613378285602294</v>
      </c>
      <c r="L79" s="8">
        <v>0.36121843038339702</v>
      </c>
      <c r="M79" s="8">
        <v>0.33357495441237534</v>
      </c>
      <c r="N79" s="8">
        <v>0.33526541100133472</v>
      </c>
      <c r="O79" s="8">
        <v>0.32882183323895353</v>
      </c>
      <c r="P79" s="8">
        <v>0.36283113047054644</v>
      </c>
      <c r="Q79" s="8">
        <v>0.36190934089156507</v>
      </c>
      <c r="R79" s="8">
        <v>0.36187628643508091</v>
      </c>
      <c r="S79" s="8">
        <v>0.35223474666155358</v>
      </c>
      <c r="T79" s="8">
        <v>0.36078519054656649</v>
      </c>
      <c r="U79" s="8">
        <v>0.35024131942306036</v>
      </c>
      <c r="V79" s="8">
        <v>0.33406837117927446</v>
      </c>
      <c r="W79" s="8">
        <v>0.30808107121404493</v>
      </c>
      <c r="X79" s="8">
        <v>0.30170739601015278</v>
      </c>
      <c r="Y79" s="8">
        <v>0.28099309411727685</v>
      </c>
      <c r="Z79" s="8">
        <v>0.2615772270596568</v>
      </c>
      <c r="AA79" s="39">
        <v>0.25957805518043031</v>
      </c>
      <c r="AB79" s="8">
        <v>0.25282957463193784</v>
      </c>
      <c r="AC79" s="8">
        <v>0.25958489341759738</v>
      </c>
      <c r="AD79" s="8">
        <v>0.2753187185568744</v>
      </c>
      <c r="AE79" s="8">
        <v>0.31046174700103124</v>
      </c>
      <c r="AF79" s="8">
        <v>0.30137481820569556</v>
      </c>
      <c r="AG79" s="8">
        <v>0.29001860052425094</v>
      </c>
      <c r="AH79" s="8">
        <v>0.27146651881652106</v>
      </c>
      <c r="AI79" s="8">
        <v>0.2613256290747375</v>
      </c>
      <c r="AJ79" s="8">
        <v>0.25649729179459407</v>
      </c>
      <c r="AK79" s="8">
        <v>0.24624285484542244</v>
      </c>
      <c r="AL79" s="8">
        <v>0.24343857601542543</v>
      </c>
      <c r="AM79" s="8">
        <v>0.25255698125253428</v>
      </c>
      <c r="AN79" s="8">
        <v>0.22823331783075157</v>
      </c>
      <c r="AO79" s="8">
        <v>0.23519719013982407</v>
      </c>
      <c r="AP79" s="8">
        <v>0.25108008670581933</v>
      </c>
      <c r="AQ79" s="8">
        <v>0.25</v>
      </c>
      <c r="AR79" s="8">
        <v>0.23</v>
      </c>
      <c r="AS79" s="8">
        <v>0.22453994425556822</v>
      </c>
      <c r="AT79" s="8">
        <v>0.21421250233635858</v>
      </c>
      <c r="AU79" s="8">
        <v>0.21605275421137163</v>
      </c>
      <c r="AV79" s="8">
        <v>0.22165593140489126</v>
      </c>
      <c r="AW79" s="8">
        <v>0.21144855045597016</v>
      </c>
      <c r="AX79" s="8">
        <v>0.23804433419622051</v>
      </c>
      <c r="AY79" s="8">
        <v>0.21460654825520747</v>
      </c>
      <c r="AZ79" s="8">
        <v>0.23130228841164119</v>
      </c>
      <c r="BA79" s="8">
        <v>0.22950442506476554</v>
      </c>
      <c r="BB79" s="8">
        <v>0.21964887611267914</v>
      </c>
      <c r="BC79" s="8">
        <v>0.22812178975179537</v>
      </c>
      <c r="BD79" s="8">
        <v>0.22304004668001501</v>
      </c>
      <c r="BF79" s="8">
        <v>0.22686108079169964</v>
      </c>
    </row>
    <row r="80" spans="3:58" x14ac:dyDescent="0.2">
      <c r="C80" s="16" t="s">
        <v>79</v>
      </c>
      <c r="D80" s="6" t="s">
        <v>58</v>
      </c>
      <c r="E80" s="8">
        <v>0.7345794824399261</v>
      </c>
      <c r="F80" s="8">
        <v>0.74670616779038146</v>
      </c>
      <c r="G80" s="8">
        <v>0.73639129073160303</v>
      </c>
      <c r="H80" s="8">
        <v>0.72726568826910543</v>
      </c>
      <c r="I80" s="8">
        <v>0.73247379421731007</v>
      </c>
      <c r="J80" s="8">
        <v>0.71316932344135286</v>
      </c>
      <c r="K80" s="8">
        <v>0.66250897624028227</v>
      </c>
      <c r="L80" s="8">
        <v>0.64035329563051235</v>
      </c>
      <c r="M80" s="8">
        <v>0.56622344306824657</v>
      </c>
      <c r="N80" s="8">
        <v>0.62607237219074297</v>
      </c>
      <c r="O80" s="8">
        <v>0.52480471749334168</v>
      </c>
      <c r="P80" s="8">
        <v>0.48392572773972603</v>
      </c>
      <c r="Q80" s="8">
        <v>0.44770187826224028</v>
      </c>
      <c r="R80" s="8">
        <v>0.48358142751532213</v>
      </c>
      <c r="S80" s="8">
        <v>0.49056248632857974</v>
      </c>
      <c r="T80" s="8">
        <v>0.51034070739687365</v>
      </c>
      <c r="U80" s="8">
        <v>0.51188915991608197</v>
      </c>
      <c r="V80" s="8">
        <v>0.51</v>
      </c>
      <c r="W80" s="8">
        <v>0.48475777417016613</v>
      </c>
      <c r="X80" s="8">
        <v>0.44607627364267882</v>
      </c>
      <c r="Y80" s="8">
        <v>0.50931777869906958</v>
      </c>
      <c r="Z80" s="8">
        <v>0.5781411014443788</v>
      </c>
      <c r="AA80" s="39">
        <v>0.61169892192453135</v>
      </c>
      <c r="AB80" s="8">
        <v>0.60829895592691496</v>
      </c>
      <c r="AC80" s="8">
        <v>0.64487146955467778</v>
      </c>
      <c r="AD80" s="8">
        <v>0.62954859675036934</v>
      </c>
      <c r="AE80" s="8">
        <v>0.63228417858221841</v>
      </c>
      <c r="AF80" s="8">
        <v>0.57986329211100007</v>
      </c>
      <c r="AG80" s="8">
        <v>0.56244158486102891</v>
      </c>
      <c r="AH80" s="8">
        <v>0.54228164940094992</v>
      </c>
      <c r="AI80" s="8">
        <v>0.5880404581187314</v>
      </c>
      <c r="AJ80" s="8">
        <v>0.5707806823039111</v>
      </c>
      <c r="AK80" s="8">
        <v>0.52150556083482913</v>
      </c>
      <c r="AL80" s="8">
        <v>0.6525540367970486</v>
      </c>
      <c r="AM80" s="8">
        <v>0.50679725519028118</v>
      </c>
      <c r="AN80" s="8">
        <v>0.50917411451209726</v>
      </c>
      <c r="AO80" s="8">
        <v>0.52910420409413994</v>
      </c>
      <c r="AP80" s="8">
        <v>0.54445450612833457</v>
      </c>
      <c r="AQ80" s="8">
        <v>0.55000000000000004</v>
      </c>
      <c r="AR80" s="8">
        <v>0.56000000000000005</v>
      </c>
      <c r="AS80" s="8">
        <v>0.55587287487354109</v>
      </c>
      <c r="AT80" s="8">
        <v>0.5383886217262378</v>
      </c>
      <c r="AU80" s="8">
        <v>0.54</v>
      </c>
      <c r="AV80" s="8">
        <v>0.61340348879286488</v>
      </c>
      <c r="AW80" s="8">
        <v>0.52115537923372568</v>
      </c>
      <c r="AX80" s="8">
        <v>0.50602830415365119</v>
      </c>
      <c r="AY80" s="8">
        <v>0.52313613119723734</v>
      </c>
      <c r="AZ80" s="8">
        <v>0.51355932950064986</v>
      </c>
      <c r="BA80" s="8">
        <v>0.52858980682698986</v>
      </c>
      <c r="BB80" s="8">
        <v>0.53958768981575211</v>
      </c>
      <c r="BC80" s="8">
        <v>0.54452996805053411</v>
      </c>
      <c r="BD80" s="8">
        <v>0.56579783650484938</v>
      </c>
      <c r="BF80" s="8">
        <v>0.60498249157270723</v>
      </c>
    </row>
    <row r="81" spans="3:58" x14ac:dyDescent="0.2">
      <c r="C81" s="16" t="s">
        <v>80</v>
      </c>
      <c r="D81" s="6" t="s">
        <v>58</v>
      </c>
      <c r="E81" s="8">
        <v>0.87942359954625549</v>
      </c>
      <c r="F81" s="8">
        <v>1.0406469363869715</v>
      </c>
      <c r="G81" s="8">
        <v>1.185523679621808</v>
      </c>
      <c r="H81" s="8">
        <v>1.1905827116252428</v>
      </c>
      <c r="I81" s="8">
        <v>1.049946353255071</v>
      </c>
      <c r="J81" s="8">
        <v>0.77072512838524276</v>
      </c>
      <c r="K81" s="8">
        <v>0.64100996540986976</v>
      </c>
      <c r="L81" s="8">
        <v>0.53543476657466016</v>
      </c>
      <c r="M81" s="8">
        <v>0.55202855931795491</v>
      </c>
      <c r="N81" s="8">
        <v>0.56000000000000005</v>
      </c>
      <c r="O81" s="8">
        <v>0.5229786465149896</v>
      </c>
      <c r="P81" s="8">
        <v>0.52858418216419811</v>
      </c>
      <c r="Q81" s="8">
        <v>0.43482078715089995</v>
      </c>
      <c r="R81" s="8">
        <v>0.52154684978155097</v>
      </c>
      <c r="S81" s="8">
        <v>0.45154104974446069</v>
      </c>
      <c r="T81" s="8">
        <v>0.49784325943416852</v>
      </c>
      <c r="U81" s="8">
        <v>0.52329844048984764</v>
      </c>
      <c r="V81" s="8">
        <v>0.49159289867780992</v>
      </c>
      <c r="W81" s="8">
        <v>0.44539663429456872</v>
      </c>
      <c r="X81" s="8">
        <v>0.48838158784378927</v>
      </c>
      <c r="Y81" s="8">
        <v>0.54092020424871534</v>
      </c>
      <c r="Z81" s="8">
        <v>0.50648104281646977</v>
      </c>
      <c r="AA81" s="39">
        <v>0.48112476797905407</v>
      </c>
      <c r="AB81" s="8">
        <v>0.47820482358612321</v>
      </c>
      <c r="AC81" s="8">
        <v>0.43664972543114172</v>
      </c>
      <c r="AD81" s="8">
        <v>0.44381067911804539</v>
      </c>
      <c r="AE81" s="8">
        <v>0.44927327049010407</v>
      </c>
      <c r="AF81" s="8">
        <v>0.45369038150019891</v>
      </c>
      <c r="AG81" s="8">
        <v>0.47073789193123022</v>
      </c>
      <c r="AH81" s="8">
        <v>0.59629654525480436</v>
      </c>
      <c r="AI81" s="8">
        <v>0.55025159604485785</v>
      </c>
      <c r="AJ81" s="8">
        <v>0.47035708836423928</v>
      </c>
      <c r="AK81" s="8">
        <v>0.45618417720098625</v>
      </c>
      <c r="AL81" s="8">
        <v>0.57683063258731671</v>
      </c>
      <c r="AM81" s="8">
        <v>1.0162147398088843</v>
      </c>
      <c r="AN81" s="8">
        <v>1.1602550980117436</v>
      </c>
      <c r="AO81" s="8">
        <v>1.0521926432195816</v>
      </c>
      <c r="AP81" s="8">
        <v>0.74536402754892783</v>
      </c>
      <c r="AQ81" s="8">
        <v>0.84</v>
      </c>
      <c r="AR81" s="8">
        <v>1.08</v>
      </c>
      <c r="AS81" s="8">
        <v>1.2420376369640267</v>
      </c>
      <c r="AT81" s="8">
        <v>1.0588228450367756</v>
      </c>
      <c r="AU81" s="8">
        <v>0.62822276423504142</v>
      </c>
      <c r="AV81" s="8">
        <v>0.65153346736686679</v>
      </c>
      <c r="AW81" s="8">
        <v>0.60432319666952106</v>
      </c>
      <c r="AX81" s="8">
        <v>0.65434268310805832</v>
      </c>
      <c r="AY81" s="8">
        <v>0.61488452388471337</v>
      </c>
      <c r="AZ81" s="8">
        <v>0.5517451921274602</v>
      </c>
      <c r="BA81" s="8">
        <v>0.86008636731813637</v>
      </c>
      <c r="BB81" s="8">
        <v>0.98320385366994489</v>
      </c>
      <c r="BC81" s="8">
        <v>1.1370270313346722</v>
      </c>
      <c r="BD81" s="8">
        <v>0.96005586414076383</v>
      </c>
      <c r="BF81" s="8">
        <v>0.88494126897680736</v>
      </c>
    </row>
    <row r="82" spans="3:58" x14ac:dyDescent="0.2">
      <c r="C82" s="16" t="s">
        <v>122</v>
      </c>
      <c r="D82" s="6" t="s">
        <v>58</v>
      </c>
      <c r="E82" s="8">
        <v>0.31821600657035376</v>
      </c>
      <c r="F82" s="8">
        <v>0.33038015014199024</v>
      </c>
      <c r="G82" s="8">
        <v>0.3498375779123627</v>
      </c>
      <c r="H82" s="8">
        <v>0.38273157455511575</v>
      </c>
      <c r="I82" s="8">
        <v>0.34371377462587704</v>
      </c>
      <c r="J82" s="8">
        <v>0.33900814410117808</v>
      </c>
      <c r="K82" s="8">
        <v>0.32745566614459659</v>
      </c>
      <c r="L82" s="8">
        <v>0.32364673557058399</v>
      </c>
      <c r="M82" s="8">
        <v>0.32512097983406374</v>
      </c>
      <c r="N82" s="8">
        <v>0.33567634038366945</v>
      </c>
      <c r="O82" s="8">
        <v>0.33389188548343818</v>
      </c>
      <c r="P82" s="8">
        <v>0.34841505410891888</v>
      </c>
      <c r="Q82" s="8">
        <v>0.35111767279964196</v>
      </c>
      <c r="R82" s="8">
        <v>0.34864531328186776</v>
      </c>
      <c r="S82" s="8">
        <v>0.3448881505459056</v>
      </c>
      <c r="T82" s="8">
        <v>0.356465976996723</v>
      </c>
      <c r="U82" s="8">
        <v>0.31873154299355849</v>
      </c>
      <c r="V82" s="8">
        <v>0.33273380428588328</v>
      </c>
      <c r="W82" s="8">
        <v>0.32940841773491869</v>
      </c>
      <c r="X82" s="8">
        <v>0.31533031651121401</v>
      </c>
      <c r="Y82" s="8">
        <v>0.29421312350966788</v>
      </c>
      <c r="Z82" s="8">
        <v>0.25245469348866012</v>
      </c>
      <c r="AA82" s="39">
        <v>0.26525895146958195</v>
      </c>
      <c r="AB82" s="8">
        <v>0.27475870601325203</v>
      </c>
      <c r="AC82" s="8">
        <v>0.27376290682581317</v>
      </c>
      <c r="AD82" s="8">
        <v>0.32132894453649458</v>
      </c>
      <c r="AE82" s="8">
        <v>0.32497700090380255</v>
      </c>
      <c r="AF82" s="8">
        <v>0.31700077678815752</v>
      </c>
      <c r="AG82" s="8">
        <v>0.2878348301920936</v>
      </c>
      <c r="AH82" s="8">
        <v>0.2892654627154202</v>
      </c>
      <c r="AI82" s="8">
        <v>0.2771313757975255</v>
      </c>
      <c r="AJ82" s="8">
        <v>0.27147181594768871</v>
      </c>
      <c r="AK82" s="8">
        <v>0.27875810223233949</v>
      </c>
      <c r="AL82" s="8">
        <v>0.30334120936633069</v>
      </c>
      <c r="AM82" s="8">
        <v>0.27888707745737951</v>
      </c>
      <c r="AN82" s="8">
        <v>0.2834563400500017</v>
      </c>
      <c r="AO82" s="8">
        <v>0.27335622389932396</v>
      </c>
      <c r="AP82" s="8">
        <v>0.26892873619995555</v>
      </c>
      <c r="AQ82" s="8">
        <v>0.26</v>
      </c>
      <c r="AR82" s="8">
        <v>0.26</v>
      </c>
      <c r="AS82" s="8">
        <v>0.24757510292562668</v>
      </c>
      <c r="AT82" s="8">
        <v>0.2234959025335789</v>
      </c>
      <c r="AU82" s="8">
        <v>0.22636605339037494</v>
      </c>
      <c r="AV82" s="8">
        <v>0.22576615817183113</v>
      </c>
      <c r="AW82" s="8">
        <v>0.21709840026585733</v>
      </c>
      <c r="AX82" s="8">
        <v>0.21852887971110183</v>
      </c>
      <c r="AY82" s="8">
        <v>0.21106309832810133</v>
      </c>
      <c r="AZ82" s="8">
        <v>0.206787066897757</v>
      </c>
      <c r="BA82" s="8">
        <v>0.20573614421342323</v>
      </c>
      <c r="BB82" s="8">
        <v>0.21720358674953094</v>
      </c>
      <c r="BC82" s="8">
        <v>0.21201154180741411</v>
      </c>
      <c r="BD82" s="8">
        <v>0.21533525391012595</v>
      </c>
      <c r="BF82" s="8">
        <v>0.21518353638328711</v>
      </c>
    </row>
    <row r="83" spans="3:58" x14ac:dyDescent="0.2">
      <c r="C83" s="16" t="s">
        <v>82</v>
      </c>
      <c r="D83" s="6" t="s">
        <v>58</v>
      </c>
      <c r="E83" s="8">
        <v>2.04414006260467</v>
      </c>
      <c r="F83" s="8">
        <v>2.4455569142283582</v>
      </c>
      <c r="G83" s="8">
        <v>2.7559319322043869</v>
      </c>
      <c r="H83" s="8">
        <v>2.4401056762031308</v>
      </c>
      <c r="I83" s="8">
        <v>2.4531071734945598</v>
      </c>
      <c r="J83" s="8">
        <v>2.8474301277478764</v>
      </c>
      <c r="K83" s="8">
        <v>2.7837077670819177</v>
      </c>
      <c r="L83" s="8">
        <v>2.365835831065207</v>
      </c>
      <c r="M83" s="8">
        <v>2.1911158674813866</v>
      </c>
      <c r="N83" s="8">
        <v>1.9085359822184411</v>
      </c>
      <c r="O83" s="8">
        <v>2.1022778033512992</v>
      </c>
      <c r="P83" s="8">
        <v>2.1241786372929123</v>
      </c>
      <c r="Q83" s="8">
        <v>2.2777841175928404</v>
      </c>
      <c r="R83" s="8">
        <v>2.0987328713239499</v>
      </c>
      <c r="S83" s="8">
        <v>2.0358009317841939</v>
      </c>
      <c r="T83" s="8">
        <v>1.9706952889761049</v>
      </c>
      <c r="U83" s="8">
        <v>1.886574923166505</v>
      </c>
      <c r="V83" s="8">
        <v>1.7654387943773782</v>
      </c>
      <c r="W83" s="8">
        <v>1.8115305253609937</v>
      </c>
      <c r="X83" s="8">
        <v>1.8655828591021815</v>
      </c>
      <c r="Y83" s="8">
        <v>1.8820099919152551</v>
      </c>
      <c r="Z83" s="8">
        <v>1.614447126094406</v>
      </c>
      <c r="AA83" s="39">
        <v>1.6518515632070634</v>
      </c>
      <c r="AB83" s="8">
        <v>1.612762117222547</v>
      </c>
      <c r="AC83" s="8">
        <v>1.6093862442971505</v>
      </c>
      <c r="AD83" s="8">
        <v>1.5795700522768457</v>
      </c>
      <c r="AE83" s="8">
        <v>1.653491917729194</v>
      </c>
      <c r="AF83" s="8">
        <v>1.5783465431163433</v>
      </c>
      <c r="AG83" s="8">
        <v>1.5775816994889147</v>
      </c>
      <c r="AH83" s="8">
        <v>1.6641275940629094</v>
      </c>
      <c r="AI83" s="8">
        <v>1.6711883481981815</v>
      </c>
      <c r="AJ83" s="8">
        <v>1.6864319267838341</v>
      </c>
      <c r="AK83" s="8">
        <v>1.6947958177500568</v>
      </c>
      <c r="AL83" s="8">
        <v>2.308118653140359</v>
      </c>
      <c r="AM83" s="8">
        <v>2.5541179826152449</v>
      </c>
      <c r="AN83" s="8">
        <v>2.2999382881419823</v>
      </c>
      <c r="AO83" s="8">
        <v>1.9205667678246783</v>
      </c>
      <c r="AP83" s="8">
        <v>1.8751532831472577</v>
      </c>
      <c r="AQ83" s="8">
        <v>2.15</v>
      </c>
      <c r="AR83" s="8">
        <v>3.01</v>
      </c>
      <c r="AS83" s="8">
        <v>2.8275929950665843</v>
      </c>
      <c r="AT83" s="8">
        <v>2.3398143127935662</v>
      </c>
      <c r="AU83" s="8">
        <v>2.5922288444909203</v>
      </c>
      <c r="AV83" s="8">
        <v>2.2161110146839311</v>
      </c>
      <c r="AW83" s="8">
        <v>2.1698563366747341</v>
      </c>
      <c r="AX83" s="8">
        <v>2.6819178948128886</v>
      </c>
      <c r="AY83" s="8">
        <v>2.6034340678907708</v>
      </c>
      <c r="AZ83" s="8">
        <v>2.3650604009066027</v>
      </c>
      <c r="BA83" s="8">
        <v>2.6498531746631788</v>
      </c>
      <c r="BB83" s="8">
        <v>2.9111977326108534</v>
      </c>
      <c r="BC83" s="8">
        <v>2.9620041836230175</v>
      </c>
      <c r="BD83" s="8">
        <v>2.7824395697420843</v>
      </c>
      <c r="BF83" s="8">
        <v>2.4286152619138139</v>
      </c>
    </row>
    <row r="84" spans="3:58" x14ac:dyDescent="0.2">
      <c r="C84" s="16" t="s">
        <v>84</v>
      </c>
      <c r="D84" s="6" t="s">
        <v>85</v>
      </c>
      <c r="E84" s="8">
        <v>0.48871518220176446</v>
      </c>
      <c r="F84" s="8">
        <v>0.45753027779880395</v>
      </c>
      <c r="G84" s="8">
        <v>0.57010010962375923</v>
      </c>
      <c r="H84" s="8">
        <v>0.50493041601799282</v>
      </c>
      <c r="I84" s="8">
        <v>0.38152103060951964</v>
      </c>
      <c r="J84" s="8">
        <v>0.4430715904725317</v>
      </c>
      <c r="K84" s="8">
        <v>0.38356875416193759</v>
      </c>
      <c r="L84" s="8">
        <v>0.31979813406112689</v>
      </c>
      <c r="M84" s="8">
        <v>0.33535609842341407</v>
      </c>
      <c r="N84" s="8">
        <v>0.38618855949769726</v>
      </c>
      <c r="O84" s="8">
        <v>0.37052559583705763</v>
      </c>
      <c r="P84" s="8">
        <v>0.33563951273106618</v>
      </c>
      <c r="Q84" s="8">
        <v>0.34166373966848335</v>
      </c>
      <c r="R84" s="8">
        <v>0.35246560054297438</v>
      </c>
      <c r="S84" s="8">
        <v>0.32689616009405836</v>
      </c>
      <c r="T84" s="8">
        <v>0.37169564985700831</v>
      </c>
      <c r="U84" s="8">
        <v>0.34588268954218926</v>
      </c>
      <c r="V84" s="8">
        <v>0.31436091254721776</v>
      </c>
      <c r="W84" s="8">
        <v>0.31961815790198617</v>
      </c>
      <c r="X84" s="8">
        <v>0.31833746755822129</v>
      </c>
      <c r="Y84" s="8">
        <v>0.33656155849597258</v>
      </c>
      <c r="Z84" s="8">
        <v>0.3218168547237536</v>
      </c>
      <c r="AA84" s="39">
        <v>0.36957838427533019</v>
      </c>
      <c r="AB84" s="8">
        <v>0.35242809405507536</v>
      </c>
      <c r="AC84" s="8">
        <v>0.35393390162071658</v>
      </c>
      <c r="AD84" s="8">
        <v>0.35222027123813043</v>
      </c>
      <c r="AE84" s="8">
        <v>0.31294743746034459</v>
      </c>
      <c r="AF84" s="8">
        <v>0.35264913844877438</v>
      </c>
      <c r="AG84" s="8">
        <v>0.35098836380049647</v>
      </c>
      <c r="AH84" s="8">
        <v>0.33747145924113614</v>
      </c>
      <c r="AI84" s="8">
        <v>0.34315394438000174</v>
      </c>
      <c r="AJ84" s="8">
        <v>0.35103754302720508</v>
      </c>
      <c r="AK84" s="8">
        <v>0.36782549636308748</v>
      </c>
      <c r="AL84" s="8">
        <v>0.37650525718130967</v>
      </c>
      <c r="AM84" s="8">
        <v>0.36970362309291321</v>
      </c>
      <c r="AN84" s="8">
        <v>0.36686493196957565</v>
      </c>
      <c r="AO84" s="8">
        <v>0.33970534136196595</v>
      </c>
      <c r="AP84" s="8">
        <v>0.37448860772667458</v>
      </c>
      <c r="AQ84" s="8">
        <v>0.36</v>
      </c>
      <c r="AR84" s="8">
        <v>0.39</v>
      </c>
      <c r="AS84" s="8">
        <v>0.36296152979791474</v>
      </c>
      <c r="AT84" s="8">
        <v>0.38323472912421797</v>
      </c>
      <c r="AU84" s="8">
        <v>0.35923715605710754</v>
      </c>
      <c r="AV84" s="8">
        <v>0.4048006798481672</v>
      </c>
      <c r="AW84" s="8">
        <v>0.42517181250929836</v>
      </c>
      <c r="AX84" s="8">
        <v>0.36745922421706001</v>
      </c>
      <c r="AY84" s="8">
        <v>0.38546309251978639</v>
      </c>
      <c r="AZ84" s="8">
        <v>0.35907293194950096</v>
      </c>
      <c r="BA84" s="8">
        <v>0.38646160171520083</v>
      </c>
      <c r="BB84" s="8">
        <v>0.37531040373841162</v>
      </c>
      <c r="BC84" s="8">
        <v>0.38338988873248875</v>
      </c>
      <c r="BD84" s="8">
        <v>0.37970456497810373</v>
      </c>
      <c r="BF84" s="8">
        <v>0.37942670148355023</v>
      </c>
    </row>
    <row r="85" spans="3:58" x14ac:dyDescent="0.2">
      <c r="C85" s="16" t="s">
        <v>118</v>
      </c>
      <c r="D85" s="6" t="s">
        <v>58</v>
      </c>
      <c r="E85" s="8">
        <v>1.5805312008816461</v>
      </c>
      <c r="F85" s="8">
        <v>1.5669065879326898</v>
      </c>
      <c r="G85" s="8">
        <v>1.3468783010936147</v>
      </c>
      <c r="H85" s="8">
        <v>1.2807535055172745</v>
      </c>
      <c r="I85" s="8">
        <v>1.1568231660284138</v>
      </c>
      <c r="J85" s="8">
        <v>1.1600299750263872</v>
      </c>
      <c r="K85" s="8">
        <v>1.1365667324201316</v>
      </c>
      <c r="L85" s="8">
        <v>1.043161385967714</v>
      </c>
      <c r="M85" s="8">
        <v>1.0509270971255378</v>
      </c>
      <c r="N85" s="8">
        <v>1.2263725104792864</v>
      </c>
      <c r="O85" s="8">
        <v>1.3382538994631525</v>
      </c>
      <c r="P85" s="8">
        <v>1.2416203672919173</v>
      </c>
      <c r="Q85" s="8">
        <v>1.5259404435681074</v>
      </c>
      <c r="R85" s="8">
        <v>1.697200474539744</v>
      </c>
      <c r="S85" s="8">
        <v>1.6056297208993244</v>
      </c>
      <c r="T85" s="8">
        <v>1.5452931851976546</v>
      </c>
      <c r="U85" s="8">
        <v>1.2812654752317778</v>
      </c>
      <c r="V85" s="8">
        <v>0.87233437673157121</v>
      </c>
      <c r="W85" s="8">
        <v>0.74079215757684336</v>
      </c>
      <c r="X85" s="8">
        <v>0.69794746417829678</v>
      </c>
      <c r="Y85" s="8">
        <v>0.71428466575794258</v>
      </c>
      <c r="Z85" s="8">
        <v>0.6440325808184022</v>
      </c>
      <c r="AA85" s="39">
        <v>0.65375436389876562</v>
      </c>
      <c r="AB85" s="8">
        <v>0.68514486685647291</v>
      </c>
      <c r="AC85" s="8">
        <v>0.78529561329626552</v>
      </c>
      <c r="AD85" s="8">
        <v>0.74379340695150176</v>
      </c>
      <c r="AE85" s="8">
        <v>0.78000463076462101</v>
      </c>
      <c r="AF85" s="8">
        <v>0.76963616267064949</v>
      </c>
      <c r="AG85" s="8">
        <v>0.68073292835765697</v>
      </c>
      <c r="AH85" s="8">
        <v>0.66430640963382093</v>
      </c>
      <c r="AI85" s="8">
        <v>0.6422643812258817</v>
      </c>
      <c r="AJ85" s="8">
        <v>0.63902913573787645</v>
      </c>
      <c r="AK85" s="8">
        <v>0.63850521019711537</v>
      </c>
      <c r="AL85" s="8">
        <v>0.61853891805695549</v>
      </c>
      <c r="AM85" s="8">
        <v>0.63379576375943492</v>
      </c>
      <c r="AN85" s="8">
        <v>0.7293604227038788</v>
      </c>
      <c r="AO85" s="8">
        <v>0.95264821778666386</v>
      </c>
      <c r="AP85" s="8">
        <v>1.1683934463778283</v>
      </c>
      <c r="AQ85" s="8">
        <v>1.07</v>
      </c>
      <c r="AR85" s="8">
        <v>1.1299999999999999</v>
      </c>
      <c r="AS85" s="8">
        <v>1.1529337730360252</v>
      </c>
      <c r="AT85" s="8">
        <v>1.1117824684634303</v>
      </c>
      <c r="AU85" s="8">
        <v>1.1050017509291947</v>
      </c>
      <c r="AV85" s="8">
        <v>0.91558445629723162</v>
      </c>
      <c r="AW85" s="8">
        <v>0.85964389942841546</v>
      </c>
      <c r="AX85" s="8">
        <v>0.8773536976689017</v>
      </c>
      <c r="AY85" s="8">
        <v>0.70984967468225291</v>
      </c>
      <c r="AZ85" s="8">
        <v>0.72657898914972863</v>
      </c>
      <c r="BA85" s="8">
        <v>0.82392709053820157</v>
      </c>
      <c r="BB85" s="8">
        <v>0.91184987913223936</v>
      </c>
      <c r="BC85" s="8">
        <v>0.95832454443392046</v>
      </c>
      <c r="BD85" s="8">
        <v>1.10720555365642</v>
      </c>
      <c r="BF85" s="8">
        <v>1.3922801111862688</v>
      </c>
    </row>
    <row r="86" spans="3:58" x14ac:dyDescent="0.2">
      <c r="C86" s="16" t="s">
        <v>104</v>
      </c>
      <c r="D86" s="6" t="s">
        <v>58</v>
      </c>
      <c r="E86" s="8">
        <v>1.0377041288093147</v>
      </c>
      <c r="F86" s="8">
        <v>0.93529132357224187</v>
      </c>
      <c r="G86" s="8">
        <v>0.9713620537257035</v>
      </c>
      <c r="H86" s="8">
        <v>0.92206222589461628</v>
      </c>
      <c r="I86" s="8">
        <v>0.89562030933445491</v>
      </c>
      <c r="J86" s="8">
        <v>0.88071911533984504</v>
      </c>
      <c r="K86" s="8">
        <v>0.89958407455649991</v>
      </c>
      <c r="L86" s="8">
        <v>0.9237903588778642</v>
      </c>
      <c r="M86" s="8">
        <v>0.94166476383051489</v>
      </c>
      <c r="N86" s="8">
        <v>1.1333714587092873</v>
      </c>
      <c r="O86" s="8">
        <v>1.1940229006006278</v>
      </c>
      <c r="P86" s="8">
        <v>1.1667065007995916</v>
      </c>
      <c r="Q86" s="8">
        <v>1.2044506832443591</v>
      </c>
      <c r="R86" s="8">
        <v>1.1342026776537146</v>
      </c>
      <c r="S86" s="8">
        <v>1.0931355655279442</v>
      </c>
      <c r="T86" s="8">
        <v>1.0700849290038199</v>
      </c>
      <c r="U86" s="8">
        <v>1.0161742242989955</v>
      </c>
      <c r="V86" s="8">
        <v>0.91490186313537814</v>
      </c>
      <c r="W86" s="8">
        <v>0.77454773760880602</v>
      </c>
      <c r="X86" s="8">
        <v>0.767591072559351</v>
      </c>
      <c r="Y86" s="8">
        <v>0.74678478158082573</v>
      </c>
      <c r="Z86" s="8">
        <v>0.72698520425858781</v>
      </c>
      <c r="AA86" s="39">
        <v>0.85034871669816492</v>
      </c>
      <c r="AB86" s="8">
        <v>0.85754598802684934</v>
      </c>
      <c r="AC86" s="8">
        <v>0.88121825701383161</v>
      </c>
      <c r="AD86" s="8">
        <v>0.83315070925182844</v>
      </c>
      <c r="AE86" s="8">
        <v>0.82193650901120108</v>
      </c>
      <c r="AF86" s="8">
        <v>0.78164371184084402</v>
      </c>
      <c r="AG86" s="8">
        <v>0.76199471575031186</v>
      </c>
      <c r="AH86" s="8">
        <v>0.73514381014249952</v>
      </c>
      <c r="AI86" s="8">
        <v>0.68077521456233747</v>
      </c>
      <c r="AJ86" s="8">
        <v>0.78571945627809048</v>
      </c>
      <c r="AK86" s="8">
        <v>0.83091437461915063</v>
      </c>
      <c r="AL86" s="8">
        <v>0.71620154380140744</v>
      </c>
      <c r="AM86" s="8">
        <v>0.69483871440338318</v>
      </c>
      <c r="AN86" s="8">
        <v>0.97232269553298734</v>
      </c>
      <c r="AO86" s="8">
        <v>1.0173150410843772</v>
      </c>
      <c r="AP86" s="8">
        <v>0.94754391248721181</v>
      </c>
      <c r="AQ86" s="8">
        <v>0.99</v>
      </c>
      <c r="AR86" s="8">
        <v>1.1000000000000001</v>
      </c>
      <c r="AS86" s="8">
        <v>1.2167935000170174</v>
      </c>
      <c r="AT86" s="8">
        <v>1.3065888053565677</v>
      </c>
      <c r="AU86" s="8">
        <v>1.2970748501964078</v>
      </c>
      <c r="AV86" s="8">
        <v>1.2316531461334561</v>
      </c>
      <c r="AW86" s="8">
        <v>1.0975284843142044</v>
      </c>
      <c r="AX86" s="8">
        <v>1.0111392872814615</v>
      </c>
      <c r="AY86" s="8">
        <v>1.0302664976097735</v>
      </c>
      <c r="AZ86" s="8">
        <v>1.0441444433051521</v>
      </c>
      <c r="BA86" s="8">
        <v>1.0275255765661067</v>
      </c>
      <c r="BB86" s="8">
        <v>0.94224664808715486</v>
      </c>
      <c r="BC86" s="8">
        <v>0.91572673165726015</v>
      </c>
      <c r="BD86" s="8">
        <v>0.95077503760141335</v>
      </c>
      <c r="BF86" s="8">
        <v>0.88187004067647168</v>
      </c>
    </row>
    <row r="87" spans="3:58" x14ac:dyDescent="0.2">
      <c r="C87" s="16" t="s">
        <v>87</v>
      </c>
      <c r="D87" s="6" t="s">
        <v>58</v>
      </c>
      <c r="E87" s="8">
        <v>0.42951219243845107</v>
      </c>
      <c r="F87" s="8">
        <v>0.43380640421444272</v>
      </c>
      <c r="G87" s="8">
        <v>0.4400159797132801</v>
      </c>
      <c r="H87" s="8">
        <v>0.4375907900722843</v>
      </c>
      <c r="I87" s="8">
        <v>0.43745108400133309</v>
      </c>
      <c r="J87" s="8">
        <v>0.44662574572236219</v>
      </c>
      <c r="K87" s="8">
        <v>0.44487919007524446</v>
      </c>
      <c r="L87" s="8">
        <v>0.43140881533555631</v>
      </c>
      <c r="M87" s="8">
        <v>0.43128063080249268</v>
      </c>
      <c r="N87" s="8">
        <v>0.43107852113485401</v>
      </c>
      <c r="O87" s="8">
        <v>0.434183994209279</v>
      </c>
      <c r="P87" s="8">
        <v>0.42009057130697164</v>
      </c>
      <c r="Q87" s="8">
        <v>0.42329430173053673</v>
      </c>
      <c r="R87" s="8">
        <v>0.4237233344484187</v>
      </c>
      <c r="S87" s="8">
        <v>0.41174081436693766</v>
      </c>
      <c r="T87" s="8">
        <v>0.41721709186315459</v>
      </c>
      <c r="U87" s="8">
        <v>0.43265177995893173</v>
      </c>
      <c r="V87" s="8">
        <v>0.42456225940934122</v>
      </c>
      <c r="W87" s="8">
        <v>0.42111055647569973</v>
      </c>
      <c r="X87" s="8">
        <v>0.42737890313003113</v>
      </c>
      <c r="Y87" s="8">
        <v>0.41983384756049558</v>
      </c>
      <c r="Z87" s="8">
        <v>0.41971902400079464</v>
      </c>
      <c r="AA87" s="39">
        <v>0.43145044839342095</v>
      </c>
      <c r="AB87" s="8">
        <v>0.42792317251067047</v>
      </c>
      <c r="AC87" s="8">
        <v>0.41878324632569824</v>
      </c>
      <c r="AD87" s="8">
        <v>0.43998412037915274</v>
      </c>
      <c r="AE87" s="8">
        <v>0.41655910866605345</v>
      </c>
      <c r="AF87" s="8">
        <v>0.35867784389760465</v>
      </c>
      <c r="AG87" s="8">
        <v>0.35291230611639851</v>
      </c>
      <c r="AH87" s="8">
        <v>0.36005162068109431</v>
      </c>
      <c r="AI87" s="8">
        <v>0.35723779697643859</v>
      </c>
      <c r="AJ87" s="8">
        <v>0.35621606000208017</v>
      </c>
      <c r="AK87" s="8">
        <v>0.35719657365458907</v>
      </c>
      <c r="AL87" s="8">
        <v>0.36076471015559075</v>
      </c>
      <c r="AM87" s="8">
        <v>0.35649650463049587</v>
      </c>
      <c r="AN87" s="8">
        <v>0.36059632319886425</v>
      </c>
      <c r="AO87" s="8">
        <v>0.35394717395612552</v>
      </c>
      <c r="AP87" s="8">
        <v>0.35509394865760213</v>
      </c>
      <c r="AQ87" s="8">
        <v>0.37</v>
      </c>
      <c r="AR87" s="8">
        <v>0.35</v>
      </c>
      <c r="AS87" s="8">
        <v>0.35267549476196108</v>
      </c>
      <c r="AT87" s="8">
        <v>0.36940993939125755</v>
      </c>
      <c r="AU87" s="8">
        <v>0.36994722982944517</v>
      </c>
      <c r="AV87" s="8">
        <v>0.37556361946603584</v>
      </c>
      <c r="AW87" s="8">
        <v>0.36588907349393968</v>
      </c>
      <c r="AX87" s="8">
        <v>0.35065116718247052</v>
      </c>
      <c r="AY87" s="8">
        <v>0.34125749986106602</v>
      </c>
      <c r="AZ87" s="8">
        <v>0.33821247389737075</v>
      </c>
      <c r="BA87" s="8">
        <v>0.32861855431825376</v>
      </c>
      <c r="BB87" s="8">
        <v>0.33170520507097828</v>
      </c>
      <c r="BC87" s="8">
        <v>0.32951459605072836</v>
      </c>
      <c r="BD87" s="8">
        <v>0.32902114942199223</v>
      </c>
      <c r="BF87" s="8">
        <v>0.32525125022540657</v>
      </c>
    </row>
    <row r="88" spans="3:58" x14ac:dyDescent="0.2">
      <c r="C88" s="16" t="s">
        <v>88</v>
      </c>
      <c r="D88" s="6" t="s">
        <v>58</v>
      </c>
      <c r="E88" s="17">
        <v>0.86516570756500188</v>
      </c>
      <c r="F88" s="17">
        <v>0.79791371812356848</v>
      </c>
      <c r="G88" s="17">
        <v>0.76068030870769399</v>
      </c>
      <c r="H88" s="17">
        <v>0.74227419557627394</v>
      </c>
      <c r="I88" s="17">
        <v>0.6841879895561358</v>
      </c>
      <c r="J88" s="17">
        <v>0.69393929556890122</v>
      </c>
      <c r="K88" s="17">
        <v>0.6737435451744338</v>
      </c>
      <c r="L88" s="17">
        <v>0.64411006890162703</v>
      </c>
      <c r="M88" s="17">
        <v>0.65231930344632461</v>
      </c>
      <c r="N88" s="17">
        <v>0.65715336055747042</v>
      </c>
      <c r="O88" s="17">
        <v>0.66129576425780245</v>
      </c>
      <c r="P88" s="17">
        <v>0.66071173345452838</v>
      </c>
      <c r="Q88" s="17">
        <v>0.61997122460052789</v>
      </c>
      <c r="R88" s="17">
        <v>0.66332739239156924</v>
      </c>
      <c r="S88" s="17">
        <v>0.65964524829619375</v>
      </c>
      <c r="T88" s="17">
        <v>0.66679601299064373</v>
      </c>
      <c r="U88" s="17">
        <v>0.64461978466870418</v>
      </c>
      <c r="V88" s="17">
        <v>0.67958461435933892</v>
      </c>
      <c r="W88" s="17">
        <v>0.69882681701489968</v>
      </c>
      <c r="X88" s="17">
        <v>0.74920495337623993</v>
      </c>
      <c r="Y88" s="17">
        <v>1.0197142678134474</v>
      </c>
      <c r="Z88" s="17">
        <v>1.0703922418811183</v>
      </c>
      <c r="AA88" s="43">
        <v>1.0590254152491496</v>
      </c>
      <c r="AB88" s="17">
        <v>1.028970763672227</v>
      </c>
      <c r="AC88" s="17">
        <v>1.0567224331409861</v>
      </c>
      <c r="AD88" s="17">
        <v>1.0023344582861942</v>
      </c>
      <c r="AE88" s="17">
        <v>0.99773125922956951</v>
      </c>
      <c r="AF88" s="17">
        <v>0.93254315208187899</v>
      </c>
      <c r="AG88" s="17">
        <v>0.98074802151237062</v>
      </c>
      <c r="AH88" s="17">
        <v>1.0263548384760324</v>
      </c>
      <c r="AI88" s="17">
        <v>1.2041046497415939</v>
      </c>
      <c r="AJ88" s="17">
        <v>1.1801637057684342</v>
      </c>
      <c r="AK88" s="17">
        <v>1.2072322159630127</v>
      </c>
      <c r="AL88" s="17">
        <v>1.3228939351633835</v>
      </c>
      <c r="AM88" s="17">
        <v>1.374346634697722</v>
      </c>
      <c r="AN88" s="17">
        <v>1.5042352127852421</v>
      </c>
      <c r="AO88" s="17">
        <v>1.5274254157544274</v>
      </c>
      <c r="AP88" s="17">
        <v>1.4246154237125634</v>
      </c>
      <c r="AQ88" s="17">
        <v>1.37</v>
      </c>
      <c r="AR88" s="17">
        <v>1.36</v>
      </c>
      <c r="AS88" s="17">
        <v>1.1953732117225331</v>
      </c>
      <c r="AT88" s="17">
        <v>1.1039015295947348</v>
      </c>
      <c r="AU88" s="17">
        <v>0.97193417116583936</v>
      </c>
      <c r="AV88" s="17">
        <v>0.96382813869830242</v>
      </c>
      <c r="AW88" s="17">
        <v>0.85841957369133315</v>
      </c>
      <c r="AX88" s="17">
        <v>0.78549483810675602</v>
      </c>
      <c r="AY88" s="17">
        <v>0.75375613933935282</v>
      </c>
      <c r="AZ88" s="17">
        <v>0.74470302056405591</v>
      </c>
      <c r="BA88" s="17">
        <v>0.7730869942930827</v>
      </c>
      <c r="BB88" s="17">
        <v>0.77275893327367717</v>
      </c>
      <c r="BC88" s="17">
        <v>0.77770386182617401</v>
      </c>
      <c r="BD88" s="17">
        <v>0.78443887144049484</v>
      </c>
      <c r="BF88" s="17">
        <v>0.76573584770489234</v>
      </c>
    </row>
    <row r="89" spans="3:58" x14ac:dyDescent="0.2">
      <c r="C89" s="18" t="s">
        <v>123</v>
      </c>
      <c r="D89" s="6" t="s">
        <v>58</v>
      </c>
      <c r="E89" s="17">
        <v>0.72676119984506626</v>
      </c>
      <c r="F89" s="17">
        <v>0.65737205261495169</v>
      </c>
      <c r="G89" s="17">
        <v>0.64856086627490372</v>
      </c>
      <c r="H89" s="17">
        <v>0.64291287072170433</v>
      </c>
      <c r="I89" s="17">
        <v>0.59451985293831777</v>
      </c>
      <c r="J89" s="17">
        <v>0.65802650143346397</v>
      </c>
      <c r="K89" s="17">
        <v>0.78030079202899638</v>
      </c>
      <c r="L89" s="17">
        <v>0.80271862488503087</v>
      </c>
      <c r="M89" s="17">
        <v>0.84280393227051187</v>
      </c>
      <c r="N89" s="17">
        <v>0.7944643293816015</v>
      </c>
      <c r="O89" s="17">
        <v>0.71708904178463451</v>
      </c>
      <c r="P89" s="17">
        <v>0.73084475209416466</v>
      </c>
      <c r="Q89" s="17">
        <v>0.75904856667544995</v>
      </c>
      <c r="R89" s="17">
        <v>0.74277719172589907</v>
      </c>
      <c r="S89" s="17">
        <v>0.84955366387802056</v>
      </c>
      <c r="T89" s="17">
        <v>0.76368717191494351</v>
      </c>
      <c r="U89" s="17">
        <v>0.76688688877544231</v>
      </c>
      <c r="V89" s="17">
        <v>0.76261708061738698</v>
      </c>
      <c r="W89" s="17">
        <v>0.87465443862333991</v>
      </c>
      <c r="X89" s="17">
        <v>0.90786043911654435</v>
      </c>
      <c r="Y89" s="17">
        <v>0.90337075173212311</v>
      </c>
      <c r="Z89" s="17">
        <v>0.93202672019246513</v>
      </c>
      <c r="AA89" s="43">
        <v>0.8136756579920319</v>
      </c>
      <c r="AB89" s="17">
        <v>0.87390760218346442</v>
      </c>
      <c r="AC89" s="17">
        <v>0.87986325034127022</v>
      </c>
      <c r="AD89" s="17">
        <v>0.92539469668242069</v>
      </c>
      <c r="AE89" s="17">
        <v>1.2184791647417537</v>
      </c>
      <c r="AF89" s="17">
        <v>1.3738972432776926</v>
      </c>
      <c r="AG89" s="17">
        <v>1.0558556316116987</v>
      </c>
      <c r="AH89" s="17">
        <v>1.2915301591036086</v>
      </c>
      <c r="AI89" s="17">
        <v>1.2820488847335383</v>
      </c>
      <c r="AJ89" s="17">
        <v>1.3238114262884539</v>
      </c>
      <c r="AK89" s="17">
        <v>1.3091761946643214</v>
      </c>
      <c r="AL89" s="17">
        <v>1.3957431138606569</v>
      </c>
      <c r="AM89" s="17">
        <v>1.2411841054313097</v>
      </c>
      <c r="AN89" s="17">
        <v>1.2168353639487659</v>
      </c>
      <c r="AO89" s="17">
        <v>1.1011359475736913</v>
      </c>
      <c r="AP89" s="17">
        <v>1.016821172598914</v>
      </c>
      <c r="AQ89" s="17">
        <v>0.96</v>
      </c>
      <c r="AR89" s="17">
        <v>1.03</v>
      </c>
      <c r="AS89" s="17">
        <v>1.2391270560534686</v>
      </c>
      <c r="AT89" s="17">
        <v>1.0979602231958638</v>
      </c>
      <c r="AU89" s="8">
        <v>1.0841590657129407</v>
      </c>
      <c r="AV89" s="17">
        <v>1.0501582283706985</v>
      </c>
      <c r="AW89" s="17">
        <v>1.1546409160763886</v>
      </c>
      <c r="AX89" s="17">
        <v>1.06107577580168</v>
      </c>
      <c r="AY89" s="17">
        <v>0.98306705880555711</v>
      </c>
      <c r="AZ89" s="17">
        <v>0.95801343329854483</v>
      </c>
      <c r="BA89" s="17">
        <v>1.0142148214896975</v>
      </c>
      <c r="BB89" s="8">
        <v>0.95605612326320077</v>
      </c>
      <c r="BC89" s="17">
        <v>0.88343889350100568</v>
      </c>
      <c r="BD89" s="17">
        <v>0.85276348188838713</v>
      </c>
      <c r="BF89" s="17">
        <v>0.83971088423393025</v>
      </c>
    </row>
    <row r="90" spans="3:58" x14ac:dyDescent="0.2">
      <c r="C90" s="18" t="s">
        <v>100</v>
      </c>
      <c r="D90" s="6" t="s">
        <v>58</v>
      </c>
      <c r="E90" s="8">
        <v>0.62113214513787296</v>
      </c>
      <c r="F90" s="8">
        <v>0.60756697281859406</v>
      </c>
      <c r="G90" s="8">
        <v>0.59650776413539031</v>
      </c>
      <c r="H90" s="8">
        <v>0.62060227075770846</v>
      </c>
      <c r="I90" s="8">
        <v>0.57503188736132738</v>
      </c>
      <c r="J90" s="8">
        <v>0.57223215792019066</v>
      </c>
      <c r="K90" s="8">
        <v>0.55833804324753977</v>
      </c>
      <c r="L90" s="8">
        <v>0.49913180359439652</v>
      </c>
      <c r="M90" s="8">
        <v>0.52128005400633537</v>
      </c>
      <c r="N90" s="8">
        <v>0.63019482339336341</v>
      </c>
      <c r="O90" s="8">
        <v>0.59045944278481077</v>
      </c>
      <c r="P90" s="8">
        <v>0.54083928152068728</v>
      </c>
      <c r="Q90" s="8">
        <v>0.57025789283536221</v>
      </c>
      <c r="R90" s="8">
        <v>0.61779387155280063</v>
      </c>
      <c r="S90" s="8">
        <v>0.60409613370451576</v>
      </c>
      <c r="T90" s="8">
        <v>0.60114982998138022</v>
      </c>
      <c r="U90" s="8">
        <v>0.60810237976278303</v>
      </c>
      <c r="V90" s="8">
        <v>0.58573678783898708</v>
      </c>
      <c r="W90" s="8">
        <v>0.59287142334765519</v>
      </c>
      <c r="X90" s="8">
        <v>0.6152588805788447</v>
      </c>
      <c r="Y90" s="8">
        <v>0.55557397377372708</v>
      </c>
      <c r="Z90" s="8">
        <v>0.55638693287917074</v>
      </c>
      <c r="AA90" s="39">
        <v>0.49579579331841156</v>
      </c>
      <c r="AB90" s="8">
        <v>0.48510037641824055</v>
      </c>
      <c r="AC90" s="8">
        <v>0.47185274647259512</v>
      </c>
      <c r="AD90" s="8">
        <v>0.50964127528306458</v>
      </c>
      <c r="AE90" s="8">
        <v>0.57532375886066045</v>
      </c>
      <c r="AF90" s="8">
        <v>0.58205540307687886</v>
      </c>
      <c r="AG90" s="8">
        <v>0.65495428633604336</v>
      </c>
      <c r="AH90" s="8">
        <v>0.70876718564154118</v>
      </c>
      <c r="AI90" s="8">
        <v>0.78024063429804313</v>
      </c>
      <c r="AJ90" s="8">
        <v>0.69687261607482975</v>
      </c>
      <c r="AK90" s="8">
        <v>0.69398286454693681</v>
      </c>
      <c r="AL90" s="8">
        <v>0.72663534373688154</v>
      </c>
      <c r="AM90" s="8">
        <v>0.76951785335009804</v>
      </c>
      <c r="AN90" s="8">
        <v>0.80222416634072657</v>
      </c>
      <c r="AO90" s="8">
        <v>0.8325613545438173</v>
      </c>
      <c r="AP90" s="8">
        <v>0.78663529262553122</v>
      </c>
      <c r="AQ90" s="8">
        <v>0.82</v>
      </c>
      <c r="AR90" s="8">
        <v>0.8</v>
      </c>
      <c r="AS90" s="8">
        <v>0.86038267845679606</v>
      </c>
      <c r="AT90" s="8">
        <v>0.86342687438980992</v>
      </c>
      <c r="AU90" s="8">
        <v>0.86925557003946829</v>
      </c>
      <c r="AV90" s="8">
        <v>0.86724699899674007</v>
      </c>
      <c r="AW90" s="8">
        <v>0.72885705650114752</v>
      </c>
      <c r="AX90" s="8">
        <v>0.69120275093369021</v>
      </c>
      <c r="AY90" s="8">
        <v>0.77529122924137239</v>
      </c>
      <c r="AZ90" s="8">
        <v>0.7775779295005556</v>
      </c>
      <c r="BA90" s="8">
        <v>0.77955251539639847</v>
      </c>
      <c r="BB90" s="8">
        <v>0.76851687513780709</v>
      </c>
      <c r="BC90" s="8">
        <v>0.76725384345810388</v>
      </c>
      <c r="BD90" s="8">
        <v>0.73017927313016417</v>
      </c>
      <c r="BF90" s="8">
        <v>0.73233062446948827</v>
      </c>
    </row>
    <row r="91" spans="3:58" x14ac:dyDescent="0.2">
      <c r="C91" s="16" t="s">
        <v>89</v>
      </c>
      <c r="D91" s="6" t="s">
        <v>58</v>
      </c>
      <c r="E91" s="8">
        <v>0.87692740815418191</v>
      </c>
      <c r="F91" s="8">
        <v>0.94591089135114159</v>
      </c>
      <c r="G91" s="8">
        <v>0.90769640460407608</v>
      </c>
      <c r="H91" s="8">
        <v>0.86366287150077903</v>
      </c>
      <c r="I91" s="8">
        <v>0.83858995785332446</v>
      </c>
      <c r="J91" s="8">
        <v>0.82564761044942225</v>
      </c>
      <c r="K91" s="8">
        <v>0.86715024283869624</v>
      </c>
      <c r="L91" s="8">
        <v>0.90209770210900464</v>
      </c>
      <c r="M91" s="8">
        <v>0.90319093070321199</v>
      </c>
      <c r="N91" s="8">
        <v>0.86428256152301131</v>
      </c>
      <c r="O91" s="8">
        <v>0.89118916862552111</v>
      </c>
      <c r="P91" s="8">
        <v>0.87128242104594911</v>
      </c>
      <c r="Q91" s="8">
        <v>0.8927520379627093</v>
      </c>
      <c r="R91" s="8">
        <v>0.98645846335864196</v>
      </c>
      <c r="S91" s="8">
        <v>0.9585832939842821</v>
      </c>
      <c r="T91" s="8">
        <v>0.92873458366780992</v>
      </c>
      <c r="U91" s="8">
        <v>0.92378769894438129</v>
      </c>
      <c r="V91" s="8">
        <v>0.92237729914579303</v>
      </c>
      <c r="W91" s="8">
        <v>0.94042089473613721</v>
      </c>
      <c r="X91" s="8">
        <v>0.95334251938365977</v>
      </c>
      <c r="Y91" s="8">
        <v>0.93571032207634197</v>
      </c>
      <c r="Z91" s="8">
        <v>0.88869379585438868</v>
      </c>
      <c r="AA91" s="39">
        <v>0.86750710207359238</v>
      </c>
      <c r="AB91" s="8">
        <v>1.006463117346891</v>
      </c>
      <c r="AC91" s="8">
        <v>0.97299358471613651</v>
      </c>
      <c r="AD91" s="8">
        <v>0.93101761405595695</v>
      </c>
      <c r="AE91" s="8">
        <v>1.0385282567123471</v>
      </c>
      <c r="AF91" s="8">
        <v>1.0885300302690124</v>
      </c>
      <c r="AG91" s="8">
        <v>1.0382789752912889</v>
      </c>
      <c r="AH91" s="8">
        <v>0.96307738510738472</v>
      </c>
      <c r="AI91" s="8">
        <v>0.95201162861783362</v>
      </c>
      <c r="AJ91" s="8">
        <v>0.91468131203975489</v>
      </c>
      <c r="AK91" s="8">
        <v>0.85581228932813314</v>
      </c>
      <c r="AL91" s="8">
        <v>0.70857546178820052</v>
      </c>
      <c r="AM91" s="8">
        <v>0.8089233392792835</v>
      </c>
      <c r="AN91" s="8">
        <v>0.81361364901463329</v>
      </c>
      <c r="AO91" s="8">
        <v>0.79309516038765338</v>
      </c>
      <c r="AP91" s="8">
        <v>0.76407838228993408</v>
      </c>
      <c r="AQ91" s="8">
        <v>0.8</v>
      </c>
      <c r="AR91" s="8">
        <v>0.82</v>
      </c>
      <c r="AS91" s="8">
        <v>0.8310542054575355</v>
      </c>
      <c r="AT91" s="8">
        <v>0.80040331174855261</v>
      </c>
      <c r="AU91" s="8">
        <v>0.78383538627122695</v>
      </c>
      <c r="AV91" s="8">
        <v>0.75508296058141555</v>
      </c>
      <c r="AW91" s="8">
        <v>0.77450462806107212</v>
      </c>
      <c r="AX91" s="8">
        <v>0.75464148486223104</v>
      </c>
      <c r="AY91" s="8">
        <v>0.74776095293116429</v>
      </c>
      <c r="AZ91" s="8">
        <v>0.77251638759228269</v>
      </c>
      <c r="BA91" s="8">
        <v>0.74426545741515937</v>
      </c>
      <c r="BB91" s="8">
        <v>0.74156244721002507</v>
      </c>
      <c r="BC91" s="8">
        <v>0.74652389421018484</v>
      </c>
      <c r="BD91" s="8">
        <v>0.6725699579668406</v>
      </c>
      <c r="BF91" s="8">
        <v>0.68084140113228353</v>
      </c>
    </row>
    <row r="92" spans="3:58" x14ac:dyDescent="0.2">
      <c r="C92" s="16" t="s">
        <v>95</v>
      </c>
      <c r="D92" s="6" t="s">
        <v>58</v>
      </c>
      <c r="E92" s="8">
        <v>0.92284761331948173</v>
      </c>
      <c r="F92" s="8">
        <v>1.0331584416469346</v>
      </c>
      <c r="G92" s="8">
        <v>1.0493292740150266</v>
      </c>
      <c r="H92" s="8">
        <v>1.0716390233203656</v>
      </c>
      <c r="I92" s="8">
        <v>1.0437068529621183</v>
      </c>
      <c r="J92" s="8">
        <v>1.0484006545469355</v>
      </c>
      <c r="K92" s="8">
        <v>1.1022589493083583</v>
      </c>
      <c r="L92" s="8">
        <v>1.1420372267215642</v>
      </c>
      <c r="M92" s="8">
        <v>1.1282165470305412</v>
      </c>
      <c r="N92" s="8">
        <v>1.1578448277267031</v>
      </c>
      <c r="O92" s="8">
        <v>1.0212192533987707</v>
      </c>
      <c r="P92" s="8">
        <v>0.96232193886658113</v>
      </c>
      <c r="Q92" s="8">
        <v>0.94179788712070922</v>
      </c>
      <c r="R92" s="8">
        <v>1.0087170581529232</v>
      </c>
      <c r="S92" s="8">
        <v>0.97995843674039096</v>
      </c>
      <c r="T92" s="8">
        <v>0.97004425399387995</v>
      </c>
      <c r="U92" s="8">
        <v>0.95727190842096499</v>
      </c>
      <c r="V92" s="8">
        <v>0.94188589111612331</v>
      </c>
      <c r="W92" s="8">
        <v>0.96509745019611748</v>
      </c>
      <c r="X92" s="8">
        <v>1.0286007223625864</v>
      </c>
      <c r="Y92" s="8">
        <v>1.0054945777608015</v>
      </c>
      <c r="Z92" s="8">
        <v>1.0425272412928019</v>
      </c>
      <c r="AA92" s="39">
        <v>0.9715751627556124</v>
      </c>
      <c r="AB92" s="8">
        <v>0.97434165850128185</v>
      </c>
      <c r="AC92" s="8">
        <v>1.0090310816623971</v>
      </c>
      <c r="AD92" s="8">
        <v>1.1800855570095585</v>
      </c>
      <c r="AE92" s="8">
        <v>1.1940298095839283</v>
      </c>
      <c r="AF92" s="8">
        <v>1.1323567738478737</v>
      </c>
      <c r="AG92" s="8">
        <v>1.0733947678573086</v>
      </c>
      <c r="AH92" s="8">
        <v>1.0359565948809208</v>
      </c>
      <c r="AI92" s="8">
        <v>1.0222436716124514</v>
      </c>
      <c r="AJ92" s="8">
        <v>0.97875954918090013</v>
      </c>
      <c r="AK92" s="8">
        <v>0.9171956093516247</v>
      </c>
      <c r="AL92" s="8">
        <v>1.1115029709354991</v>
      </c>
      <c r="AM92" s="8">
        <v>1.158987254028208</v>
      </c>
      <c r="AN92" s="8">
        <v>1.0126066402733971</v>
      </c>
      <c r="AO92" s="8">
        <v>0.87282860542300711</v>
      </c>
      <c r="AP92" s="8">
        <v>0.89298625375858898</v>
      </c>
      <c r="AQ92" s="8">
        <v>0.91</v>
      </c>
      <c r="AR92" s="8">
        <v>0.9</v>
      </c>
      <c r="AS92" s="8">
        <v>0.88667275755669195</v>
      </c>
      <c r="AT92" s="8">
        <v>0.84808814977872971</v>
      </c>
      <c r="AU92" s="17">
        <v>0.86076680211881396</v>
      </c>
      <c r="AV92" s="8">
        <v>0.85006422384776803</v>
      </c>
      <c r="AW92" s="8">
        <v>0.85954956639356594</v>
      </c>
      <c r="AX92" s="8">
        <v>0.86144376809311274</v>
      </c>
      <c r="AY92" s="8">
        <v>0.86375535947722126</v>
      </c>
      <c r="AZ92" s="8">
        <v>0.83113179307592278</v>
      </c>
      <c r="BA92" s="8">
        <v>0.84372027056167231</v>
      </c>
      <c r="BB92" s="17">
        <v>0.86755939283970418</v>
      </c>
      <c r="BC92" s="8">
        <v>0.87284977474702741</v>
      </c>
      <c r="BD92" s="8">
        <v>0.84302320124770558</v>
      </c>
      <c r="BF92" s="8">
        <v>0.85416308702738719</v>
      </c>
    </row>
    <row r="93" spans="3:58" x14ac:dyDescent="0.2">
      <c r="C93" s="23" t="s">
        <v>96</v>
      </c>
      <c r="D93" s="6" t="s">
        <v>58</v>
      </c>
      <c r="E93" s="17">
        <v>0.98210353939561768</v>
      </c>
      <c r="F93" s="17">
        <v>0.92077643850344426</v>
      </c>
      <c r="G93" s="17">
        <v>0.89576415524870023</v>
      </c>
      <c r="H93" s="17">
        <v>0.97479665078078714</v>
      </c>
      <c r="I93" s="17">
        <v>0.94793448179673734</v>
      </c>
      <c r="J93" s="17">
        <v>0.92715165201610306</v>
      </c>
      <c r="K93" s="17">
        <v>0.8859605498625398</v>
      </c>
      <c r="L93" s="17">
        <v>0.9324107264314776</v>
      </c>
      <c r="M93" s="17">
        <v>0.91023428529388506</v>
      </c>
      <c r="N93" s="17">
        <v>0.8920929407772985</v>
      </c>
      <c r="O93" s="17">
        <v>0.9364326830212687</v>
      </c>
      <c r="P93" s="17">
        <v>0.97811545443620262</v>
      </c>
      <c r="Q93" s="17">
        <v>0.96602482095347053</v>
      </c>
      <c r="R93" s="17">
        <v>0.98836286752360336</v>
      </c>
      <c r="S93" s="17">
        <v>0.97897310755668843</v>
      </c>
      <c r="T93" s="17">
        <v>1.0006026812496625</v>
      </c>
      <c r="U93" s="17">
        <v>1.0092405831010527</v>
      </c>
      <c r="V93" s="17">
        <v>1.0094375383619207</v>
      </c>
      <c r="W93" s="17">
        <v>1.0405682395888229</v>
      </c>
      <c r="X93" s="17">
        <v>1.0219838326612878</v>
      </c>
      <c r="Y93" s="17">
        <v>0.97945056594099023</v>
      </c>
      <c r="Z93" s="17">
        <v>1.0215268471663559</v>
      </c>
      <c r="AA93" s="43">
        <v>1.0283666749145808</v>
      </c>
      <c r="AB93" s="17">
        <v>1.0243930634947578</v>
      </c>
      <c r="AC93" s="17">
        <v>1.020781475362103</v>
      </c>
      <c r="AD93" s="17">
        <v>1.0076104191591559</v>
      </c>
      <c r="AE93" s="17">
        <v>0.96677537498335697</v>
      </c>
      <c r="AF93" s="17">
        <v>0.88871985193529279</v>
      </c>
      <c r="AG93" s="17">
        <v>0.86935683492158811</v>
      </c>
      <c r="AH93" s="17">
        <v>0.88655094129990297</v>
      </c>
      <c r="AI93" s="17">
        <v>0.86175185592097847</v>
      </c>
      <c r="AJ93" s="17">
        <v>0.88947910102390104</v>
      </c>
      <c r="AK93" s="17">
        <v>0.93722995686827415</v>
      </c>
      <c r="AL93" s="17">
        <v>1.1502446831878603</v>
      </c>
      <c r="AM93" s="17">
        <v>1.2970584035776556</v>
      </c>
      <c r="AN93" s="17">
        <v>1.3404285532159284</v>
      </c>
      <c r="AO93" s="17">
        <v>1.4156448293131656</v>
      </c>
      <c r="AP93" s="17">
        <v>1.4273367012682594</v>
      </c>
      <c r="AQ93" s="17">
        <v>1.38</v>
      </c>
      <c r="AR93" s="17">
        <v>1.28</v>
      </c>
      <c r="AS93" s="17">
        <v>1.2115864655028354</v>
      </c>
      <c r="AT93" s="17">
        <v>1.1477572480134988</v>
      </c>
      <c r="AU93" s="17">
        <v>1.1719632086152614</v>
      </c>
      <c r="AV93" s="17">
        <v>1.2497367724290529</v>
      </c>
      <c r="AW93" s="17">
        <v>1.376957448557925</v>
      </c>
      <c r="AX93" s="17">
        <v>1.4605394481706859</v>
      </c>
      <c r="AY93" s="17">
        <v>1.4575125515115417</v>
      </c>
      <c r="AZ93" s="17">
        <v>1.4369861051886701</v>
      </c>
      <c r="BA93" s="17">
        <v>1.3304664800071806</v>
      </c>
      <c r="BB93" s="17">
        <v>1.2702474899183607</v>
      </c>
      <c r="BC93" s="17">
        <v>1.2210411237535328</v>
      </c>
      <c r="BD93" s="17">
        <v>1.2145675329946395</v>
      </c>
      <c r="BF93" s="17">
        <v>1.2309426295080952</v>
      </c>
    </row>
    <row r="94" spans="3:58" x14ac:dyDescent="0.2">
      <c r="C94" s="67"/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G94" s="65"/>
      <c r="AH94" s="65"/>
      <c r="AO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8" x14ac:dyDescent="0.2">
      <c r="D95" s="64"/>
      <c r="E95" s="65"/>
      <c r="F95" s="65"/>
      <c r="G95" s="65"/>
      <c r="H95" s="65"/>
      <c r="I95" s="65"/>
      <c r="J95" s="65"/>
      <c r="K95" s="65"/>
      <c r="L95" s="65"/>
      <c r="M95" s="65"/>
      <c r="N95" s="65"/>
      <c r="O95" s="65"/>
      <c r="P95" s="65"/>
      <c r="Q95" s="65"/>
      <c r="R95" s="65"/>
      <c r="S95" s="65"/>
      <c r="T95" s="65"/>
      <c r="U95" s="65"/>
      <c r="V95" s="65"/>
      <c r="W95" s="65"/>
      <c r="X95" s="65"/>
      <c r="Y95" s="65"/>
      <c r="Z95" s="65"/>
      <c r="AA95" s="65"/>
      <c r="AB95" s="65"/>
      <c r="AC95" s="65"/>
      <c r="AD95" s="65"/>
      <c r="AE95" s="65"/>
      <c r="AF95" s="65"/>
      <c r="AG95" s="65"/>
      <c r="AH95" s="65"/>
      <c r="AI95" s="65"/>
      <c r="AJ95" s="65"/>
      <c r="AK95" s="65"/>
      <c r="AL95" s="65"/>
      <c r="AM95" s="65"/>
      <c r="AN95" s="65"/>
      <c r="AO95" s="65"/>
      <c r="AP95" s="65"/>
      <c r="AQ95" s="65"/>
      <c r="AR95" s="65"/>
      <c r="AS95" s="65"/>
      <c r="AT95" s="65"/>
      <c r="AU95" s="65"/>
      <c r="AV95" s="65"/>
      <c r="AW95" s="65"/>
      <c r="AX95" s="65"/>
      <c r="AY95" s="65"/>
      <c r="AZ95" s="65"/>
      <c r="BA95" s="65"/>
      <c r="BB95" s="65"/>
      <c r="BC95" s="65"/>
    </row>
    <row r="96" spans="3:58" x14ac:dyDescent="0.2">
      <c r="C96" s="23" t="s">
        <v>106</v>
      </c>
      <c r="D96" s="6" t="s">
        <v>58</v>
      </c>
      <c r="E96" s="17">
        <v>6.4</v>
      </c>
      <c r="F96" s="17">
        <v>6.33</v>
      </c>
      <c r="G96" s="17">
        <v>6.36</v>
      </c>
      <c r="H96" s="17">
        <v>6.44</v>
      </c>
      <c r="I96" s="17">
        <v>6.36</v>
      </c>
      <c r="J96" s="17">
        <v>6.41</v>
      </c>
      <c r="K96" s="17">
        <v>6.34</v>
      </c>
      <c r="L96" s="17">
        <v>6.3</v>
      </c>
      <c r="M96" s="17">
        <v>6.41</v>
      </c>
      <c r="N96" s="17">
        <v>6.35</v>
      </c>
      <c r="O96" s="17">
        <v>6.29</v>
      </c>
      <c r="P96" s="17">
        <v>6.35</v>
      </c>
      <c r="Q96" s="17">
        <v>6.26</v>
      </c>
      <c r="R96" s="17">
        <v>6.2</v>
      </c>
      <c r="S96" s="17">
        <v>6.18</v>
      </c>
      <c r="T96" s="17">
        <v>6.32</v>
      </c>
      <c r="U96" s="17">
        <v>6.36</v>
      </c>
      <c r="V96" s="17">
        <v>6.28</v>
      </c>
      <c r="W96" s="17">
        <v>6.21</v>
      </c>
      <c r="X96" s="17">
        <v>6.39</v>
      </c>
      <c r="Y96" s="17">
        <v>6.36</v>
      </c>
      <c r="Z96" s="17">
        <v>6.19</v>
      </c>
      <c r="AA96" s="17">
        <v>6.5</v>
      </c>
      <c r="AB96" s="17">
        <v>6.26</v>
      </c>
      <c r="AC96" s="17">
        <v>6.39</v>
      </c>
      <c r="AD96" s="17">
        <v>6.33</v>
      </c>
      <c r="AE96" s="17">
        <v>6.4</v>
      </c>
      <c r="AF96" s="17">
        <v>6.37</v>
      </c>
      <c r="AG96" s="17">
        <v>6.42</v>
      </c>
      <c r="AH96" s="17">
        <v>6.31</v>
      </c>
      <c r="AI96" s="17">
        <v>6.41</v>
      </c>
      <c r="AJ96" s="17">
        <v>6.26</v>
      </c>
      <c r="AK96" s="17">
        <v>6.39</v>
      </c>
      <c r="AL96" s="17">
        <v>6.33</v>
      </c>
      <c r="AM96" s="17">
        <v>6.33</v>
      </c>
      <c r="AN96" s="17">
        <v>6.34</v>
      </c>
      <c r="AO96" s="17">
        <v>6.25</v>
      </c>
      <c r="AP96" s="17">
        <v>6.4</v>
      </c>
      <c r="AQ96" s="17">
        <v>6.23</v>
      </c>
      <c r="AR96" s="17">
        <v>6.28</v>
      </c>
      <c r="AS96" s="17">
        <v>6.22</v>
      </c>
      <c r="AT96" s="17">
        <v>6.28</v>
      </c>
      <c r="AU96" s="17">
        <v>6.36</v>
      </c>
      <c r="AV96" s="17">
        <v>6.3</v>
      </c>
      <c r="AW96" s="17">
        <v>6.24</v>
      </c>
      <c r="AX96" s="17">
        <v>6.26</v>
      </c>
      <c r="AY96" s="17">
        <v>6.23</v>
      </c>
      <c r="AZ96" s="17">
        <v>6.5</v>
      </c>
      <c r="BA96" s="17">
        <v>6.54</v>
      </c>
      <c r="BB96" s="17">
        <v>6.39</v>
      </c>
      <c r="BC96" s="17">
        <v>6.21</v>
      </c>
      <c r="BD96" s="17">
        <v>6.82</v>
      </c>
      <c r="BF96" s="17">
        <v>6.3</v>
      </c>
    </row>
    <row r="97" spans="3:58" x14ac:dyDescent="0.2">
      <c r="D97" s="64"/>
      <c r="E97" s="65"/>
      <c r="F97" s="65"/>
      <c r="G97" s="65"/>
      <c r="H97" s="65"/>
      <c r="I97" s="65"/>
      <c r="J97" s="65"/>
      <c r="K97" s="65"/>
      <c r="L97" s="65"/>
      <c r="M97" s="65"/>
      <c r="N97" s="65"/>
      <c r="O97" s="65"/>
      <c r="P97" s="65"/>
      <c r="Q97" s="65"/>
      <c r="R97" s="65"/>
      <c r="S97" s="65"/>
      <c r="T97" s="65"/>
      <c r="U97" s="65"/>
      <c r="V97" s="65"/>
      <c r="W97" s="65"/>
      <c r="X97" s="65"/>
      <c r="Y97" s="65"/>
      <c r="Z97" s="65"/>
      <c r="AA97" s="65"/>
      <c r="AB97" s="65"/>
      <c r="AC97" s="65"/>
      <c r="AD97" s="65"/>
      <c r="AE97" s="65"/>
      <c r="AF97" s="65"/>
      <c r="AG97" s="65"/>
      <c r="AH97" s="65"/>
      <c r="AI97" s="65"/>
      <c r="AJ97" s="65"/>
      <c r="AK97" s="65"/>
      <c r="AL97" s="65"/>
      <c r="AM97" s="65"/>
      <c r="AN97" s="65"/>
      <c r="AO97" s="65"/>
      <c r="AP97" s="65"/>
      <c r="AQ97" s="65"/>
      <c r="AR97" s="65"/>
      <c r="AS97" s="65"/>
      <c r="AT97" s="65"/>
      <c r="AU97" s="65"/>
      <c r="AV97" s="65"/>
      <c r="AW97" s="65"/>
      <c r="AX97" s="65"/>
      <c r="AY97" s="65"/>
      <c r="AZ97" s="65"/>
      <c r="BA97" s="65"/>
      <c r="BB97" s="65"/>
      <c r="BC97" s="65"/>
    </row>
    <row r="101" spans="3:58" x14ac:dyDescent="0.2">
      <c r="C101" s="1" t="s">
        <v>97</v>
      </c>
      <c r="E101" s="2">
        <v>2014</v>
      </c>
      <c r="F101" s="1"/>
      <c r="G101" s="1"/>
      <c r="H101" s="1"/>
      <c r="I101" s="1"/>
      <c r="J101" s="1"/>
      <c r="K101" s="1"/>
      <c r="L101" s="1"/>
      <c r="M101" s="1"/>
    </row>
    <row r="102" spans="3:58" x14ac:dyDescent="0.2">
      <c r="C102" s="3" t="s">
        <v>2</v>
      </c>
      <c r="D102" s="3" t="s">
        <v>3</v>
      </c>
      <c r="E102" s="4" t="s">
        <v>15</v>
      </c>
      <c r="F102" s="4" t="s">
        <v>16</v>
      </c>
      <c r="G102" s="4" t="s">
        <v>17</v>
      </c>
      <c r="H102" s="4" t="s">
        <v>18</v>
      </c>
      <c r="I102" s="4" t="s">
        <v>19</v>
      </c>
      <c r="J102" s="4" t="s">
        <v>20</v>
      </c>
      <c r="K102" s="4" t="s">
        <v>21</v>
      </c>
      <c r="L102" s="4" t="s">
        <v>22</v>
      </c>
      <c r="M102" s="4" t="s">
        <v>23</v>
      </c>
      <c r="N102" s="4" t="s">
        <v>24</v>
      </c>
      <c r="O102" s="4" t="s">
        <v>25</v>
      </c>
      <c r="P102" s="4" t="s">
        <v>26</v>
      </c>
      <c r="Q102" s="4" t="s">
        <v>27</v>
      </c>
      <c r="R102" s="4" t="s">
        <v>28</v>
      </c>
      <c r="S102" s="4" t="s">
        <v>29</v>
      </c>
      <c r="T102" s="4" t="s">
        <v>30</v>
      </c>
      <c r="U102" s="4" t="s">
        <v>31</v>
      </c>
      <c r="V102" s="4" t="s">
        <v>32</v>
      </c>
      <c r="W102" s="4" t="s">
        <v>33</v>
      </c>
      <c r="X102" s="4" t="s">
        <v>34</v>
      </c>
      <c r="Y102" s="4" t="s">
        <v>35</v>
      </c>
      <c r="Z102" s="4" t="s">
        <v>36</v>
      </c>
      <c r="AA102" s="4" t="s">
        <v>37</v>
      </c>
      <c r="AB102" s="4" t="s">
        <v>38</v>
      </c>
      <c r="AC102" s="4" t="s">
        <v>39</v>
      </c>
      <c r="AD102" s="4" t="s">
        <v>40</v>
      </c>
      <c r="AE102" s="4" t="s">
        <v>41</v>
      </c>
      <c r="AF102" s="4" t="s">
        <v>42</v>
      </c>
      <c r="AG102" s="4" t="s">
        <v>43</v>
      </c>
      <c r="AH102" s="4" t="s">
        <v>44</v>
      </c>
      <c r="AI102" s="4" t="s">
        <v>45</v>
      </c>
      <c r="AJ102" s="4" t="s">
        <v>46</v>
      </c>
      <c r="AK102" s="4" t="s">
        <v>47</v>
      </c>
      <c r="AL102" s="4" t="s">
        <v>48</v>
      </c>
      <c r="AM102" s="4" t="s">
        <v>49</v>
      </c>
      <c r="AN102" s="4" t="s">
        <v>50</v>
      </c>
      <c r="AO102" s="4" t="s">
        <v>51</v>
      </c>
      <c r="AP102" s="4" t="s">
        <v>52</v>
      </c>
      <c r="AQ102" s="4" t="s">
        <v>53</v>
      </c>
      <c r="AR102" s="4" t="s">
        <v>54</v>
      </c>
      <c r="AS102" s="4" t="s">
        <v>55</v>
      </c>
      <c r="AT102" s="4" t="s">
        <v>4</v>
      </c>
      <c r="AU102" s="4" t="s">
        <v>5</v>
      </c>
      <c r="AV102" s="4" t="s">
        <v>6</v>
      </c>
      <c r="AW102" s="4" t="s">
        <v>7</v>
      </c>
      <c r="AX102" s="4" t="s">
        <v>8</v>
      </c>
      <c r="AY102" s="4" t="s">
        <v>9</v>
      </c>
      <c r="AZ102" s="4" t="s">
        <v>10</v>
      </c>
      <c r="BA102" s="4" t="s">
        <v>11</v>
      </c>
      <c r="BB102" s="4" t="s">
        <v>12</v>
      </c>
      <c r="BC102" s="4" t="s">
        <v>13</v>
      </c>
      <c r="BD102" s="4" t="s">
        <v>14</v>
      </c>
      <c r="BF102" s="4" t="s">
        <v>56</v>
      </c>
    </row>
    <row r="103" spans="3:58" x14ac:dyDescent="0.2">
      <c r="C103" s="5" t="s">
        <v>57</v>
      </c>
      <c r="D103" s="6" t="s">
        <v>58</v>
      </c>
      <c r="E103" s="8">
        <v>17.91</v>
      </c>
      <c r="F103" s="8">
        <v>17.84</v>
      </c>
      <c r="G103" s="8">
        <v>17.8</v>
      </c>
      <c r="H103" s="8">
        <v>17.93</v>
      </c>
      <c r="I103" s="8">
        <v>17.940000000000001</v>
      </c>
      <c r="J103" s="8">
        <v>17.71</v>
      </c>
      <c r="K103" s="8">
        <v>17.899999999999999</v>
      </c>
      <c r="L103" s="8">
        <v>17.88</v>
      </c>
      <c r="M103" s="8">
        <v>17.98</v>
      </c>
      <c r="N103" s="8">
        <v>17.96</v>
      </c>
      <c r="O103" s="8">
        <v>17.989999999999998</v>
      </c>
      <c r="P103" s="8">
        <v>17.96</v>
      </c>
      <c r="Q103" s="8">
        <v>17.72</v>
      </c>
      <c r="R103" s="8">
        <v>17.670000000000002</v>
      </c>
      <c r="S103" s="8">
        <v>17.63</v>
      </c>
      <c r="T103" s="8">
        <v>17.440000000000001</v>
      </c>
      <c r="U103" s="8">
        <v>17.61</v>
      </c>
      <c r="V103" s="8">
        <v>17.43</v>
      </c>
      <c r="W103" s="8">
        <v>17.420000000000002</v>
      </c>
      <c r="X103" s="8">
        <v>17.25</v>
      </c>
      <c r="Y103" s="8">
        <v>17.39</v>
      </c>
      <c r="Z103" s="8">
        <v>16.88</v>
      </c>
      <c r="AA103" s="8">
        <v>16.7</v>
      </c>
      <c r="AB103" s="8">
        <v>16.649999999999999</v>
      </c>
      <c r="AC103" s="8">
        <v>16.61</v>
      </c>
      <c r="AD103" s="8">
        <v>16.61</v>
      </c>
      <c r="AE103" s="8">
        <v>16.579999999999998</v>
      </c>
      <c r="AF103" s="8">
        <v>16.59</v>
      </c>
      <c r="AG103" s="8">
        <v>16.579999999999998</v>
      </c>
      <c r="AH103" s="8">
        <v>16.57</v>
      </c>
      <c r="AI103" s="8">
        <v>16.53</v>
      </c>
      <c r="AJ103" s="8">
        <v>16.48</v>
      </c>
      <c r="AK103" s="8">
        <v>16.510000000000002</v>
      </c>
      <c r="AL103" s="8">
        <v>16.559999999999999</v>
      </c>
      <c r="AM103" s="8">
        <v>16.61</v>
      </c>
      <c r="AN103" s="8">
        <v>16.440000000000001</v>
      </c>
      <c r="AO103" s="8">
        <v>16.399999999999999</v>
      </c>
      <c r="AP103" s="8">
        <v>16.36</v>
      </c>
      <c r="AQ103" s="8">
        <v>16.43</v>
      </c>
      <c r="AR103" s="8">
        <v>16.48</v>
      </c>
      <c r="AS103" s="8">
        <v>16.46</v>
      </c>
      <c r="AT103" s="8">
        <v>16.46</v>
      </c>
      <c r="AU103" s="8">
        <v>16.45</v>
      </c>
      <c r="AV103" s="8">
        <v>16.52</v>
      </c>
      <c r="AW103" s="8">
        <v>16.5</v>
      </c>
      <c r="AX103" s="8">
        <v>16.350000000000001</v>
      </c>
      <c r="AY103" s="8">
        <v>16.350000000000001</v>
      </c>
      <c r="AZ103" s="8">
        <v>16.36</v>
      </c>
      <c r="BA103" s="8">
        <v>16.45</v>
      </c>
      <c r="BB103" s="8">
        <v>16.41</v>
      </c>
      <c r="BC103" s="8">
        <v>16.41</v>
      </c>
      <c r="BD103" s="8">
        <v>16.41</v>
      </c>
      <c r="BF103" s="8">
        <v>16.420000000000002</v>
      </c>
    </row>
    <row r="104" spans="3:58" x14ac:dyDescent="0.2">
      <c r="C104" s="5" t="s">
        <v>59</v>
      </c>
      <c r="D104" s="6" t="s">
        <v>58</v>
      </c>
      <c r="E104" s="8">
        <v>10.8</v>
      </c>
      <c r="F104" s="8">
        <v>10.75</v>
      </c>
      <c r="G104" s="8">
        <v>10.68</v>
      </c>
      <c r="H104" s="8">
        <v>10.56</v>
      </c>
      <c r="I104" s="8">
        <v>10.51</v>
      </c>
      <c r="J104" s="8">
        <v>10.46</v>
      </c>
      <c r="K104" s="8">
        <v>10.45</v>
      </c>
      <c r="L104" s="8">
        <v>10.46</v>
      </c>
      <c r="M104" s="8">
        <v>10.41</v>
      </c>
      <c r="N104" s="8">
        <v>10.38</v>
      </c>
      <c r="O104" s="8">
        <v>10.41</v>
      </c>
      <c r="P104" s="8">
        <v>10.44</v>
      </c>
      <c r="Q104" s="8">
        <v>10.47</v>
      </c>
      <c r="R104" s="8">
        <v>10.59</v>
      </c>
      <c r="S104" s="8">
        <v>10.62</v>
      </c>
      <c r="T104" s="8">
        <v>10.51</v>
      </c>
      <c r="U104" s="8">
        <v>10.44</v>
      </c>
      <c r="V104" s="8">
        <v>10.6</v>
      </c>
      <c r="W104" s="8">
        <v>10.62</v>
      </c>
      <c r="X104" s="8">
        <v>10.72</v>
      </c>
      <c r="Y104" s="8">
        <v>10.85</v>
      </c>
      <c r="Z104" s="8">
        <v>10.9</v>
      </c>
      <c r="AA104" s="8">
        <v>10.73</v>
      </c>
      <c r="AB104" s="8">
        <v>10.72</v>
      </c>
      <c r="AC104" s="8">
        <v>10.72</v>
      </c>
      <c r="AD104" s="8">
        <v>10.67</v>
      </c>
      <c r="AE104" s="8">
        <v>10.66</v>
      </c>
      <c r="AF104" s="8">
        <v>10.65</v>
      </c>
      <c r="AG104" s="8">
        <v>10.64</v>
      </c>
      <c r="AH104" s="8">
        <v>10.65</v>
      </c>
      <c r="AI104" s="8">
        <v>10.6</v>
      </c>
      <c r="AJ104" s="8">
        <v>10.63</v>
      </c>
      <c r="AK104" s="8">
        <v>10.63</v>
      </c>
      <c r="AL104" s="8">
        <v>10.66</v>
      </c>
      <c r="AM104" s="8">
        <v>10.69</v>
      </c>
      <c r="AN104" s="8">
        <v>10.62</v>
      </c>
      <c r="AO104" s="8">
        <v>10.66</v>
      </c>
      <c r="AP104" s="8">
        <v>10.72</v>
      </c>
      <c r="AQ104" s="8">
        <v>10.68</v>
      </c>
      <c r="AR104" s="8">
        <v>10.51</v>
      </c>
      <c r="AS104" s="8">
        <v>10.53</v>
      </c>
      <c r="AT104" s="8">
        <v>10.73</v>
      </c>
      <c r="AU104" s="8">
        <v>10.74</v>
      </c>
      <c r="AV104" s="8">
        <v>10.79</v>
      </c>
      <c r="AW104" s="8">
        <v>10.85</v>
      </c>
      <c r="AX104" s="8">
        <v>10.93</v>
      </c>
      <c r="AY104" s="8">
        <v>11</v>
      </c>
      <c r="AZ104" s="8">
        <v>11.02</v>
      </c>
      <c r="BA104" s="8">
        <v>11.31</v>
      </c>
      <c r="BB104" s="8">
        <v>11.09</v>
      </c>
      <c r="BC104" s="8">
        <v>11.14</v>
      </c>
      <c r="BD104" s="8">
        <v>11.15</v>
      </c>
      <c r="BF104" s="8">
        <v>11.15</v>
      </c>
    </row>
    <row r="105" spans="3:58" x14ac:dyDescent="0.2">
      <c r="C105" s="5" t="s">
        <v>60</v>
      </c>
      <c r="D105" s="6" t="s">
        <v>58</v>
      </c>
      <c r="E105" s="8">
        <v>5.55</v>
      </c>
      <c r="F105" s="8">
        <v>5.5</v>
      </c>
      <c r="G105" s="8">
        <v>5.48</v>
      </c>
      <c r="H105" s="8">
        <v>5.48</v>
      </c>
      <c r="I105" s="8">
        <v>5.45</v>
      </c>
      <c r="J105" s="8">
        <v>5.47</v>
      </c>
      <c r="K105" s="8">
        <v>5.47</v>
      </c>
      <c r="L105" s="8">
        <v>5.43</v>
      </c>
      <c r="M105" s="8">
        <v>5.43</v>
      </c>
      <c r="N105" s="8">
        <v>5.4</v>
      </c>
      <c r="O105" s="8">
        <v>5.4</v>
      </c>
      <c r="P105" s="8">
        <v>5.43</v>
      </c>
      <c r="Q105" s="8">
        <v>5.41</v>
      </c>
      <c r="R105" s="8">
        <v>5.42</v>
      </c>
      <c r="S105" s="8">
        <v>5.44</v>
      </c>
      <c r="T105" s="8">
        <v>5.44</v>
      </c>
      <c r="U105" s="8">
        <v>5.41</v>
      </c>
      <c r="V105" s="8">
        <v>5.37</v>
      </c>
      <c r="W105" s="8">
        <v>5.31</v>
      </c>
      <c r="X105" s="8">
        <v>5.26</v>
      </c>
      <c r="Y105" s="8">
        <v>5.22</v>
      </c>
      <c r="Z105" s="8">
        <v>5.21</v>
      </c>
      <c r="AA105" s="8">
        <v>5.22</v>
      </c>
      <c r="AB105" s="8">
        <v>5.2</v>
      </c>
      <c r="AC105" s="8">
        <v>5.25</v>
      </c>
      <c r="AD105" s="8">
        <v>5.25</v>
      </c>
      <c r="AE105" s="8">
        <v>5.23</v>
      </c>
      <c r="AF105" s="8">
        <v>5.23</v>
      </c>
      <c r="AG105" s="8">
        <v>5.24</v>
      </c>
      <c r="AH105" s="8">
        <v>5.24</v>
      </c>
      <c r="AI105" s="8">
        <v>5.27</v>
      </c>
      <c r="AJ105" s="8">
        <v>5.28</v>
      </c>
      <c r="AK105" s="8">
        <v>5.28</v>
      </c>
      <c r="AL105" s="8">
        <v>5.33</v>
      </c>
      <c r="AM105" s="8">
        <v>5.33</v>
      </c>
      <c r="AN105" s="8">
        <v>5.37</v>
      </c>
      <c r="AO105" s="8">
        <v>5.38</v>
      </c>
      <c r="AP105" s="8">
        <v>5.31</v>
      </c>
      <c r="AQ105" s="8">
        <v>5.26</v>
      </c>
      <c r="AR105" s="8">
        <v>5.29</v>
      </c>
      <c r="AS105" s="8">
        <v>5.29</v>
      </c>
      <c r="AT105" s="8">
        <v>5.31</v>
      </c>
      <c r="AU105" s="8">
        <v>5.28</v>
      </c>
      <c r="AV105" s="8">
        <v>5.28</v>
      </c>
      <c r="AW105" s="8">
        <v>5.26</v>
      </c>
      <c r="AX105" s="8">
        <v>5.26</v>
      </c>
      <c r="AY105" s="8">
        <v>5.25</v>
      </c>
      <c r="AZ105" s="8">
        <v>5.25</v>
      </c>
      <c r="BA105" s="8">
        <v>5.27</v>
      </c>
      <c r="BB105" s="8">
        <v>5.28</v>
      </c>
      <c r="BC105" s="8">
        <v>5.26</v>
      </c>
      <c r="BD105" s="8">
        <v>5.28</v>
      </c>
      <c r="BF105" s="8">
        <v>5.27</v>
      </c>
    </row>
    <row r="106" spans="3:58" x14ac:dyDescent="0.2">
      <c r="C106" s="5" t="s">
        <v>61</v>
      </c>
      <c r="D106" s="6" t="s">
        <v>58</v>
      </c>
      <c r="E106" s="8">
        <v>2.94</v>
      </c>
      <c r="F106" s="8">
        <v>2.95</v>
      </c>
      <c r="G106" s="8">
        <v>2.95</v>
      </c>
      <c r="H106" s="8">
        <v>2.94</v>
      </c>
      <c r="I106" s="8">
        <v>2.94</v>
      </c>
      <c r="J106" s="8">
        <v>2.95</v>
      </c>
      <c r="K106" s="8">
        <v>2.95</v>
      </c>
      <c r="L106" s="8">
        <v>2.95</v>
      </c>
      <c r="M106" s="8">
        <v>2.94</v>
      </c>
      <c r="N106" s="8">
        <v>2.95</v>
      </c>
      <c r="O106" s="8">
        <v>2.96</v>
      </c>
      <c r="P106" s="8">
        <v>2.96</v>
      </c>
      <c r="Q106" s="8">
        <v>2.95</v>
      </c>
      <c r="R106" s="8">
        <v>2.94</v>
      </c>
      <c r="S106" s="8">
        <v>2.96</v>
      </c>
      <c r="T106" s="8">
        <v>2.96</v>
      </c>
      <c r="U106" s="8">
        <v>2.94</v>
      </c>
      <c r="V106" s="8">
        <v>2.94</v>
      </c>
      <c r="W106" s="8">
        <v>2.92</v>
      </c>
      <c r="X106" s="8">
        <v>2.91</v>
      </c>
      <c r="Y106" s="8">
        <v>2.91</v>
      </c>
      <c r="Z106" s="8">
        <v>2.88</v>
      </c>
      <c r="AA106" s="8">
        <v>2.91</v>
      </c>
      <c r="AB106" s="8">
        <v>2.9</v>
      </c>
      <c r="AC106" s="8">
        <v>2.9</v>
      </c>
      <c r="AD106" s="8">
        <v>2.9</v>
      </c>
      <c r="AE106" s="8">
        <v>2.89</v>
      </c>
      <c r="AF106" s="8">
        <v>2.89</v>
      </c>
      <c r="AG106" s="8">
        <v>2.89</v>
      </c>
      <c r="AH106" s="8">
        <v>2.89</v>
      </c>
      <c r="AI106" s="8">
        <v>2.88</v>
      </c>
      <c r="AJ106" s="8">
        <v>2.88</v>
      </c>
      <c r="AK106" s="8">
        <v>2.89</v>
      </c>
      <c r="AL106" s="8">
        <v>2.89</v>
      </c>
      <c r="AM106" s="8">
        <v>2.89</v>
      </c>
      <c r="AN106" s="8">
        <v>2.88</v>
      </c>
      <c r="AO106" s="8">
        <v>2.89</v>
      </c>
      <c r="AP106" s="8">
        <v>2.87</v>
      </c>
      <c r="AQ106" s="8">
        <v>2.87</v>
      </c>
      <c r="AR106" s="8">
        <v>2.87</v>
      </c>
      <c r="AS106" s="8">
        <v>2.87</v>
      </c>
      <c r="AT106" s="8">
        <v>2.88</v>
      </c>
      <c r="AU106" s="8">
        <v>2.88</v>
      </c>
      <c r="AV106" s="8">
        <v>2.87</v>
      </c>
      <c r="AW106" s="8">
        <v>2.86</v>
      </c>
      <c r="AX106" s="8">
        <v>2.86</v>
      </c>
      <c r="AY106" s="8">
        <v>2.87</v>
      </c>
      <c r="AZ106" s="8">
        <v>2.87</v>
      </c>
      <c r="BA106" s="8">
        <v>2.89</v>
      </c>
      <c r="BB106" s="8">
        <v>2.89</v>
      </c>
      <c r="BC106" s="8">
        <v>2.89</v>
      </c>
      <c r="BD106" s="8">
        <v>2.88</v>
      </c>
      <c r="BF106" s="8">
        <v>2.88</v>
      </c>
    </row>
    <row r="107" spans="3:58" x14ac:dyDescent="0.2">
      <c r="C107" s="5" t="s">
        <v>62</v>
      </c>
      <c r="D107" s="6" t="s">
        <v>58</v>
      </c>
      <c r="E107" s="8">
        <v>5.36</v>
      </c>
      <c r="F107" s="8">
        <v>5.33</v>
      </c>
      <c r="G107" s="8">
        <v>5.32</v>
      </c>
      <c r="H107" s="8">
        <v>5.33</v>
      </c>
      <c r="I107" s="8">
        <v>5.31</v>
      </c>
      <c r="J107" s="8">
        <v>5.2</v>
      </c>
      <c r="K107" s="8">
        <v>5.15</v>
      </c>
      <c r="L107" s="8">
        <v>5.18</v>
      </c>
      <c r="M107" s="8">
        <v>5.2</v>
      </c>
      <c r="N107" s="8">
        <v>5.22</v>
      </c>
      <c r="O107" s="8">
        <v>5.23</v>
      </c>
      <c r="P107" s="8">
        <v>5.24</v>
      </c>
      <c r="Q107" s="8">
        <v>5.25</v>
      </c>
      <c r="R107" s="8">
        <v>5.26</v>
      </c>
      <c r="S107" s="8">
        <v>5.24</v>
      </c>
      <c r="T107" s="8">
        <v>5.23</v>
      </c>
      <c r="U107" s="8">
        <v>5.17</v>
      </c>
      <c r="V107" s="8">
        <v>5.17</v>
      </c>
      <c r="W107" s="8">
        <v>5.16</v>
      </c>
      <c r="X107" s="8">
        <v>5.13</v>
      </c>
      <c r="Y107" s="8">
        <v>5.13</v>
      </c>
      <c r="Z107" s="8">
        <v>5.1100000000000003</v>
      </c>
      <c r="AA107" s="8">
        <v>5.13</v>
      </c>
      <c r="AB107" s="8">
        <v>5.12</v>
      </c>
      <c r="AC107" s="8">
        <v>5.04</v>
      </c>
      <c r="AD107" s="8">
        <v>5.0599999999999996</v>
      </c>
      <c r="AE107" s="8">
        <v>5.1100000000000003</v>
      </c>
      <c r="AF107" s="8">
        <v>5.0999999999999996</v>
      </c>
      <c r="AG107" s="8">
        <v>5.1100000000000003</v>
      </c>
      <c r="AH107" s="8">
        <v>5.12</v>
      </c>
      <c r="AI107" s="8">
        <v>5.13</v>
      </c>
      <c r="AJ107" s="8">
        <v>5.15</v>
      </c>
      <c r="AK107" s="8">
        <v>5.14</v>
      </c>
      <c r="AL107" s="8">
        <v>5.17</v>
      </c>
      <c r="AM107" s="8">
        <v>5.18</v>
      </c>
      <c r="AN107" s="8">
        <v>5.19</v>
      </c>
      <c r="AO107" s="8">
        <v>5.18</v>
      </c>
      <c r="AP107" s="8">
        <v>5.16</v>
      </c>
      <c r="AQ107" s="8">
        <v>5.2</v>
      </c>
      <c r="AR107" s="8">
        <v>5.23</v>
      </c>
      <c r="AS107" s="8">
        <v>5.22</v>
      </c>
      <c r="AT107" s="8">
        <v>5.2</v>
      </c>
      <c r="AU107" s="8">
        <v>5.18</v>
      </c>
      <c r="AV107" s="8">
        <v>5.16</v>
      </c>
      <c r="AW107" s="8">
        <v>5.18</v>
      </c>
      <c r="AX107" s="8">
        <v>5.16</v>
      </c>
      <c r="AY107" s="8">
        <v>5.22</v>
      </c>
      <c r="AZ107" s="8">
        <v>5.26</v>
      </c>
      <c r="BA107" s="8">
        <v>5.25</v>
      </c>
      <c r="BB107" s="8">
        <v>5.27</v>
      </c>
      <c r="BC107" s="8">
        <v>5.29</v>
      </c>
      <c r="BD107" s="8">
        <v>5.29</v>
      </c>
      <c r="BF107" s="8">
        <v>5.29</v>
      </c>
    </row>
    <row r="108" spans="3:58" x14ac:dyDescent="0.2">
      <c r="C108" s="5" t="s">
        <v>75</v>
      </c>
      <c r="D108" s="20" t="s">
        <v>76</v>
      </c>
      <c r="E108" s="8">
        <v>1.54</v>
      </c>
      <c r="F108" s="8">
        <v>1.54</v>
      </c>
      <c r="G108" s="8">
        <v>1.54</v>
      </c>
      <c r="H108" s="8">
        <v>1.54</v>
      </c>
      <c r="I108" s="8">
        <v>1.54</v>
      </c>
      <c r="J108" s="8">
        <v>1.54</v>
      </c>
      <c r="K108" s="8">
        <v>1.54</v>
      </c>
      <c r="L108" s="8">
        <v>1.54</v>
      </c>
      <c r="M108" s="8">
        <v>1.54</v>
      </c>
      <c r="N108" s="8">
        <v>1.54</v>
      </c>
      <c r="O108" s="8">
        <v>1.54</v>
      </c>
      <c r="P108" s="8">
        <v>1.54</v>
      </c>
      <c r="Q108" s="8">
        <v>1.53</v>
      </c>
      <c r="R108" s="8">
        <v>1.52</v>
      </c>
      <c r="S108" s="8">
        <v>1.52</v>
      </c>
      <c r="T108" s="8">
        <v>1.51</v>
      </c>
      <c r="U108" s="8">
        <v>1.51</v>
      </c>
      <c r="V108" s="8">
        <v>1.51</v>
      </c>
      <c r="W108" s="8">
        <v>1.5</v>
      </c>
      <c r="X108" s="8">
        <v>1.5</v>
      </c>
      <c r="Y108" s="8">
        <v>1.49</v>
      </c>
      <c r="Z108" s="8">
        <v>1.48</v>
      </c>
      <c r="AA108" s="8">
        <v>1.47</v>
      </c>
      <c r="AB108" s="8">
        <v>1.47</v>
      </c>
      <c r="AC108" s="8">
        <v>1.46</v>
      </c>
      <c r="AD108" s="8">
        <v>1.46</v>
      </c>
      <c r="AE108" s="8">
        <v>1.46</v>
      </c>
      <c r="AF108" s="8">
        <v>1.46</v>
      </c>
      <c r="AG108" s="8">
        <v>1.45</v>
      </c>
      <c r="AH108" s="8">
        <v>1.45</v>
      </c>
      <c r="AI108" s="8">
        <v>1.45</v>
      </c>
      <c r="AJ108" s="8">
        <v>1.45</v>
      </c>
      <c r="AK108" s="8">
        <v>1.46</v>
      </c>
      <c r="AL108" s="8">
        <v>1.46</v>
      </c>
      <c r="AM108" s="8">
        <v>1.47</v>
      </c>
      <c r="AN108" s="8">
        <v>1.46</v>
      </c>
      <c r="AO108" s="8">
        <v>1.46</v>
      </c>
      <c r="AP108" s="8">
        <v>1.46</v>
      </c>
      <c r="AQ108" s="8">
        <v>1.46</v>
      </c>
      <c r="AR108" s="8">
        <v>1.45</v>
      </c>
      <c r="AS108" s="8">
        <v>1.45</v>
      </c>
      <c r="AT108" s="8">
        <v>1.45</v>
      </c>
      <c r="AU108" s="8">
        <v>1.45</v>
      </c>
      <c r="AV108" s="8">
        <v>1.46</v>
      </c>
      <c r="AW108" s="8">
        <v>1.45</v>
      </c>
      <c r="AX108" s="8">
        <v>1.45</v>
      </c>
      <c r="AY108" s="8">
        <v>1.45</v>
      </c>
      <c r="AZ108" s="8">
        <v>1.45</v>
      </c>
      <c r="BA108" s="8">
        <v>1.44</v>
      </c>
      <c r="BB108" s="8">
        <v>1.44</v>
      </c>
      <c r="BC108" s="8">
        <v>1.44</v>
      </c>
      <c r="BD108" s="8">
        <v>1.44</v>
      </c>
      <c r="BF108" s="8">
        <v>1.44</v>
      </c>
    </row>
    <row r="109" spans="3:58" x14ac:dyDescent="0.2">
      <c r="C109" s="5" t="s">
        <v>63</v>
      </c>
      <c r="D109" s="6" t="s">
        <v>58</v>
      </c>
      <c r="E109" s="8">
        <v>15.7</v>
      </c>
      <c r="F109" s="8">
        <v>15.72</v>
      </c>
      <c r="G109" s="8">
        <v>15.72</v>
      </c>
      <c r="H109" s="8">
        <v>15.03</v>
      </c>
      <c r="I109" s="8">
        <v>14.99</v>
      </c>
      <c r="J109" s="8">
        <v>14.98</v>
      </c>
      <c r="K109" s="8">
        <v>15.96</v>
      </c>
      <c r="L109" s="8">
        <v>15.7</v>
      </c>
      <c r="M109" s="8">
        <v>15.41</v>
      </c>
      <c r="N109" s="8">
        <v>15.31</v>
      </c>
      <c r="O109" s="8">
        <v>15.27</v>
      </c>
      <c r="P109" s="8">
        <v>15.05</v>
      </c>
      <c r="Q109" s="8">
        <v>14.92</v>
      </c>
      <c r="R109" s="8">
        <v>14.92</v>
      </c>
      <c r="S109" s="8">
        <v>15.1</v>
      </c>
      <c r="T109" s="8">
        <v>15.01</v>
      </c>
      <c r="U109" s="8">
        <v>14.99</v>
      </c>
      <c r="V109" s="8">
        <v>15.01</v>
      </c>
      <c r="W109" s="8">
        <v>15.17</v>
      </c>
      <c r="X109" s="8">
        <v>15.35</v>
      </c>
      <c r="Y109" s="8">
        <v>15.21</v>
      </c>
      <c r="Z109" s="8">
        <v>15.1</v>
      </c>
      <c r="AA109" s="8">
        <v>15.06</v>
      </c>
      <c r="AB109" s="8">
        <v>14.98</v>
      </c>
      <c r="AC109" s="8">
        <v>15.02</v>
      </c>
      <c r="AD109" s="8">
        <v>14.85</v>
      </c>
      <c r="AE109" s="8">
        <v>14.99</v>
      </c>
      <c r="AF109" s="8">
        <v>14.83</v>
      </c>
      <c r="AG109" s="8">
        <v>14.82</v>
      </c>
      <c r="AH109" s="8">
        <v>14.79</v>
      </c>
      <c r="AI109" s="8">
        <v>14.88</v>
      </c>
      <c r="AJ109" s="8">
        <v>14.95</v>
      </c>
      <c r="AK109" s="8">
        <v>15.11</v>
      </c>
      <c r="AL109" s="8">
        <v>15.18</v>
      </c>
      <c r="AM109" s="8">
        <v>15.02</v>
      </c>
      <c r="AN109" s="8">
        <v>15.06</v>
      </c>
      <c r="AO109" s="8">
        <v>14.96</v>
      </c>
      <c r="AP109" s="8">
        <v>14.96</v>
      </c>
      <c r="AQ109" s="8">
        <v>15.08</v>
      </c>
      <c r="AR109" s="8">
        <v>14.99</v>
      </c>
      <c r="AS109" s="8">
        <v>14.8</v>
      </c>
      <c r="AT109" s="8">
        <v>14.89</v>
      </c>
      <c r="AU109" s="8">
        <v>14.93</v>
      </c>
      <c r="AV109" s="8">
        <v>14.78</v>
      </c>
      <c r="AW109" s="8">
        <v>14.61</v>
      </c>
      <c r="AX109" s="8">
        <v>14.76</v>
      </c>
      <c r="AY109" s="8">
        <v>14.86</v>
      </c>
      <c r="AZ109" s="8">
        <v>14.96</v>
      </c>
      <c r="BA109" s="8">
        <v>15.04</v>
      </c>
      <c r="BB109" s="8">
        <v>14.95</v>
      </c>
      <c r="BC109" s="8">
        <v>14.99</v>
      </c>
      <c r="BD109" s="8">
        <v>15.04</v>
      </c>
      <c r="BF109" s="8">
        <v>15.08</v>
      </c>
    </row>
    <row r="110" spans="3:58" x14ac:dyDescent="0.2">
      <c r="C110" s="5" t="s">
        <v>64</v>
      </c>
      <c r="D110" s="6" t="s">
        <v>58</v>
      </c>
      <c r="E110" s="8">
        <v>10.02</v>
      </c>
      <c r="F110" s="8">
        <v>10.29</v>
      </c>
      <c r="G110" s="8">
        <v>9.93</v>
      </c>
      <c r="H110" s="8">
        <v>8.83</v>
      </c>
      <c r="I110" s="8">
        <v>8.7100000000000009</v>
      </c>
      <c r="J110" s="8">
        <v>8.67</v>
      </c>
      <c r="K110" s="8">
        <v>9.3699999999999992</v>
      </c>
      <c r="L110" s="8">
        <v>9.41</v>
      </c>
      <c r="M110" s="8">
        <v>8.9499999999999993</v>
      </c>
      <c r="N110" s="8">
        <v>8.75</v>
      </c>
      <c r="O110" s="8">
        <v>8.75</v>
      </c>
      <c r="P110" s="8">
        <v>8.6</v>
      </c>
      <c r="Q110" s="8">
        <v>8.58</v>
      </c>
      <c r="R110" s="8">
        <v>8.7799999999999994</v>
      </c>
      <c r="S110" s="8">
        <v>8.69</v>
      </c>
      <c r="T110" s="8">
        <v>8.56</v>
      </c>
      <c r="U110" s="8">
        <v>8.56</v>
      </c>
      <c r="V110" s="8">
        <v>8.59</v>
      </c>
      <c r="W110" s="8">
        <v>8.64</v>
      </c>
      <c r="X110" s="8">
        <v>8.5500000000000007</v>
      </c>
      <c r="Y110" s="8">
        <v>8.4600000000000009</v>
      </c>
      <c r="Z110" s="8">
        <v>8.4600000000000009</v>
      </c>
      <c r="AA110" s="8">
        <v>8.42</v>
      </c>
      <c r="AB110" s="8">
        <v>8.3699999999999992</v>
      </c>
      <c r="AC110" s="8">
        <v>8.35</v>
      </c>
      <c r="AD110" s="8">
        <v>8.42</v>
      </c>
      <c r="AE110" s="8">
        <v>8.5299999999999994</v>
      </c>
      <c r="AF110" s="8">
        <v>8.51</v>
      </c>
      <c r="AG110" s="8">
        <v>8.3699999999999992</v>
      </c>
      <c r="AH110" s="8">
        <v>8.43</v>
      </c>
      <c r="AI110" s="8">
        <v>8.5</v>
      </c>
      <c r="AJ110" s="8">
        <v>8.5399999999999991</v>
      </c>
      <c r="AK110" s="8">
        <v>8.6300000000000008</v>
      </c>
      <c r="AL110" s="8">
        <v>8.69</v>
      </c>
      <c r="AM110" s="8">
        <v>8.66</v>
      </c>
      <c r="AN110" s="8">
        <v>8.66</v>
      </c>
      <c r="AO110" s="8">
        <v>8.7100000000000009</v>
      </c>
      <c r="AP110" s="8">
        <v>8.69</v>
      </c>
      <c r="AQ110" s="8">
        <v>8.68</v>
      </c>
      <c r="AR110" s="8">
        <v>8.7100000000000009</v>
      </c>
      <c r="AS110" s="8">
        <v>8.7799999999999994</v>
      </c>
      <c r="AT110" s="8">
        <v>8.9499999999999993</v>
      </c>
      <c r="AU110" s="8">
        <v>9.09</v>
      </c>
      <c r="AV110" s="8">
        <v>9.0500000000000007</v>
      </c>
      <c r="AW110" s="8">
        <v>8.9600000000000009</v>
      </c>
      <c r="AX110" s="8">
        <v>8.93</v>
      </c>
      <c r="AY110" s="8">
        <v>9.06</v>
      </c>
      <c r="AZ110" s="8">
        <v>9</v>
      </c>
      <c r="BA110" s="8">
        <v>8.7799999999999994</v>
      </c>
      <c r="BB110" s="8">
        <v>8.8800000000000008</v>
      </c>
      <c r="BC110" s="8">
        <v>9.32</v>
      </c>
      <c r="BD110" s="8">
        <v>9.41</v>
      </c>
      <c r="BF110" s="8">
        <v>9.44</v>
      </c>
    </row>
    <row r="111" spans="3:58" x14ac:dyDescent="0.2">
      <c r="C111" s="5" t="s">
        <v>65</v>
      </c>
      <c r="D111" s="6" t="s">
        <v>58</v>
      </c>
      <c r="E111" s="8">
        <v>4.5599999999999996</v>
      </c>
      <c r="F111" s="8">
        <v>4.74</v>
      </c>
      <c r="G111" s="8">
        <v>4.75</v>
      </c>
      <c r="H111" s="8">
        <v>4.62</v>
      </c>
      <c r="I111" s="8">
        <v>4.8099999999999996</v>
      </c>
      <c r="J111" s="8">
        <v>4.8499999999999996</v>
      </c>
      <c r="K111" s="8">
        <v>5.12</v>
      </c>
      <c r="L111" s="8">
        <v>4.8899999999999997</v>
      </c>
      <c r="M111" s="8">
        <v>4.84</v>
      </c>
      <c r="N111" s="8">
        <v>4.8899999999999997</v>
      </c>
      <c r="O111" s="8">
        <v>4.87</v>
      </c>
      <c r="P111" s="8">
        <v>4.75</v>
      </c>
      <c r="Q111" s="8">
        <v>4.66</v>
      </c>
      <c r="R111" s="8">
        <v>4.68</v>
      </c>
      <c r="S111" s="8">
        <v>4.62</v>
      </c>
      <c r="T111" s="8">
        <v>4.58</v>
      </c>
      <c r="U111" s="8">
        <v>4.58</v>
      </c>
      <c r="V111" s="8">
        <v>4.6399999999999997</v>
      </c>
      <c r="W111" s="8">
        <v>4.5199999999999996</v>
      </c>
      <c r="X111" s="8">
        <v>4.46</v>
      </c>
      <c r="Y111" s="8">
        <v>4.6399999999999997</v>
      </c>
      <c r="Z111" s="8">
        <v>4.7300000000000004</v>
      </c>
      <c r="AA111" s="8">
        <v>4.74</v>
      </c>
      <c r="AB111" s="8">
        <v>4.6900000000000004</v>
      </c>
      <c r="AC111" s="8">
        <v>4.97</v>
      </c>
      <c r="AD111" s="8">
        <v>5.17</v>
      </c>
      <c r="AE111" s="8">
        <v>5.3</v>
      </c>
      <c r="AF111" s="8">
        <v>5.38</v>
      </c>
      <c r="AG111" s="8">
        <v>5.52</v>
      </c>
      <c r="AH111" s="8">
        <v>5.47</v>
      </c>
      <c r="AI111" s="8">
        <v>5.51</v>
      </c>
      <c r="AJ111" s="8">
        <v>5.62</v>
      </c>
      <c r="AK111" s="8">
        <v>5.63</v>
      </c>
      <c r="AL111" s="8">
        <v>5.69</v>
      </c>
      <c r="AM111" s="8">
        <v>5.63</v>
      </c>
      <c r="AN111" s="8">
        <v>5.46</v>
      </c>
      <c r="AO111" s="8">
        <v>5.4</v>
      </c>
      <c r="AP111" s="8">
        <v>5.29</v>
      </c>
      <c r="AQ111" s="8">
        <v>5.21</v>
      </c>
      <c r="AR111" s="8">
        <v>5.24</v>
      </c>
      <c r="AS111" s="8">
        <v>5.14</v>
      </c>
      <c r="AT111" s="8">
        <v>5.22</v>
      </c>
      <c r="AU111" s="8">
        <v>5.0599999999999996</v>
      </c>
      <c r="AV111" s="8">
        <v>5.14</v>
      </c>
      <c r="AW111" s="8">
        <v>5.07</v>
      </c>
      <c r="AX111" s="8">
        <v>5.22</v>
      </c>
      <c r="AY111" s="8">
        <v>5.05</v>
      </c>
      <c r="AZ111" s="8">
        <v>5.04</v>
      </c>
      <c r="BA111" s="8">
        <v>5.2</v>
      </c>
      <c r="BB111" s="8">
        <v>5.36</v>
      </c>
      <c r="BC111" s="8">
        <v>5.56</v>
      </c>
      <c r="BD111" s="8">
        <v>5.53</v>
      </c>
      <c r="BF111" s="8">
        <v>5.47</v>
      </c>
    </row>
    <row r="112" spans="3:58" x14ac:dyDescent="0.2">
      <c r="C112" s="5" t="s">
        <v>66</v>
      </c>
      <c r="D112" s="6" t="s">
        <v>58</v>
      </c>
      <c r="E112" s="8">
        <v>6.46</v>
      </c>
      <c r="F112" s="8">
        <v>6.72</v>
      </c>
      <c r="G112" s="8">
        <v>6.79</v>
      </c>
      <c r="H112" s="8">
        <v>7.04</v>
      </c>
      <c r="I112" s="8">
        <v>7.11</v>
      </c>
      <c r="J112" s="8">
        <v>7.06</v>
      </c>
      <c r="K112" s="8">
        <v>7.35</v>
      </c>
      <c r="L112" s="8">
        <v>6.59</v>
      </c>
      <c r="M112" s="8">
        <v>6.43</v>
      </c>
      <c r="N112" s="8">
        <v>6.68</v>
      </c>
      <c r="O112" s="8">
        <v>6.67</v>
      </c>
      <c r="P112" s="8">
        <v>6.38</v>
      </c>
      <c r="Q112" s="8">
        <v>6.52</v>
      </c>
      <c r="R112" s="8">
        <v>6.47</v>
      </c>
      <c r="S112" s="8">
        <v>6.13</v>
      </c>
      <c r="T112" s="8">
        <v>6.11</v>
      </c>
      <c r="U112" s="8">
        <v>6.05</v>
      </c>
      <c r="V112" s="8">
        <v>6.02</v>
      </c>
      <c r="W112" s="8">
        <v>5.7</v>
      </c>
      <c r="X112" s="8">
        <v>5.79</v>
      </c>
      <c r="Y112" s="8">
        <v>5.93</v>
      </c>
      <c r="Z112" s="8">
        <v>5.78</v>
      </c>
      <c r="AA112" s="8">
        <v>5.71</v>
      </c>
      <c r="AB112" s="8">
        <v>5.69</v>
      </c>
      <c r="AC112" s="8">
        <v>5.82</v>
      </c>
      <c r="AD112" s="8">
        <v>5.68</v>
      </c>
      <c r="AE112" s="8">
        <v>5.91</v>
      </c>
      <c r="AF112" s="8">
        <v>5.95</v>
      </c>
      <c r="AG112" s="8">
        <v>6.25</v>
      </c>
      <c r="AH112" s="8">
        <v>6.24</v>
      </c>
      <c r="AI112" s="8">
        <v>6.23</v>
      </c>
      <c r="AJ112" s="8">
        <v>6.27</v>
      </c>
      <c r="AK112" s="8">
        <v>6.53</v>
      </c>
      <c r="AL112" s="8">
        <v>6.47</v>
      </c>
      <c r="AM112" s="8">
        <v>6.19</v>
      </c>
      <c r="AN112" s="8">
        <v>6.38</v>
      </c>
      <c r="AO112" s="8">
        <v>6.67</v>
      </c>
      <c r="AP112" s="8">
        <v>6.77</v>
      </c>
      <c r="AQ112" s="8">
        <v>6.46</v>
      </c>
      <c r="AR112" s="8">
        <v>6.44</v>
      </c>
      <c r="AS112" s="8">
        <v>6.56</v>
      </c>
      <c r="AT112" s="8">
        <v>6.42</v>
      </c>
      <c r="AU112" s="8">
        <v>6.28</v>
      </c>
      <c r="AV112" s="8">
        <v>6.33</v>
      </c>
      <c r="AW112" s="8">
        <v>6.63</v>
      </c>
      <c r="AX112" s="8">
        <v>6.72</v>
      </c>
      <c r="AY112" s="8">
        <v>6.25</v>
      </c>
      <c r="AZ112" s="8">
        <v>6.13</v>
      </c>
      <c r="BA112" s="8">
        <v>6.48</v>
      </c>
      <c r="BB112" s="8">
        <v>6.74</v>
      </c>
      <c r="BC112" s="8">
        <v>6.75</v>
      </c>
      <c r="BD112" s="8">
        <v>6.72</v>
      </c>
      <c r="BF112" s="8">
        <v>6.82</v>
      </c>
    </row>
    <row r="113" spans="3:58" x14ac:dyDescent="0.2">
      <c r="C113" s="5" t="s">
        <v>116</v>
      </c>
      <c r="D113" s="6" t="s">
        <v>58</v>
      </c>
      <c r="E113" s="8">
        <v>10.119999999999999</v>
      </c>
      <c r="F113" s="8">
        <v>10.98</v>
      </c>
      <c r="G113" s="8">
        <v>11.71</v>
      </c>
      <c r="H113" s="8">
        <v>11.29</v>
      </c>
      <c r="I113" s="8">
        <v>11.01</v>
      </c>
      <c r="J113" s="8">
        <v>11.09</v>
      </c>
      <c r="K113" s="8">
        <v>11.99</v>
      </c>
      <c r="L113" s="8">
        <v>12.14</v>
      </c>
      <c r="M113" s="8">
        <v>11.59</v>
      </c>
      <c r="N113" s="8">
        <v>11.27</v>
      </c>
      <c r="O113" s="8">
        <v>11.11</v>
      </c>
      <c r="P113" s="8">
        <v>10.65</v>
      </c>
      <c r="Q113" s="8">
        <v>10.49</v>
      </c>
      <c r="R113" s="8">
        <v>10.36</v>
      </c>
      <c r="S113" s="8">
        <v>10.24</v>
      </c>
      <c r="T113" s="8">
        <v>10.23</v>
      </c>
      <c r="U113" s="8">
        <v>10.15</v>
      </c>
      <c r="V113" s="8">
        <v>10.1</v>
      </c>
      <c r="W113" s="8">
        <v>10.15</v>
      </c>
      <c r="X113" s="8">
        <v>10.17</v>
      </c>
      <c r="Y113" s="8">
        <v>9.9700000000000006</v>
      </c>
      <c r="Z113" s="8">
        <v>10.01</v>
      </c>
      <c r="AA113" s="8">
        <v>10</v>
      </c>
      <c r="AB113" s="8">
        <v>9.85</v>
      </c>
      <c r="AC113" s="8">
        <v>9.98</v>
      </c>
      <c r="AD113" s="8">
        <v>9.89</v>
      </c>
      <c r="AE113" s="8">
        <v>9.74</v>
      </c>
      <c r="AF113" s="8">
        <v>9.89</v>
      </c>
      <c r="AG113" s="8">
        <v>9.99</v>
      </c>
      <c r="AH113" s="8">
        <v>10.130000000000001</v>
      </c>
      <c r="AI113" s="8">
        <v>10.26</v>
      </c>
      <c r="AJ113" s="8">
        <v>10.34</v>
      </c>
      <c r="AK113" s="8">
        <v>10.42</v>
      </c>
      <c r="AL113" s="8">
        <v>10.48</v>
      </c>
      <c r="AM113" s="8">
        <v>10.45</v>
      </c>
      <c r="AN113" s="8">
        <v>10.6</v>
      </c>
      <c r="AO113" s="8">
        <v>10.76</v>
      </c>
      <c r="AP113" s="8">
        <v>10.72</v>
      </c>
      <c r="AQ113" s="8">
        <v>10.61</v>
      </c>
      <c r="AR113" s="8">
        <v>10.49</v>
      </c>
      <c r="AS113" s="8">
        <v>10.38</v>
      </c>
      <c r="AT113" s="8">
        <v>10.53</v>
      </c>
      <c r="AU113" s="8">
        <v>10.72</v>
      </c>
      <c r="AV113" s="8">
        <v>10.72</v>
      </c>
      <c r="AW113" s="8">
        <v>11</v>
      </c>
      <c r="AX113" s="8">
        <v>11.17</v>
      </c>
      <c r="AY113" s="8">
        <v>11.21</v>
      </c>
      <c r="AZ113" s="8">
        <v>11.22</v>
      </c>
      <c r="BA113" s="8">
        <v>11.07</v>
      </c>
      <c r="BB113" s="8">
        <v>11.09</v>
      </c>
      <c r="BC113" s="8">
        <v>11.43</v>
      </c>
      <c r="BD113" s="8">
        <v>11.63</v>
      </c>
      <c r="BF113" s="8">
        <v>11.66</v>
      </c>
    </row>
    <row r="114" spans="3:58" x14ac:dyDescent="0.2">
      <c r="C114" s="5" t="s">
        <v>68</v>
      </c>
      <c r="D114" s="6" t="s">
        <v>58</v>
      </c>
      <c r="E114" s="8">
        <v>4.75</v>
      </c>
      <c r="F114" s="8">
        <v>4.8</v>
      </c>
      <c r="G114" s="8">
        <v>4.8099999999999996</v>
      </c>
      <c r="H114" s="8">
        <v>4.8499999999999996</v>
      </c>
      <c r="I114" s="8">
        <v>4.9000000000000004</v>
      </c>
      <c r="J114" s="8">
        <v>5.03</v>
      </c>
      <c r="K114" s="8">
        <v>5.1100000000000003</v>
      </c>
      <c r="L114" s="8">
        <v>5.03</v>
      </c>
      <c r="M114" s="8">
        <v>4.96</v>
      </c>
      <c r="N114" s="8">
        <v>5.07</v>
      </c>
      <c r="O114" s="8">
        <v>5.0599999999999996</v>
      </c>
      <c r="P114" s="8">
        <v>5</v>
      </c>
      <c r="Q114" s="8">
        <v>4.9400000000000004</v>
      </c>
      <c r="R114" s="8">
        <v>4.8899999999999997</v>
      </c>
      <c r="S114" s="8">
        <v>4.9000000000000004</v>
      </c>
      <c r="T114" s="8">
        <v>4.91</v>
      </c>
      <c r="U114" s="8">
        <v>4.84</v>
      </c>
      <c r="V114" s="8">
        <v>4.93</v>
      </c>
      <c r="W114" s="8">
        <v>5.05</v>
      </c>
      <c r="X114" s="8">
        <v>4.8099999999999996</v>
      </c>
      <c r="Y114" s="8">
        <v>4.79</v>
      </c>
      <c r="Z114" s="8">
        <v>4.72</v>
      </c>
      <c r="AA114" s="8">
        <v>4.59</v>
      </c>
      <c r="AB114" s="8">
        <v>4.55</v>
      </c>
      <c r="AC114" s="8">
        <v>4.5999999999999996</v>
      </c>
      <c r="AD114" s="8">
        <v>4.5199999999999996</v>
      </c>
      <c r="AE114" s="8">
        <v>4.5599999999999996</v>
      </c>
      <c r="AF114" s="8">
        <v>4.66</v>
      </c>
      <c r="AG114" s="8">
        <v>4.68</v>
      </c>
      <c r="AH114" s="8">
        <v>4.7300000000000004</v>
      </c>
      <c r="AI114" s="8">
        <v>4.7699999999999996</v>
      </c>
      <c r="AJ114" s="8">
        <v>4.84</v>
      </c>
      <c r="AK114" s="8">
        <v>4.7</v>
      </c>
      <c r="AL114" s="8">
        <v>4.66</v>
      </c>
      <c r="AM114" s="8">
        <v>4.62</v>
      </c>
      <c r="AN114" s="8">
        <v>4.59</v>
      </c>
      <c r="AO114" s="8">
        <v>4.4400000000000004</v>
      </c>
      <c r="AP114" s="8">
        <v>4.53</v>
      </c>
      <c r="AQ114" s="8">
        <v>4.45</v>
      </c>
      <c r="AR114" s="8">
        <v>4.53</v>
      </c>
      <c r="AS114" s="8">
        <v>4.53</v>
      </c>
      <c r="AT114" s="8">
        <v>4.5</v>
      </c>
      <c r="AU114" s="8">
        <v>4.4800000000000004</v>
      </c>
      <c r="AV114" s="8">
        <v>4.6100000000000003</v>
      </c>
      <c r="AW114" s="8">
        <v>4.55</v>
      </c>
      <c r="AX114" s="8">
        <v>4.6500000000000004</v>
      </c>
      <c r="AY114" s="8">
        <v>4.66</v>
      </c>
      <c r="AZ114" s="8">
        <v>4.67</v>
      </c>
      <c r="BA114" s="8">
        <v>4.67</v>
      </c>
      <c r="BB114" s="8">
        <v>4.78</v>
      </c>
      <c r="BC114" s="8">
        <v>4.8</v>
      </c>
      <c r="BD114" s="8">
        <v>4.9000000000000004</v>
      </c>
      <c r="BF114" s="8">
        <v>4.84</v>
      </c>
    </row>
    <row r="115" spans="3:58" x14ac:dyDescent="0.2">
      <c r="C115" s="5" t="s">
        <v>69</v>
      </c>
      <c r="D115" s="6" t="s">
        <v>58</v>
      </c>
      <c r="E115" s="8">
        <v>3.99</v>
      </c>
      <c r="F115" s="8">
        <v>4.1100000000000003</v>
      </c>
      <c r="G115" s="8">
        <v>4.3499999999999996</v>
      </c>
      <c r="H115" s="8">
        <v>4.42</v>
      </c>
      <c r="I115" s="8">
        <v>4.3899999999999997</v>
      </c>
      <c r="J115" s="8">
        <v>4.3600000000000003</v>
      </c>
      <c r="K115" s="8">
        <v>4.4400000000000004</v>
      </c>
      <c r="L115" s="8">
        <v>4.4000000000000004</v>
      </c>
      <c r="M115" s="8">
        <v>4.21</v>
      </c>
      <c r="N115" s="8">
        <v>4.1500000000000004</v>
      </c>
      <c r="O115" s="8">
        <v>4.1399999999999997</v>
      </c>
      <c r="P115" s="8">
        <v>4.13</v>
      </c>
      <c r="Q115" s="8">
        <v>4.13</v>
      </c>
      <c r="R115" s="8">
        <v>3.96</v>
      </c>
      <c r="S115" s="8">
        <v>3.87</v>
      </c>
      <c r="T115" s="8">
        <v>3.9</v>
      </c>
      <c r="U115" s="8">
        <v>3.74</v>
      </c>
      <c r="V115" s="8">
        <v>3.76</v>
      </c>
      <c r="W115" s="8">
        <v>3.68</v>
      </c>
      <c r="X115" s="8">
        <v>3.65</v>
      </c>
      <c r="Y115" s="8">
        <v>3.72</v>
      </c>
      <c r="Z115" s="8">
        <v>3.71</v>
      </c>
      <c r="AA115" s="8">
        <v>3.74</v>
      </c>
      <c r="AB115" s="8">
        <v>3.72</v>
      </c>
      <c r="AC115" s="8">
        <v>3.71</v>
      </c>
      <c r="AD115" s="8">
        <v>3.71</v>
      </c>
      <c r="AE115" s="8">
        <v>3.71</v>
      </c>
      <c r="AF115" s="8">
        <v>3.75</v>
      </c>
      <c r="AG115" s="8">
        <v>3.67</v>
      </c>
      <c r="AH115" s="8">
        <v>3.64</v>
      </c>
      <c r="AI115" s="8">
        <v>3.67</v>
      </c>
      <c r="AJ115" s="8">
        <v>3.68</v>
      </c>
      <c r="AK115" s="8">
        <v>3.71</v>
      </c>
      <c r="AL115" s="8">
        <v>3.77</v>
      </c>
      <c r="AM115" s="8">
        <v>3.72</v>
      </c>
      <c r="AN115" s="8">
        <v>3.73</v>
      </c>
      <c r="AO115" s="8">
        <v>3.64</v>
      </c>
      <c r="AP115" s="8">
        <v>3.65</v>
      </c>
      <c r="AQ115" s="8">
        <v>3.69</v>
      </c>
      <c r="AR115" s="8">
        <v>3.75</v>
      </c>
      <c r="AS115" s="8">
        <v>3.62</v>
      </c>
      <c r="AT115" s="8">
        <v>3.74</v>
      </c>
      <c r="AU115" s="8">
        <v>3.77</v>
      </c>
      <c r="AV115" s="8">
        <v>3.79</v>
      </c>
      <c r="AW115" s="8">
        <v>3.82</v>
      </c>
      <c r="AX115" s="8">
        <v>4.0599999999999996</v>
      </c>
      <c r="AY115" s="8">
        <v>4.21</v>
      </c>
      <c r="AZ115" s="8">
        <v>4.2</v>
      </c>
      <c r="BA115" s="8">
        <v>4.1900000000000004</v>
      </c>
      <c r="BB115" s="8">
        <v>4.29</v>
      </c>
      <c r="BC115" s="8">
        <v>4.46</v>
      </c>
      <c r="BD115" s="8">
        <v>4.46</v>
      </c>
      <c r="BF115" s="8">
        <v>4.43</v>
      </c>
    </row>
    <row r="116" spans="3:58" x14ac:dyDescent="0.2">
      <c r="C116" s="5" t="s">
        <v>70</v>
      </c>
      <c r="D116" s="6" t="s">
        <v>58</v>
      </c>
      <c r="E116" s="8">
        <v>4.37</v>
      </c>
      <c r="F116" s="8">
        <v>4.42</v>
      </c>
      <c r="G116" s="8">
        <v>4.71</v>
      </c>
      <c r="H116" s="8">
        <v>4.5599999999999996</v>
      </c>
      <c r="I116" s="8">
        <v>4.6100000000000003</v>
      </c>
      <c r="J116" s="8">
        <v>4.66</v>
      </c>
      <c r="K116" s="8">
        <v>4.91</v>
      </c>
      <c r="L116" s="8">
        <v>4.91</v>
      </c>
      <c r="M116" s="8">
        <v>4.7699999999999996</v>
      </c>
      <c r="N116" s="8">
        <v>4.8499999999999996</v>
      </c>
      <c r="O116" s="8">
        <v>4.57</v>
      </c>
      <c r="P116" s="8">
        <v>4.3</v>
      </c>
      <c r="Q116" s="8">
        <v>3.99</v>
      </c>
      <c r="R116" s="8">
        <v>4</v>
      </c>
      <c r="S116" s="8">
        <v>3.84</v>
      </c>
      <c r="T116" s="8">
        <v>3.75</v>
      </c>
      <c r="U116" s="8">
        <v>3.69</v>
      </c>
      <c r="V116" s="8">
        <v>3.67</v>
      </c>
      <c r="W116" s="8">
        <v>3.73</v>
      </c>
      <c r="X116" s="8">
        <v>3.8</v>
      </c>
      <c r="Y116" s="8">
        <v>3.95</v>
      </c>
      <c r="Z116" s="8">
        <v>4.13</v>
      </c>
      <c r="AA116" s="8">
        <v>4.29</v>
      </c>
      <c r="AB116" s="8">
        <v>4.37</v>
      </c>
      <c r="AC116" s="8">
        <v>4.41</v>
      </c>
      <c r="AD116" s="8">
        <v>4.41</v>
      </c>
      <c r="AE116" s="8">
        <v>4.34</v>
      </c>
      <c r="AF116" s="8">
        <v>4.41</v>
      </c>
      <c r="AG116" s="8">
        <v>4.41</v>
      </c>
      <c r="AH116" s="8">
        <v>4.47</v>
      </c>
      <c r="AI116" s="8">
        <v>4.4400000000000004</v>
      </c>
      <c r="AJ116" s="8">
        <v>4.46</v>
      </c>
      <c r="AK116" s="8">
        <v>4.45</v>
      </c>
      <c r="AL116" s="8">
        <v>4.46</v>
      </c>
      <c r="AM116" s="8">
        <v>4.4400000000000004</v>
      </c>
      <c r="AN116" s="8">
        <v>4.32</v>
      </c>
      <c r="AO116" s="8">
        <v>4.38</v>
      </c>
      <c r="AP116" s="8">
        <v>4.2</v>
      </c>
      <c r="AQ116" s="8">
        <v>4.2</v>
      </c>
      <c r="AR116" s="8">
        <v>4.2300000000000004</v>
      </c>
      <c r="AS116" s="8">
        <v>4.3600000000000003</v>
      </c>
      <c r="AT116" s="8">
        <v>4.26</v>
      </c>
      <c r="AU116" s="8">
        <v>4.3099999999999996</v>
      </c>
      <c r="AV116" s="8">
        <v>4.29</v>
      </c>
      <c r="AW116" s="8">
        <v>4.3600000000000003</v>
      </c>
      <c r="AX116" s="8">
        <v>4.3099999999999996</v>
      </c>
      <c r="AY116" s="8">
        <v>4.26</v>
      </c>
      <c r="AZ116" s="8">
        <v>4.18</v>
      </c>
      <c r="BA116" s="8">
        <v>4.29</v>
      </c>
      <c r="BB116" s="8">
        <v>4.55</v>
      </c>
      <c r="BC116" s="8">
        <v>4.58</v>
      </c>
      <c r="BD116" s="8">
        <v>4.5999999999999996</v>
      </c>
      <c r="BF116" s="8">
        <v>4.43</v>
      </c>
    </row>
    <row r="117" spans="3:58" x14ac:dyDescent="0.2">
      <c r="C117" s="5" t="s">
        <v>101</v>
      </c>
      <c r="D117" s="6" t="s">
        <v>58</v>
      </c>
      <c r="E117" s="8">
        <v>10.33</v>
      </c>
      <c r="F117" s="8">
        <v>10.52</v>
      </c>
      <c r="G117" s="8">
        <v>10.61</v>
      </c>
      <c r="H117" s="8">
        <v>10.73</v>
      </c>
      <c r="I117" s="8">
        <v>11.09</v>
      </c>
      <c r="J117" s="8">
        <v>11</v>
      </c>
      <c r="K117" s="8">
        <v>11.27</v>
      </c>
      <c r="L117" s="8">
        <v>11.87</v>
      </c>
      <c r="M117" s="8">
        <v>11.85</v>
      </c>
      <c r="N117" s="8">
        <v>11.19</v>
      </c>
      <c r="O117" s="8">
        <v>11.38</v>
      </c>
      <c r="P117" s="8">
        <v>11.23</v>
      </c>
      <c r="Q117" s="8">
        <v>11.23</v>
      </c>
      <c r="R117" s="8">
        <v>11.27</v>
      </c>
      <c r="S117" s="8">
        <v>10.86</v>
      </c>
      <c r="T117" s="8">
        <v>11.01</v>
      </c>
      <c r="U117" s="8">
        <v>10.56</v>
      </c>
      <c r="V117" s="8">
        <v>10.46</v>
      </c>
      <c r="W117" s="8">
        <v>10.38</v>
      </c>
      <c r="X117" s="8">
        <v>10.4</v>
      </c>
      <c r="Y117" s="8">
        <v>10.51</v>
      </c>
      <c r="Z117" s="8">
        <v>10.34</v>
      </c>
      <c r="AA117" s="8">
        <v>10.3</v>
      </c>
      <c r="AB117" s="8">
        <v>10.54</v>
      </c>
      <c r="AC117" s="8">
        <v>10.49</v>
      </c>
      <c r="AD117" s="8">
        <v>10.34</v>
      </c>
      <c r="AE117" s="8">
        <v>9.98</v>
      </c>
      <c r="AF117" s="8">
        <v>9.89</v>
      </c>
      <c r="AG117" s="8">
        <v>9.6999999999999993</v>
      </c>
      <c r="AH117" s="8">
        <v>9.86</v>
      </c>
      <c r="AI117" s="8">
        <v>9.66</v>
      </c>
      <c r="AJ117" s="8">
        <v>9.6300000000000008</v>
      </c>
      <c r="AK117" s="8">
        <v>9.6</v>
      </c>
      <c r="AL117" s="8">
        <v>9.65</v>
      </c>
      <c r="AM117" s="8">
        <v>9.69</v>
      </c>
      <c r="AN117" s="8">
        <v>9.51</v>
      </c>
      <c r="AO117" s="8">
        <v>9.26</v>
      </c>
      <c r="AP117" s="8">
        <v>9.32</v>
      </c>
      <c r="AQ117" s="8">
        <v>8.98</v>
      </c>
      <c r="AR117" s="8">
        <v>9.4700000000000006</v>
      </c>
      <c r="AS117" s="8">
        <v>9.7799999999999994</v>
      </c>
      <c r="AT117" s="8">
        <v>10.23</v>
      </c>
      <c r="AU117" s="8">
        <v>9.93</v>
      </c>
      <c r="AV117" s="8">
        <v>9.99</v>
      </c>
      <c r="AW117" s="8">
        <v>10.15</v>
      </c>
      <c r="AX117" s="8">
        <v>10.17</v>
      </c>
      <c r="AY117" s="8">
        <v>10.16</v>
      </c>
      <c r="AZ117" s="8">
        <v>10.25</v>
      </c>
      <c r="BA117" s="8">
        <v>10.39</v>
      </c>
      <c r="BB117" s="8">
        <v>10.45</v>
      </c>
      <c r="BC117" s="8">
        <v>10.44</v>
      </c>
      <c r="BD117" s="8">
        <v>10.45</v>
      </c>
      <c r="BF117" s="8">
        <v>10.44</v>
      </c>
    </row>
    <row r="118" spans="3:58" x14ac:dyDescent="0.2">
      <c r="C118" s="5" t="s">
        <v>71</v>
      </c>
      <c r="D118" s="6" t="s">
        <v>58</v>
      </c>
      <c r="E118" s="8">
        <v>5.44</v>
      </c>
      <c r="F118" s="8">
        <v>5.48</v>
      </c>
      <c r="G118" s="8">
        <v>5.46</v>
      </c>
      <c r="H118" s="8">
        <v>5.47</v>
      </c>
      <c r="I118" s="8">
        <v>5.43</v>
      </c>
      <c r="J118" s="8">
        <v>5.44</v>
      </c>
      <c r="K118" s="8">
        <v>5.37</v>
      </c>
      <c r="L118" s="8">
        <v>5.39</v>
      </c>
      <c r="M118" s="8">
        <v>5.41</v>
      </c>
      <c r="N118" s="8">
        <v>5.42</v>
      </c>
      <c r="O118" s="8">
        <v>5.44</v>
      </c>
      <c r="P118" s="8">
        <v>5.48</v>
      </c>
      <c r="Q118" s="8">
        <v>5.48</v>
      </c>
      <c r="R118" s="8">
        <v>5.48</v>
      </c>
      <c r="S118" s="8">
        <v>5.51</v>
      </c>
      <c r="T118" s="8">
        <v>5.51</v>
      </c>
      <c r="U118" s="8">
        <v>5.53</v>
      </c>
      <c r="V118" s="8">
        <v>5.56</v>
      </c>
      <c r="W118" s="8">
        <v>5.52</v>
      </c>
      <c r="X118" s="8">
        <v>5.49</v>
      </c>
      <c r="Y118" s="8">
        <v>5.46</v>
      </c>
      <c r="Z118" s="8">
        <v>5.47</v>
      </c>
      <c r="AA118" s="8">
        <v>5.51</v>
      </c>
      <c r="AB118" s="8">
        <v>5.46</v>
      </c>
      <c r="AC118" s="8">
        <v>5.46</v>
      </c>
      <c r="AD118" s="8">
        <v>5.46</v>
      </c>
      <c r="AE118" s="8">
        <v>5.49</v>
      </c>
      <c r="AF118" s="8">
        <v>5.46</v>
      </c>
      <c r="AG118" s="8">
        <v>5.5</v>
      </c>
      <c r="AH118" s="8">
        <v>5.54</v>
      </c>
      <c r="AI118" s="8">
        <v>5.54</v>
      </c>
      <c r="AJ118" s="8">
        <v>5.56</v>
      </c>
      <c r="AK118" s="8">
        <v>5.56</v>
      </c>
      <c r="AL118" s="8">
        <v>5.58</v>
      </c>
      <c r="AM118" s="8">
        <v>5.58</v>
      </c>
      <c r="AN118" s="8">
        <v>5.61</v>
      </c>
      <c r="AO118" s="8">
        <v>5.61</v>
      </c>
      <c r="AP118" s="8">
        <v>5.62</v>
      </c>
      <c r="AQ118" s="8">
        <v>5.64</v>
      </c>
      <c r="AR118" s="8">
        <v>5.65</v>
      </c>
      <c r="AS118" s="8">
        <v>5.67</v>
      </c>
      <c r="AT118" s="8">
        <v>5.68</v>
      </c>
      <c r="AU118" s="8">
        <v>5.71</v>
      </c>
      <c r="AV118" s="8">
        <v>5.7</v>
      </c>
      <c r="AW118" s="8">
        <v>5.71</v>
      </c>
      <c r="AX118" s="8">
        <v>5.69</v>
      </c>
      <c r="AY118" s="8">
        <v>5.68</v>
      </c>
      <c r="AZ118" s="8">
        <v>5.72</v>
      </c>
      <c r="BA118" s="8">
        <v>5.74</v>
      </c>
      <c r="BB118" s="8">
        <v>5.7</v>
      </c>
      <c r="BC118" s="8">
        <v>5.73</v>
      </c>
      <c r="BD118" s="8">
        <v>5.72</v>
      </c>
      <c r="BF118" s="8">
        <v>5.73</v>
      </c>
    </row>
    <row r="119" spans="3:58" x14ac:dyDescent="0.2">
      <c r="C119" s="5" t="s">
        <v>102</v>
      </c>
      <c r="D119" s="6" t="s">
        <v>58</v>
      </c>
      <c r="E119" s="17">
        <v>9.4</v>
      </c>
      <c r="F119" s="17">
        <v>9.1</v>
      </c>
      <c r="G119" s="17">
        <v>9.06</v>
      </c>
      <c r="H119" s="17">
        <v>9.0399999999999991</v>
      </c>
      <c r="I119" s="17">
        <v>9.1199999999999992</v>
      </c>
      <c r="J119" s="17">
        <v>9.36</v>
      </c>
      <c r="K119" s="17">
        <v>9.51</v>
      </c>
      <c r="L119" s="17">
        <v>9.6999999999999993</v>
      </c>
      <c r="M119" s="17">
        <v>9.66</v>
      </c>
      <c r="N119" s="17">
        <v>9.7200000000000006</v>
      </c>
      <c r="O119" s="17">
        <v>9.69</v>
      </c>
      <c r="P119" s="17">
        <v>9.67</v>
      </c>
      <c r="Q119" s="17">
        <v>9.6300000000000008</v>
      </c>
      <c r="R119" s="17">
        <v>9.51</v>
      </c>
      <c r="S119" s="17">
        <v>9.41</v>
      </c>
      <c r="T119" s="17">
        <v>9.43</v>
      </c>
      <c r="U119" s="17">
        <v>9.44</v>
      </c>
      <c r="V119" s="17">
        <v>9.4499999999999993</v>
      </c>
      <c r="W119" s="17">
        <v>9.41</v>
      </c>
      <c r="X119" s="17">
        <v>9.42</v>
      </c>
      <c r="Y119" s="17">
        <v>9.43</v>
      </c>
      <c r="Z119" s="17">
        <v>9.39</v>
      </c>
      <c r="AA119" s="17">
        <v>9.34</v>
      </c>
      <c r="AB119" s="17">
        <v>9.35</v>
      </c>
      <c r="AC119" s="17">
        <v>9.39</v>
      </c>
      <c r="AD119" s="17">
        <v>9.3800000000000008</v>
      </c>
      <c r="AE119" s="17">
        <v>9.4499999999999993</v>
      </c>
      <c r="AF119" s="17">
        <v>9.4499999999999993</v>
      </c>
      <c r="AG119" s="17">
        <v>9.42</v>
      </c>
      <c r="AH119" s="17">
        <v>9.48</v>
      </c>
      <c r="AI119" s="17">
        <v>9.5399999999999991</v>
      </c>
      <c r="AJ119" s="17">
        <v>9.5399999999999991</v>
      </c>
      <c r="AK119" s="17">
        <v>9.52</v>
      </c>
      <c r="AL119" s="17">
        <v>9.5299999999999994</v>
      </c>
      <c r="AM119" s="17">
        <v>9.52</v>
      </c>
      <c r="AN119" s="17">
        <v>9.4</v>
      </c>
      <c r="AO119" s="17">
        <v>9.48</v>
      </c>
      <c r="AP119" s="17">
        <v>9.4499999999999993</v>
      </c>
      <c r="AQ119" s="17">
        <v>9.5</v>
      </c>
      <c r="AR119" s="17">
        <v>9.34</v>
      </c>
      <c r="AS119" s="17">
        <v>9.24</v>
      </c>
      <c r="AT119" s="17">
        <v>9.2799999999999994</v>
      </c>
      <c r="AU119" s="17">
        <v>9.4</v>
      </c>
      <c r="AV119" s="17">
        <v>9.35</v>
      </c>
      <c r="AW119" s="17">
        <v>9.25</v>
      </c>
      <c r="AX119" s="17">
        <v>9.1999999999999993</v>
      </c>
      <c r="AY119" s="17">
        <v>9.33</v>
      </c>
      <c r="AZ119" s="17">
        <v>9.2200000000000006</v>
      </c>
      <c r="BA119" s="17">
        <v>9.06</v>
      </c>
      <c r="BB119" s="8">
        <v>9.11</v>
      </c>
      <c r="BC119" s="17">
        <v>9.2799999999999994</v>
      </c>
      <c r="BD119" s="17">
        <v>9.2799999999999994</v>
      </c>
      <c r="BF119" s="17">
        <v>9.2899999999999991</v>
      </c>
    </row>
    <row r="120" spans="3:58" x14ac:dyDescent="0.2">
      <c r="C120" s="5" t="s">
        <v>72</v>
      </c>
      <c r="D120" s="6" t="s">
        <v>58</v>
      </c>
      <c r="E120" s="8">
        <v>11.15</v>
      </c>
      <c r="F120" s="8">
        <v>11.53</v>
      </c>
      <c r="G120" s="8">
        <v>11.83</v>
      </c>
      <c r="H120" s="8">
        <v>11.68</v>
      </c>
      <c r="I120" s="8">
        <v>11.84</v>
      </c>
      <c r="J120" s="8">
        <v>11.85</v>
      </c>
      <c r="K120" s="8">
        <v>11.9</v>
      </c>
      <c r="L120" s="8">
        <v>11.92</v>
      </c>
      <c r="M120" s="8">
        <v>11.96</v>
      </c>
      <c r="N120" s="8">
        <v>12.07</v>
      </c>
      <c r="O120" s="8">
        <v>12.01</v>
      </c>
      <c r="P120" s="8">
        <v>11.84</v>
      </c>
      <c r="Q120" s="8">
        <v>11.7</v>
      </c>
      <c r="R120" s="8">
        <v>11.89</v>
      </c>
      <c r="S120" s="8">
        <v>11.94</v>
      </c>
      <c r="T120" s="8">
        <v>11.84</v>
      </c>
      <c r="U120" s="8">
        <v>11.85</v>
      </c>
      <c r="V120" s="8">
        <v>11.85</v>
      </c>
      <c r="W120" s="8">
        <v>11.88</v>
      </c>
      <c r="X120" s="8">
        <v>11.73</v>
      </c>
      <c r="Y120" s="8">
        <v>11.6</v>
      </c>
      <c r="Z120" s="8">
        <v>11.58</v>
      </c>
      <c r="AA120" s="8">
        <v>11.61</v>
      </c>
      <c r="AB120" s="8">
        <v>11.51</v>
      </c>
      <c r="AC120" s="8">
        <v>11.54</v>
      </c>
      <c r="AD120" s="8">
        <v>11.51</v>
      </c>
      <c r="AE120" s="8">
        <v>11.56</v>
      </c>
      <c r="AF120" s="8">
        <v>11.54</v>
      </c>
      <c r="AG120" s="8">
        <v>11.48</v>
      </c>
      <c r="AH120" s="8">
        <v>11.48</v>
      </c>
      <c r="AI120" s="8">
        <v>11.56</v>
      </c>
      <c r="AJ120" s="8">
        <v>11.54</v>
      </c>
      <c r="AK120" s="8">
        <v>11.54</v>
      </c>
      <c r="AL120" s="8">
        <v>11.55</v>
      </c>
      <c r="AM120" s="8">
        <v>11.48</v>
      </c>
      <c r="AN120" s="8">
        <v>11.42</v>
      </c>
      <c r="AO120" s="8">
        <v>11.3</v>
      </c>
      <c r="AP120" s="8">
        <v>11.2</v>
      </c>
      <c r="AQ120" s="8">
        <v>11.26</v>
      </c>
      <c r="AR120" s="8">
        <v>11.2</v>
      </c>
      <c r="AS120" s="8">
        <v>11.05</v>
      </c>
      <c r="AT120" s="8">
        <v>11.08</v>
      </c>
      <c r="AU120" s="8">
        <v>10.95</v>
      </c>
      <c r="AV120" s="8">
        <v>10.88</v>
      </c>
      <c r="AW120" s="8">
        <v>10.86</v>
      </c>
      <c r="AX120" s="8">
        <v>10.91</v>
      </c>
      <c r="AY120" s="8">
        <v>10.81</v>
      </c>
      <c r="AZ120" s="8">
        <v>10.76</v>
      </c>
      <c r="BA120" s="8">
        <v>10.89</v>
      </c>
      <c r="BB120" s="8">
        <v>10.99</v>
      </c>
      <c r="BC120" s="8">
        <v>11.15</v>
      </c>
      <c r="BD120" s="8">
        <v>11.15</v>
      </c>
      <c r="BF120" s="8">
        <v>11.15</v>
      </c>
    </row>
    <row r="121" spans="3:58" x14ac:dyDescent="0.2">
      <c r="C121" s="5" t="s">
        <v>73</v>
      </c>
      <c r="D121" s="6" t="s">
        <v>58</v>
      </c>
      <c r="E121" s="8">
        <v>8.84</v>
      </c>
      <c r="F121" s="8">
        <v>8.81</v>
      </c>
      <c r="G121" s="8">
        <v>8.76</v>
      </c>
      <c r="H121" s="8">
        <v>8.65</v>
      </c>
      <c r="I121" s="8">
        <v>8.73</v>
      </c>
      <c r="J121" s="8">
        <v>8.69</v>
      </c>
      <c r="K121" s="8">
        <v>8.9</v>
      </c>
      <c r="L121" s="8">
        <v>9.01</v>
      </c>
      <c r="M121" s="8">
        <v>8.91</v>
      </c>
      <c r="N121" s="8">
        <v>8.8000000000000007</v>
      </c>
      <c r="O121" s="8">
        <v>8.77</v>
      </c>
      <c r="P121" s="8">
        <v>8.66</v>
      </c>
      <c r="Q121" s="8">
        <v>8.59</v>
      </c>
      <c r="R121" s="8">
        <v>8.6</v>
      </c>
      <c r="S121" s="8">
        <v>8.73</v>
      </c>
      <c r="T121" s="8">
        <v>8.7200000000000006</v>
      </c>
      <c r="U121" s="8">
        <v>8.81</v>
      </c>
      <c r="V121" s="8">
        <v>8.8000000000000007</v>
      </c>
      <c r="W121" s="8">
        <v>8.8699999999999992</v>
      </c>
      <c r="X121" s="8">
        <v>8.9499999999999993</v>
      </c>
      <c r="Y121" s="8">
        <v>8.99</v>
      </c>
      <c r="Z121" s="8">
        <v>9.1199999999999992</v>
      </c>
      <c r="AA121" s="8">
        <v>9.25</v>
      </c>
      <c r="AB121" s="8">
        <v>9.27</v>
      </c>
      <c r="AC121" s="8">
        <v>9.27</v>
      </c>
      <c r="AD121" s="8">
        <v>9.1</v>
      </c>
      <c r="AE121" s="8">
        <v>9.14</v>
      </c>
      <c r="AF121" s="8">
        <v>9.01</v>
      </c>
      <c r="AG121" s="8">
        <v>8.91</v>
      </c>
      <c r="AH121" s="8">
        <v>8.9</v>
      </c>
      <c r="AI121" s="8">
        <v>8.86</v>
      </c>
      <c r="AJ121" s="8">
        <v>8.82</v>
      </c>
      <c r="AK121" s="8">
        <v>8.94</v>
      </c>
      <c r="AL121" s="8">
        <v>9</v>
      </c>
      <c r="AM121" s="8">
        <v>8.86</v>
      </c>
      <c r="AN121" s="8">
        <v>8.89</v>
      </c>
      <c r="AO121" s="8">
        <v>9.09</v>
      </c>
      <c r="AP121" s="8">
        <v>9.16</v>
      </c>
      <c r="AQ121" s="8">
        <v>9.0299999999999994</v>
      </c>
      <c r="AR121" s="8">
        <v>8.84</v>
      </c>
      <c r="AS121" s="8">
        <v>8.5</v>
      </c>
      <c r="AT121" s="8">
        <v>8.59</v>
      </c>
      <c r="AU121" s="8">
        <v>8.66</v>
      </c>
      <c r="AV121" s="8">
        <v>8.4600000000000009</v>
      </c>
      <c r="AW121" s="8">
        <v>8.35</v>
      </c>
      <c r="AX121" s="8">
        <v>8.3800000000000008</v>
      </c>
      <c r="AY121" s="8">
        <v>8.4700000000000006</v>
      </c>
      <c r="AZ121" s="8">
        <v>8.48</v>
      </c>
      <c r="BA121" s="8">
        <v>8.4499999999999993</v>
      </c>
      <c r="BB121" s="8">
        <v>8.43</v>
      </c>
      <c r="BC121" s="8">
        <v>8.4700000000000006</v>
      </c>
      <c r="BD121" s="8">
        <v>8.5</v>
      </c>
      <c r="BF121" s="8">
        <v>8.6300000000000008</v>
      </c>
    </row>
    <row r="122" spans="3:58" x14ac:dyDescent="0.2">
      <c r="C122" s="5" t="s">
        <v>74</v>
      </c>
      <c r="D122" s="6" t="s">
        <v>58</v>
      </c>
      <c r="E122" s="8">
        <v>2.79</v>
      </c>
      <c r="F122" s="8">
        <v>2.79</v>
      </c>
      <c r="G122" s="8">
        <v>2.81</v>
      </c>
      <c r="H122" s="8">
        <v>2.82</v>
      </c>
      <c r="I122" s="8">
        <v>2.8</v>
      </c>
      <c r="J122" s="8">
        <v>2.79</v>
      </c>
      <c r="K122" s="8">
        <v>2.8</v>
      </c>
      <c r="L122" s="8">
        <v>2.8</v>
      </c>
      <c r="M122" s="8">
        <v>2.79</v>
      </c>
      <c r="N122" s="8">
        <v>2.79</v>
      </c>
      <c r="O122" s="8">
        <v>2.79</v>
      </c>
      <c r="P122" s="8">
        <v>2.79</v>
      </c>
      <c r="Q122" s="8">
        <v>2.81</v>
      </c>
      <c r="R122" s="8">
        <v>2.82</v>
      </c>
      <c r="S122" s="8">
        <v>2.84</v>
      </c>
      <c r="T122" s="8">
        <v>2.9</v>
      </c>
      <c r="U122" s="8">
        <v>2.89</v>
      </c>
      <c r="V122" s="8">
        <v>2.87</v>
      </c>
      <c r="W122" s="8">
        <v>2.86</v>
      </c>
      <c r="X122" s="8">
        <v>2.84</v>
      </c>
      <c r="Y122" s="8">
        <v>2.85</v>
      </c>
      <c r="Z122" s="8">
        <v>2.88</v>
      </c>
      <c r="AA122" s="8">
        <v>2.9</v>
      </c>
      <c r="AB122" s="8">
        <v>2.88</v>
      </c>
      <c r="AC122" s="8">
        <v>2.88</v>
      </c>
      <c r="AD122" s="8">
        <v>2.89</v>
      </c>
      <c r="AE122" s="8">
        <v>2.91</v>
      </c>
      <c r="AF122" s="8">
        <v>2.87</v>
      </c>
      <c r="AG122" s="8">
        <v>2.88</v>
      </c>
      <c r="AH122" s="8">
        <v>2.88</v>
      </c>
      <c r="AI122" s="8">
        <v>2.87</v>
      </c>
      <c r="AJ122" s="8">
        <v>2.88</v>
      </c>
      <c r="AK122" s="8">
        <v>2.89</v>
      </c>
      <c r="AL122" s="8">
        <v>2.9</v>
      </c>
      <c r="AM122" s="8">
        <v>2.91</v>
      </c>
      <c r="AN122" s="8">
        <v>2.88</v>
      </c>
      <c r="AO122" s="8">
        <v>2.86</v>
      </c>
      <c r="AP122" s="8">
        <v>2.85</v>
      </c>
      <c r="AQ122" s="8">
        <v>2.84</v>
      </c>
      <c r="AR122" s="8">
        <v>2.82</v>
      </c>
      <c r="AS122" s="8">
        <v>2.83</v>
      </c>
      <c r="AT122" s="8">
        <v>2.83</v>
      </c>
      <c r="AU122" s="8">
        <v>2.83</v>
      </c>
      <c r="AV122" s="8">
        <v>2.83</v>
      </c>
      <c r="AW122" s="8">
        <v>2.84</v>
      </c>
      <c r="AX122" s="8">
        <v>2.84</v>
      </c>
      <c r="AY122" s="8">
        <v>2.83</v>
      </c>
      <c r="AZ122" s="8">
        <v>2.83</v>
      </c>
      <c r="BA122" s="8">
        <v>2.86</v>
      </c>
      <c r="BB122" s="8">
        <v>2.84</v>
      </c>
      <c r="BC122" s="8">
        <v>2.86</v>
      </c>
      <c r="BD122" s="8">
        <v>2.87</v>
      </c>
      <c r="BF122" s="8">
        <v>2.88</v>
      </c>
    </row>
    <row r="123" spans="3:58" x14ac:dyDescent="0.2">
      <c r="C123" s="16" t="s">
        <v>78</v>
      </c>
      <c r="D123" s="6" t="s">
        <v>58</v>
      </c>
      <c r="E123" s="8">
        <v>1.04</v>
      </c>
      <c r="F123" s="8">
        <v>1.04</v>
      </c>
      <c r="G123" s="8">
        <v>1.02</v>
      </c>
      <c r="H123" s="8">
        <v>1.02</v>
      </c>
      <c r="I123" s="8">
        <v>1.01</v>
      </c>
      <c r="J123" s="8">
        <v>1.01</v>
      </c>
      <c r="K123" s="8">
        <v>1.01</v>
      </c>
      <c r="L123" s="8">
        <v>1</v>
      </c>
      <c r="M123" s="8">
        <v>1.01</v>
      </c>
      <c r="N123" s="8">
        <v>1</v>
      </c>
      <c r="O123" s="8">
        <v>1</v>
      </c>
      <c r="P123" s="8">
        <v>1</v>
      </c>
      <c r="Q123" s="8">
        <v>1</v>
      </c>
      <c r="R123" s="8">
        <v>1.01</v>
      </c>
      <c r="S123" s="8">
        <v>1</v>
      </c>
      <c r="T123" s="8">
        <v>1</v>
      </c>
      <c r="U123" s="8">
        <v>1</v>
      </c>
      <c r="V123" s="8">
        <v>0.99</v>
      </c>
      <c r="W123" s="8">
        <v>0.99</v>
      </c>
      <c r="X123" s="8">
        <v>0.98</v>
      </c>
      <c r="Y123" s="8">
        <v>0.98</v>
      </c>
      <c r="Z123" s="8">
        <v>0.97</v>
      </c>
      <c r="AA123" s="8">
        <v>0.96</v>
      </c>
      <c r="AB123" s="8">
        <v>0.94</v>
      </c>
      <c r="AC123" s="8">
        <v>0.94</v>
      </c>
      <c r="AD123" s="8">
        <v>0.94</v>
      </c>
      <c r="AE123" s="8">
        <v>0.94</v>
      </c>
      <c r="AF123" s="8">
        <v>0.94</v>
      </c>
      <c r="AG123" s="8">
        <v>0.94</v>
      </c>
      <c r="AH123" s="8">
        <v>0.94</v>
      </c>
      <c r="AI123" s="8">
        <v>0.94</v>
      </c>
      <c r="AJ123" s="8">
        <v>0.94</v>
      </c>
      <c r="AK123" s="8">
        <v>0.93</v>
      </c>
      <c r="AL123" s="8">
        <v>0.93</v>
      </c>
      <c r="AM123" s="8">
        <v>0.92</v>
      </c>
      <c r="AN123" s="8">
        <v>0.91</v>
      </c>
      <c r="AO123" s="8">
        <v>0.9</v>
      </c>
      <c r="AP123" s="8">
        <v>0.9</v>
      </c>
      <c r="AQ123" s="8">
        <v>0.89</v>
      </c>
      <c r="AR123" s="8">
        <v>0.89</v>
      </c>
      <c r="AS123" s="8">
        <v>0.88</v>
      </c>
      <c r="AT123" s="8">
        <v>0.88</v>
      </c>
      <c r="AU123" s="8">
        <v>0.87</v>
      </c>
      <c r="AV123" s="8">
        <v>0.86</v>
      </c>
      <c r="AW123" s="8">
        <v>0.86</v>
      </c>
      <c r="AX123" s="8">
        <v>0.86</v>
      </c>
      <c r="AY123" s="8">
        <v>0.87</v>
      </c>
      <c r="AZ123" s="8">
        <v>0.87</v>
      </c>
      <c r="BA123" s="8">
        <v>0.88</v>
      </c>
      <c r="BB123" s="8">
        <v>0.88</v>
      </c>
      <c r="BC123" s="8">
        <v>0.88</v>
      </c>
      <c r="BD123" s="8">
        <v>0.88</v>
      </c>
      <c r="BF123" s="8">
        <v>0.88</v>
      </c>
    </row>
    <row r="124" spans="3:58" x14ac:dyDescent="0.2">
      <c r="C124" s="16" t="s">
        <v>79</v>
      </c>
      <c r="D124" s="6" t="s">
        <v>58</v>
      </c>
      <c r="E124" s="8">
        <v>1.85</v>
      </c>
      <c r="F124" s="8">
        <v>1.87</v>
      </c>
      <c r="G124" s="8">
        <v>1.85</v>
      </c>
      <c r="H124" s="8">
        <v>1.85</v>
      </c>
      <c r="I124" s="8">
        <v>1.86</v>
      </c>
      <c r="J124" s="8">
        <v>1.86</v>
      </c>
      <c r="K124" s="8">
        <v>1.84</v>
      </c>
      <c r="L124" s="8">
        <v>1.85</v>
      </c>
      <c r="M124" s="8">
        <v>1.83</v>
      </c>
      <c r="N124" s="8">
        <v>1.82</v>
      </c>
      <c r="O124" s="8">
        <v>1.81</v>
      </c>
      <c r="P124" s="8">
        <v>1.83</v>
      </c>
      <c r="Q124" s="8">
        <v>1.83</v>
      </c>
      <c r="R124" s="8">
        <v>1.83</v>
      </c>
      <c r="S124" s="8">
        <v>1.8</v>
      </c>
      <c r="T124" s="8">
        <v>1.81</v>
      </c>
      <c r="U124" s="8">
        <v>1.82</v>
      </c>
      <c r="V124" s="8">
        <v>1.82</v>
      </c>
      <c r="W124" s="8">
        <v>1.83</v>
      </c>
      <c r="X124" s="8">
        <v>1.82</v>
      </c>
      <c r="Y124" s="8">
        <v>1.82</v>
      </c>
      <c r="Z124" s="8">
        <v>1.83</v>
      </c>
      <c r="AA124" s="8">
        <v>1.83</v>
      </c>
      <c r="AB124" s="8">
        <v>1.84</v>
      </c>
      <c r="AC124" s="8">
        <v>1.86</v>
      </c>
      <c r="AD124" s="8">
        <v>1.87</v>
      </c>
      <c r="AE124" s="8">
        <v>1.86</v>
      </c>
      <c r="AF124" s="8">
        <v>1.86</v>
      </c>
      <c r="AG124" s="8">
        <v>1.87</v>
      </c>
      <c r="AH124" s="8">
        <v>1.85</v>
      </c>
      <c r="AI124" s="8">
        <v>1.84</v>
      </c>
      <c r="AJ124" s="8">
        <v>1.84</v>
      </c>
      <c r="AK124" s="8">
        <v>1.84</v>
      </c>
      <c r="AL124" s="8">
        <v>1.84</v>
      </c>
      <c r="AM124" s="8">
        <v>1.85</v>
      </c>
      <c r="AN124" s="8">
        <v>1.85</v>
      </c>
      <c r="AO124" s="8">
        <v>1.85</v>
      </c>
      <c r="AP124" s="8">
        <v>1.86</v>
      </c>
      <c r="AQ124" s="8">
        <v>1.85</v>
      </c>
      <c r="AR124" s="8">
        <v>1.85</v>
      </c>
      <c r="AS124" s="8">
        <v>1.85</v>
      </c>
      <c r="AT124" s="8">
        <v>1.85</v>
      </c>
      <c r="AU124" s="8">
        <v>1.86</v>
      </c>
      <c r="AV124" s="8">
        <v>1.86</v>
      </c>
      <c r="AW124" s="8">
        <v>1.88</v>
      </c>
      <c r="AX124" s="8">
        <v>1.87</v>
      </c>
      <c r="AY124" s="8">
        <v>1.88</v>
      </c>
      <c r="AZ124" s="8">
        <v>1.87</v>
      </c>
      <c r="BA124" s="8">
        <v>1.88</v>
      </c>
      <c r="BB124" s="8">
        <v>1.87</v>
      </c>
      <c r="BC124" s="8">
        <v>1.86</v>
      </c>
      <c r="BD124" s="8">
        <v>1.86</v>
      </c>
      <c r="BF124" s="8">
        <v>1.86</v>
      </c>
    </row>
    <row r="125" spans="3:58" x14ac:dyDescent="0.2">
      <c r="C125" s="16" t="s">
        <v>80</v>
      </c>
      <c r="D125" s="6" t="s">
        <v>58</v>
      </c>
      <c r="E125" s="8">
        <v>2.4900000000000002</v>
      </c>
      <c r="F125" s="8">
        <v>2.27</v>
      </c>
      <c r="G125" s="8">
        <v>2.2799999999999998</v>
      </c>
      <c r="H125" s="8">
        <v>2.2400000000000002</v>
      </c>
      <c r="I125" s="8">
        <v>2.2200000000000002</v>
      </c>
      <c r="J125" s="8">
        <v>2.11</v>
      </c>
      <c r="K125" s="8">
        <v>1.97</v>
      </c>
      <c r="L125" s="8">
        <v>1.81</v>
      </c>
      <c r="M125" s="8">
        <v>1.77</v>
      </c>
      <c r="N125" s="8">
        <v>1.68</v>
      </c>
      <c r="O125" s="8">
        <v>1.62</v>
      </c>
      <c r="P125" s="8">
        <v>1.56</v>
      </c>
      <c r="Q125" s="8">
        <v>1.5</v>
      </c>
      <c r="R125" s="8">
        <v>1.45</v>
      </c>
      <c r="S125" s="8">
        <v>1.39</v>
      </c>
      <c r="T125" s="8">
        <v>1.4</v>
      </c>
      <c r="U125" s="8">
        <v>1.37</v>
      </c>
      <c r="V125" s="8">
        <v>1.34</v>
      </c>
      <c r="W125" s="8">
        <v>1.27</v>
      </c>
      <c r="X125" s="8">
        <v>1.25</v>
      </c>
      <c r="Y125" s="8">
        <v>1.26</v>
      </c>
      <c r="Z125" s="8">
        <v>1.26</v>
      </c>
      <c r="AA125" s="8">
        <v>1.27</v>
      </c>
      <c r="AB125" s="8">
        <v>1.27</v>
      </c>
      <c r="AC125" s="8">
        <v>1.26</v>
      </c>
      <c r="AD125" s="8">
        <v>1.23</v>
      </c>
      <c r="AE125" s="8">
        <v>1.23</v>
      </c>
      <c r="AF125" s="8">
        <v>1.24</v>
      </c>
      <c r="AG125" s="8">
        <v>1.22</v>
      </c>
      <c r="AH125" s="8">
        <v>1.22</v>
      </c>
      <c r="AI125" s="8">
        <v>1.23</v>
      </c>
      <c r="AJ125" s="8">
        <v>1.23</v>
      </c>
      <c r="AK125" s="8">
        <v>1.21</v>
      </c>
      <c r="AL125" s="8">
        <v>1.22</v>
      </c>
      <c r="AM125" s="8">
        <v>1.3</v>
      </c>
      <c r="AN125" s="8">
        <v>1.47</v>
      </c>
      <c r="AO125" s="8">
        <v>1.63</v>
      </c>
      <c r="AP125" s="8">
        <v>1.68</v>
      </c>
      <c r="AQ125" s="8">
        <v>1.67</v>
      </c>
      <c r="AR125" s="8">
        <v>1.7</v>
      </c>
      <c r="AS125" s="8">
        <v>1.78</v>
      </c>
      <c r="AT125" s="8">
        <v>1.82</v>
      </c>
      <c r="AU125" s="8">
        <v>1.83</v>
      </c>
      <c r="AV125" s="8">
        <v>1.77</v>
      </c>
      <c r="AW125" s="8">
        <v>1.67</v>
      </c>
      <c r="AX125" s="8">
        <v>1.67</v>
      </c>
      <c r="AY125" s="8">
        <v>1.66</v>
      </c>
      <c r="AZ125" s="8">
        <v>1.63</v>
      </c>
      <c r="BA125" s="8">
        <v>1.63</v>
      </c>
      <c r="BB125" s="8">
        <v>1.65</v>
      </c>
      <c r="BC125" s="8">
        <v>1.7</v>
      </c>
      <c r="BD125" s="8">
        <v>1.71</v>
      </c>
      <c r="BF125" s="8">
        <v>1.72</v>
      </c>
    </row>
    <row r="126" spans="3:58" x14ac:dyDescent="0.2">
      <c r="C126" s="16" t="s">
        <v>122</v>
      </c>
      <c r="D126" s="6" t="s">
        <v>58</v>
      </c>
      <c r="E126" s="8">
        <v>1</v>
      </c>
      <c r="F126" s="8">
        <v>1.01</v>
      </c>
      <c r="G126" s="8">
        <v>0.98</v>
      </c>
      <c r="H126" s="8">
        <v>0.98</v>
      </c>
      <c r="I126" s="8">
        <v>0.98</v>
      </c>
      <c r="J126" s="8">
        <v>0.99</v>
      </c>
      <c r="K126" s="8">
        <v>0.98</v>
      </c>
      <c r="L126" s="8">
        <v>0.99</v>
      </c>
      <c r="M126" s="8">
        <v>0.99</v>
      </c>
      <c r="N126" s="8">
        <v>0.99</v>
      </c>
      <c r="O126" s="8">
        <v>1</v>
      </c>
      <c r="P126" s="8">
        <v>1.01</v>
      </c>
      <c r="Q126" s="8">
        <v>1.01</v>
      </c>
      <c r="R126" s="8">
        <v>1.02</v>
      </c>
      <c r="S126" s="8">
        <v>1.03</v>
      </c>
      <c r="T126" s="8">
        <v>1.04</v>
      </c>
      <c r="U126" s="8">
        <v>1.04</v>
      </c>
      <c r="V126" s="8">
        <v>1.04</v>
      </c>
      <c r="W126" s="8">
        <v>1.05</v>
      </c>
      <c r="X126" s="8">
        <v>1.03</v>
      </c>
      <c r="Y126" s="8">
        <v>1.02</v>
      </c>
      <c r="Z126" s="8">
        <v>1</v>
      </c>
      <c r="AA126" s="8">
        <v>1</v>
      </c>
      <c r="AB126" s="8">
        <v>1</v>
      </c>
      <c r="AC126" s="8">
        <v>1.01</v>
      </c>
      <c r="AD126" s="8">
        <v>1</v>
      </c>
      <c r="AE126" s="8">
        <v>1.01</v>
      </c>
      <c r="AF126" s="8">
        <v>1.01</v>
      </c>
      <c r="AG126" s="8">
        <v>1.01</v>
      </c>
      <c r="AH126" s="8">
        <v>1</v>
      </c>
      <c r="AI126" s="8">
        <v>1</v>
      </c>
      <c r="AJ126" s="8">
        <v>1</v>
      </c>
      <c r="AK126" s="8">
        <v>1</v>
      </c>
      <c r="AL126" s="8">
        <v>1</v>
      </c>
      <c r="AM126" s="8">
        <v>1</v>
      </c>
      <c r="AN126" s="8">
        <v>1</v>
      </c>
      <c r="AO126" s="8">
        <v>1</v>
      </c>
      <c r="AP126" s="8">
        <v>1</v>
      </c>
      <c r="AQ126" s="8">
        <v>1</v>
      </c>
      <c r="AR126" s="8">
        <v>1</v>
      </c>
      <c r="AS126" s="8">
        <v>1</v>
      </c>
      <c r="AT126" s="8">
        <v>1</v>
      </c>
      <c r="AU126" s="8">
        <v>0.99</v>
      </c>
      <c r="AV126" s="8">
        <v>0.99</v>
      </c>
      <c r="AW126" s="8">
        <v>0.99</v>
      </c>
      <c r="AX126" s="8">
        <v>1</v>
      </c>
      <c r="AY126" s="8">
        <v>1</v>
      </c>
      <c r="AZ126" s="8">
        <v>0.99</v>
      </c>
      <c r="BA126" s="8">
        <v>0.99</v>
      </c>
      <c r="BB126" s="8">
        <v>1</v>
      </c>
      <c r="BC126" s="8">
        <v>1</v>
      </c>
      <c r="BD126" s="8">
        <v>1</v>
      </c>
      <c r="BF126" s="8">
        <v>1</v>
      </c>
    </row>
    <row r="127" spans="3:58" x14ac:dyDescent="0.2">
      <c r="C127" s="16" t="s">
        <v>82</v>
      </c>
      <c r="D127" s="6" t="s">
        <v>58</v>
      </c>
      <c r="E127" s="8">
        <v>3.56</v>
      </c>
      <c r="F127" s="8">
        <v>3.53</v>
      </c>
      <c r="G127" s="8">
        <v>3.66</v>
      </c>
      <c r="H127" s="8">
        <v>3.68</v>
      </c>
      <c r="I127" s="8">
        <v>3.72</v>
      </c>
      <c r="J127" s="8">
        <v>3.81</v>
      </c>
      <c r="K127" s="8">
        <v>3.84</v>
      </c>
      <c r="L127" s="8">
        <v>3.77</v>
      </c>
      <c r="M127" s="8">
        <v>3.67</v>
      </c>
      <c r="N127" s="8">
        <v>3.67</v>
      </c>
      <c r="O127" s="8">
        <v>3.56</v>
      </c>
      <c r="P127" s="8">
        <v>3.52</v>
      </c>
      <c r="Q127" s="8">
        <v>3.49</v>
      </c>
      <c r="R127" s="8">
        <v>3.47</v>
      </c>
      <c r="S127" s="8">
        <v>3.44</v>
      </c>
      <c r="T127" s="8">
        <v>3.45</v>
      </c>
      <c r="U127" s="8">
        <v>3.42</v>
      </c>
      <c r="V127" s="8">
        <v>3.41</v>
      </c>
      <c r="W127" s="8">
        <v>3.37</v>
      </c>
      <c r="X127" s="8">
        <v>3.32</v>
      </c>
      <c r="Y127" s="8">
        <v>3.28</v>
      </c>
      <c r="Z127" s="8">
        <v>3.26</v>
      </c>
      <c r="AA127" s="8">
        <v>3.27</v>
      </c>
      <c r="AB127" s="8">
        <v>3.28</v>
      </c>
      <c r="AC127" s="8">
        <v>3.22</v>
      </c>
      <c r="AD127" s="8">
        <v>3.2</v>
      </c>
      <c r="AE127" s="8">
        <v>3.17</v>
      </c>
      <c r="AF127" s="8">
        <v>3.19</v>
      </c>
      <c r="AG127" s="8">
        <v>3.24</v>
      </c>
      <c r="AH127" s="8">
        <v>3.25</v>
      </c>
      <c r="AI127" s="8">
        <v>3.25</v>
      </c>
      <c r="AJ127" s="8">
        <v>3.24</v>
      </c>
      <c r="AK127" s="8">
        <v>3.25</v>
      </c>
      <c r="AL127" s="8">
        <v>3.27</v>
      </c>
      <c r="AM127" s="8">
        <v>3.31</v>
      </c>
      <c r="AN127" s="8">
        <v>3.43</v>
      </c>
      <c r="AO127" s="8">
        <v>3.54</v>
      </c>
      <c r="AP127" s="8">
        <v>3.52</v>
      </c>
      <c r="AQ127" s="8">
        <v>3.5</v>
      </c>
      <c r="AR127" s="8">
        <v>3.68</v>
      </c>
      <c r="AS127" s="8">
        <v>3.76</v>
      </c>
      <c r="AT127" s="8">
        <v>3.74</v>
      </c>
      <c r="AU127" s="8">
        <v>3.74</v>
      </c>
      <c r="AV127" s="8">
        <v>3.72</v>
      </c>
      <c r="AW127" s="8">
        <v>3.66</v>
      </c>
      <c r="AX127" s="8">
        <v>3.75</v>
      </c>
      <c r="AY127" s="8">
        <v>3.79</v>
      </c>
      <c r="AZ127" s="8">
        <v>3.78</v>
      </c>
      <c r="BA127" s="8">
        <v>3.86</v>
      </c>
      <c r="BB127" s="8">
        <v>3.78</v>
      </c>
      <c r="BC127" s="8">
        <v>3.76</v>
      </c>
      <c r="BD127" s="8">
        <v>3.77</v>
      </c>
      <c r="BF127" s="8">
        <v>3.76</v>
      </c>
    </row>
    <row r="128" spans="3:58" x14ac:dyDescent="0.2">
      <c r="C128" s="16" t="s">
        <v>84</v>
      </c>
      <c r="D128" s="6" t="s">
        <v>85</v>
      </c>
      <c r="E128" s="8">
        <v>0.97</v>
      </c>
      <c r="F128" s="8">
        <v>0.96</v>
      </c>
      <c r="G128" s="8">
        <v>0.97</v>
      </c>
      <c r="H128" s="8">
        <v>0.97</v>
      </c>
      <c r="I128" s="8">
        <v>0.97</v>
      </c>
      <c r="J128" s="8">
        <v>0.97</v>
      </c>
      <c r="K128" s="8">
        <v>0.96</v>
      </c>
      <c r="L128" s="8">
        <v>0.97</v>
      </c>
      <c r="M128" s="8">
        <v>0.97</v>
      </c>
      <c r="N128" s="8">
        <v>0.96</v>
      </c>
      <c r="O128" s="8">
        <v>0.95</v>
      </c>
      <c r="P128" s="8">
        <v>0.93</v>
      </c>
      <c r="Q128" s="8">
        <v>0.92</v>
      </c>
      <c r="R128" s="8">
        <v>0.91</v>
      </c>
      <c r="S128" s="8">
        <v>0.89</v>
      </c>
      <c r="T128" s="8">
        <v>0.89</v>
      </c>
      <c r="U128" s="8">
        <v>0.88</v>
      </c>
      <c r="V128" s="8">
        <v>0.88</v>
      </c>
      <c r="W128" s="8">
        <v>0.87</v>
      </c>
      <c r="X128" s="8">
        <v>0.87</v>
      </c>
      <c r="Y128" s="8">
        <v>0.87</v>
      </c>
      <c r="Z128" s="8">
        <v>0.86</v>
      </c>
      <c r="AA128" s="8">
        <v>0.86</v>
      </c>
      <c r="AB128" s="8">
        <v>0.86</v>
      </c>
      <c r="AC128" s="8">
        <v>0.85</v>
      </c>
      <c r="AD128" s="8">
        <v>0.86</v>
      </c>
      <c r="AE128" s="8">
        <v>0.87</v>
      </c>
      <c r="AF128" s="8">
        <v>0.87</v>
      </c>
      <c r="AG128" s="8">
        <v>0.87</v>
      </c>
      <c r="AH128" s="8">
        <v>0.86</v>
      </c>
      <c r="AI128" s="8">
        <v>0.86</v>
      </c>
      <c r="AJ128" s="8">
        <v>0.86</v>
      </c>
      <c r="AK128" s="8">
        <v>0.86</v>
      </c>
      <c r="AL128" s="8">
        <v>0.86</v>
      </c>
      <c r="AM128" s="8">
        <v>0.87</v>
      </c>
      <c r="AN128" s="8">
        <v>0.88</v>
      </c>
      <c r="AO128" s="8">
        <v>0.88</v>
      </c>
      <c r="AP128" s="8">
        <v>0.89</v>
      </c>
      <c r="AQ128" s="8">
        <v>0.89</v>
      </c>
      <c r="AR128" s="8">
        <v>0.89</v>
      </c>
      <c r="AS128" s="8">
        <v>0.9</v>
      </c>
      <c r="AT128" s="8">
        <v>0.9</v>
      </c>
      <c r="AU128" s="8">
        <v>0.9</v>
      </c>
      <c r="AV128" s="8">
        <v>0.91</v>
      </c>
      <c r="AW128" s="8">
        <v>0.91</v>
      </c>
      <c r="AX128" s="8">
        <v>0.91</v>
      </c>
      <c r="AY128" s="8">
        <v>0.91</v>
      </c>
      <c r="AZ128" s="8">
        <v>0.91</v>
      </c>
      <c r="BA128" s="8">
        <v>0.92</v>
      </c>
      <c r="BB128" s="8">
        <v>0.93</v>
      </c>
      <c r="BC128" s="8">
        <v>0.93</v>
      </c>
      <c r="BD128" s="8">
        <v>0.93</v>
      </c>
      <c r="BF128" s="8">
        <v>0.93</v>
      </c>
    </row>
    <row r="129" spans="3:58" x14ac:dyDescent="0.2">
      <c r="C129" s="16" t="s">
        <v>118</v>
      </c>
      <c r="D129" s="6" t="s">
        <v>58</v>
      </c>
      <c r="E129" s="8">
        <v>1.99</v>
      </c>
      <c r="F129" s="8">
        <v>2.06</v>
      </c>
      <c r="G129" s="8">
        <v>2.12</v>
      </c>
      <c r="H129" s="8">
        <v>2.19</v>
      </c>
      <c r="I129" s="8">
        <v>2.2200000000000002</v>
      </c>
      <c r="J129" s="8">
        <v>2.17</v>
      </c>
      <c r="K129" s="8">
        <v>2.13</v>
      </c>
      <c r="L129" s="8">
        <v>2.09</v>
      </c>
      <c r="M129" s="8">
        <v>2.0699999999999998</v>
      </c>
      <c r="N129" s="8">
        <v>2.0499999999999998</v>
      </c>
      <c r="O129" s="8">
        <v>2.09</v>
      </c>
      <c r="P129" s="8">
        <v>2.11</v>
      </c>
      <c r="Q129" s="8">
        <v>2.1</v>
      </c>
      <c r="R129" s="8">
        <v>2.12</v>
      </c>
      <c r="S129" s="8">
        <v>2.15</v>
      </c>
      <c r="T129" s="8">
        <v>2.14</v>
      </c>
      <c r="U129" s="8">
        <v>2.1800000000000002</v>
      </c>
      <c r="V129" s="8">
        <v>2.14</v>
      </c>
      <c r="W129" s="8">
        <v>1.99</v>
      </c>
      <c r="X129" s="8">
        <v>1.98</v>
      </c>
      <c r="Y129" s="8">
        <v>1.89</v>
      </c>
      <c r="Z129" s="8">
        <v>1.88</v>
      </c>
      <c r="AA129" s="8">
        <v>1.87</v>
      </c>
      <c r="AB129" s="8">
        <v>1.85</v>
      </c>
      <c r="AC129" s="8">
        <v>1.85</v>
      </c>
      <c r="AD129" s="8">
        <v>1.84</v>
      </c>
      <c r="AE129" s="8">
        <v>1.84</v>
      </c>
      <c r="AF129" s="8">
        <v>1.81</v>
      </c>
      <c r="AG129" s="8">
        <v>1.81</v>
      </c>
      <c r="AH129" s="8">
        <v>1.8</v>
      </c>
      <c r="AI129" s="8">
        <v>1.8</v>
      </c>
      <c r="AJ129" s="8">
        <v>1.8</v>
      </c>
      <c r="AK129" s="8">
        <v>1.8</v>
      </c>
      <c r="AL129" s="8">
        <v>1.8</v>
      </c>
      <c r="AM129" s="8">
        <v>1.79</v>
      </c>
      <c r="AN129" s="8">
        <v>1.78</v>
      </c>
      <c r="AO129" s="8">
        <v>1.78</v>
      </c>
      <c r="AP129" s="8">
        <v>1.82</v>
      </c>
      <c r="AQ129" s="8">
        <v>1.85</v>
      </c>
      <c r="AR129" s="8">
        <v>1.88</v>
      </c>
      <c r="AS129" s="8">
        <v>1.91</v>
      </c>
      <c r="AT129" s="8">
        <v>1.93</v>
      </c>
      <c r="AU129" s="8">
        <v>1.95</v>
      </c>
      <c r="AV129" s="8">
        <v>1.92</v>
      </c>
      <c r="AW129" s="8">
        <v>1.9</v>
      </c>
      <c r="AX129" s="8">
        <v>1.91</v>
      </c>
      <c r="AY129" s="8">
        <v>1.9</v>
      </c>
      <c r="AZ129" s="8">
        <v>1.86</v>
      </c>
      <c r="BA129" s="8">
        <v>1.85</v>
      </c>
      <c r="BB129" s="8">
        <v>1.86</v>
      </c>
      <c r="BC129" s="8">
        <v>1.86</v>
      </c>
      <c r="BD129" s="8">
        <v>1.84</v>
      </c>
      <c r="BF129" s="8">
        <v>1.88</v>
      </c>
    </row>
    <row r="130" spans="3:58" x14ac:dyDescent="0.2">
      <c r="C130" s="16" t="s">
        <v>104</v>
      </c>
      <c r="D130" s="6" t="s">
        <v>58</v>
      </c>
      <c r="E130" s="8">
        <v>2.12</v>
      </c>
      <c r="F130" s="8">
        <v>2.1</v>
      </c>
      <c r="G130" s="8">
        <v>2.1</v>
      </c>
      <c r="H130" s="8">
        <v>2.11</v>
      </c>
      <c r="I130" s="8">
        <v>2.1</v>
      </c>
      <c r="J130" s="8">
        <v>2.0699999999999998</v>
      </c>
      <c r="K130" s="8">
        <v>2.0699999999999998</v>
      </c>
      <c r="L130" s="8">
        <v>2.0499999999999998</v>
      </c>
      <c r="M130" s="8">
        <v>2.0299999999999998</v>
      </c>
      <c r="N130" s="8">
        <v>2.0299999999999998</v>
      </c>
      <c r="O130" s="8">
        <v>2.06</v>
      </c>
      <c r="P130" s="8">
        <v>2.1</v>
      </c>
      <c r="Q130" s="8">
        <v>2.13</v>
      </c>
      <c r="R130" s="8">
        <v>2.12</v>
      </c>
      <c r="S130" s="8">
        <v>2.04</v>
      </c>
      <c r="T130" s="8">
        <v>2.02</v>
      </c>
      <c r="U130" s="8">
        <v>2.0299999999999998</v>
      </c>
      <c r="V130" s="8">
        <v>1.99</v>
      </c>
      <c r="W130" s="8">
        <v>1.94</v>
      </c>
      <c r="X130" s="8">
        <v>1.87</v>
      </c>
      <c r="Y130" s="8">
        <v>1.85</v>
      </c>
      <c r="Z130" s="8">
        <v>1.8</v>
      </c>
      <c r="AA130" s="8">
        <v>1.82</v>
      </c>
      <c r="AB130" s="8">
        <v>1.82</v>
      </c>
      <c r="AC130" s="8">
        <v>1.81</v>
      </c>
      <c r="AD130" s="8">
        <v>1.77</v>
      </c>
      <c r="AE130" s="8">
        <v>1.77</v>
      </c>
      <c r="AF130" s="8">
        <v>1.8</v>
      </c>
      <c r="AG130" s="8">
        <v>1.78</v>
      </c>
      <c r="AH130" s="8">
        <v>1.8</v>
      </c>
      <c r="AI130" s="8">
        <v>1.79</v>
      </c>
      <c r="AJ130" s="8">
        <v>1.78</v>
      </c>
      <c r="AK130" s="8">
        <v>1.78</v>
      </c>
      <c r="AL130" s="8">
        <v>1.77</v>
      </c>
      <c r="AM130" s="8">
        <v>1.78</v>
      </c>
      <c r="AN130" s="8">
        <v>1.78</v>
      </c>
      <c r="AO130" s="8">
        <v>1.82</v>
      </c>
      <c r="AP130" s="8">
        <v>1.85</v>
      </c>
      <c r="AQ130" s="8">
        <v>1.87</v>
      </c>
      <c r="AR130" s="8">
        <v>1.86</v>
      </c>
      <c r="AS130" s="8">
        <v>1.94</v>
      </c>
      <c r="AT130" s="8">
        <v>1.96</v>
      </c>
      <c r="AU130" s="8">
        <v>1.98</v>
      </c>
      <c r="AV130" s="8">
        <v>2.0099999999999998</v>
      </c>
      <c r="AW130" s="8">
        <v>2.0299999999999998</v>
      </c>
      <c r="AX130" s="8">
        <v>2.02</v>
      </c>
      <c r="AY130" s="8">
        <v>1.99</v>
      </c>
      <c r="AZ130" s="8">
        <v>1.97</v>
      </c>
      <c r="BA130" s="8">
        <v>1.98</v>
      </c>
      <c r="BB130" s="8">
        <v>1.96</v>
      </c>
      <c r="BC130" s="8">
        <v>1.94</v>
      </c>
      <c r="BD130" s="8">
        <v>1.93</v>
      </c>
      <c r="BF130" s="8">
        <v>1.93</v>
      </c>
    </row>
    <row r="131" spans="3:58" x14ac:dyDescent="0.2">
      <c r="C131" s="16" t="s">
        <v>87</v>
      </c>
      <c r="D131" s="6" t="s">
        <v>58</v>
      </c>
      <c r="E131" s="8">
        <v>1.03</v>
      </c>
      <c r="F131" s="8">
        <v>1.03</v>
      </c>
      <c r="G131" s="8">
        <v>1.02</v>
      </c>
      <c r="H131" s="8">
        <v>1.03</v>
      </c>
      <c r="I131" s="8">
        <v>1.03</v>
      </c>
      <c r="J131" s="8">
        <v>1.02</v>
      </c>
      <c r="K131" s="8">
        <v>1.01</v>
      </c>
      <c r="L131" s="8">
        <v>1</v>
      </c>
      <c r="M131" s="8">
        <v>0.99</v>
      </c>
      <c r="N131" s="8">
        <v>1</v>
      </c>
      <c r="O131" s="8">
        <v>1</v>
      </c>
      <c r="P131" s="8">
        <v>1</v>
      </c>
      <c r="Q131" s="8">
        <v>1</v>
      </c>
      <c r="R131" s="8">
        <v>1</v>
      </c>
      <c r="S131" s="8">
        <v>1</v>
      </c>
      <c r="T131" s="8">
        <v>1</v>
      </c>
      <c r="U131" s="8">
        <v>1</v>
      </c>
      <c r="V131" s="8">
        <v>1</v>
      </c>
      <c r="W131" s="8">
        <v>1.01</v>
      </c>
      <c r="X131" s="8">
        <v>1</v>
      </c>
      <c r="Y131" s="8">
        <v>0.99</v>
      </c>
      <c r="Z131" s="8">
        <v>0.99</v>
      </c>
      <c r="AA131" s="8">
        <v>1</v>
      </c>
      <c r="AB131" s="8">
        <v>0.99</v>
      </c>
      <c r="AC131" s="8">
        <v>0.99</v>
      </c>
      <c r="AD131" s="8">
        <v>0.99</v>
      </c>
      <c r="AE131" s="8">
        <v>0.99</v>
      </c>
      <c r="AF131" s="8">
        <v>0.99</v>
      </c>
      <c r="AG131" s="8">
        <v>1</v>
      </c>
      <c r="AH131" s="8">
        <v>1</v>
      </c>
      <c r="AI131" s="8">
        <v>0.99</v>
      </c>
      <c r="AJ131" s="8">
        <v>0.99</v>
      </c>
      <c r="AK131" s="8">
        <v>0.99</v>
      </c>
      <c r="AL131" s="8">
        <v>0.98</v>
      </c>
      <c r="AM131" s="8">
        <v>0.98</v>
      </c>
      <c r="AN131" s="8">
        <v>0.97</v>
      </c>
      <c r="AO131" s="8">
        <v>0.97</v>
      </c>
      <c r="AP131" s="8">
        <v>0.96</v>
      </c>
      <c r="AQ131" s="8">
        <v>0.96</v>
      </c>
      <c r="AR131" s="8">
        <v>0.96</v>
      </c>
      <c r="AS131" s="8">
        <v>0.97</v>
      </c>
      <c r="AT131" s="8">
        <v>0.97</v>
      </c>
      <c r="AU131" s="8">
        <v>0.96</v>
      </c>
      <c r="AV131" s="8">
        <v>0.97</v>
      </c>
      <c r="AW131" s="8">
        <v>0.97</v>
      </c>
      <c r="AX131" s="8">
        <v>0.97</v>
      </c>
      <c r="AY131" s="8">
        <v>0.97</v>
      </c>
      <c r="AZ131" s="8">
        <v>0.96</v>
      </c>
      <c r="BA131" s="8">
        <v>0.98</v>
      </c>
      <c r="BB131" s="8">
        <v>0.99</v>
      </c>
      <c r="BC131" s="8">
        <v>1</v>
      </c>
      <c r="BD131" s="8">
        <v>1</v>
      </c>
      <c r="BF131" s="8">
        <v>1</v>
      </c>
    </row>
    <row r="132" spans="3:58" x14ac:dyDescent="0.2">
      <c r="C132" s="16" t="s">
        <v>88</v>
      </c>
      <c r="D132" s="6" t="s">
        <v>58</v>
      </c>
      <c r="E132" s="8">
        <v>1.74</v>
      </c>
      <c r="F132" s="8">
        <v>1.72</v>
      </c>
      <c r="G132" s="8">
        <v>1.68</v>
      </c>
      <c r="H132" s="8">
        <v>1.65</v>
      </c>
      <c r="I132" s="8">
        <v>1.63</v>
      </c>
      <c r="J132" s="8">
        <v>1.62</v>
      </c>
      <c r="K132" s="8">
        <v>1.62</v>
      </c>
      <c r="L132" s="8">
        <v>1.62</v>
      </c>
      <c r="M132" s="8">
        <v>1.63</v>
      </c>
      <c r="N132" s="8">
        <v>1.62</v>
      </c>
      <c r="O132" s="8">
        <v>1.63</v>
      </c>
      <c r="P132" s="8">
        <v>1.63</v>
      </c>
      <c r="Q132" s="8">
        <v>1.62</v>
      </c>
      <c r="R132" s="8">
        <v>1.61</v>
      </c>
      <c r="S132" s="8">
        <v>1.61</v>
      </c>
      <c r="T132" s="8">
        <v>1.59</v>
      </c>
      <c r="U132" s="8">
        <v>1.58</v>
      </c>
      <c r="V132" s="8">
        <v>1.59</v>
      </c>
      <c r="W132" s="8">
        <v>1.6</v>
      </c>
      <c r="X132" s="8">
        <v>1.62</v>
      </c>
      <c r="Y132" s="8">
        <v>1.65</v>
      </c>
      <c r="Z132" s="8">
        <v>1.7</v>
      </c>
      <c r="AA132" s="8">
        <v>1.71</v>
      </c>
      <c r="AB132" s="8">
        <v>1.71</v>
      </c>
      <c r="AC132" s="8">
        <v>1.72</v>
      </c>
      <c r="AD132" s="8">
        <v>1.72</v>
      </c>
      <c r="AE132" s="8">
        <v>1.73</v>
      </c>
      <c r="AF132" s="8">
        <v>1.74</v>
      </c>
      <c r="AG132" s="8">
        <v>1.78</v>
      </c>
      <c r="AH132" s="8">
        <v>1.86</v>
      </c>
      <c r="AI132" s="8">
        <v>1.91</v>
      </c>
      <c r="AJ132" s="8">
        <v>1.95</v>
      </c>
      <c r="AK132" s="8">
        <v>2</v>
      </c>
      <c r="AL132" s="8">
        <v>2.06</v>
      </c>
      <c r="AM132" s="8">
        <v>2.13</v>
      </c>
      <c r="AN132" s="8">
        <v>2.17</v>
      </c>
      <c r="AO132" s="8">
        <v>2.2200000000000002</v>
      </c>
      <c r="AP132" s="8">
        <v>2.25</v>
      </c>
      <c r="AQ132" s="8">
        <v>2.2599999999999998</v>
      </c>
      <c r="AR132" s="8">
        <v>2.2200000000000002</v>
      </c>
      <c r="AS132" s="8">
        <v>2.17</v>
      </c>
      <c r="AT132" s="8">
        <v>2.1</v>
      </c>
      <c r="AU132" s="8">
        <v>2.02</v>
      </c>
      <c r="AV132" s="8">
        <v>1.96</v>
      </c>
      <c r="AW132" s="8">
        <v>1.9</v>
      </c>
      <c r="AX132" s="8">
        <v>1.86</v>
      </c>
      <c r="AY132" s="8">
        <v>1.83</v>
      </c>
      <c r="AZ132" s="8">
        <v>1.83</v>
      </c>
      <c r="BA132" s="8">
        <v>1.81</v>
      </c>
      <c r="BB132" s="8">
        <v>1.77</v>
      </c>
      <c r="BC132" s="8">
        <v>1.74</v>
      </c>
      <c r="BD132" s="8">
        <v>1.74</v>
      </c>
      <c r="BF132" s="8">
        <v>1.73</v>
      </c>
    </row>
    <row r="133" spans="3:58" x14ac:dyDescent="0.2">
      <c r="C133" s="18" t="s">
        <v>123</v>
      </c>
      <c r="D133" s="6" t="s">
        <v>58</v>
      </c>
      <c r="E133" s="8">
        <v>1.79</v>
      </c>
      <c r="F133" s="8">
        <v>1.75</v>
      </c>
      <c r="G133" s="8">
        <v>1.71</v>
      </c>
      <c r="H133" s="8">
        <v>1.7</v>
      </c>
      <c r="I133" s="8">
        <v>1.68</v>
      </c>
      <c r="J133" s="8">
        <v>1.74</v>
      </c>
      <c r="K133" s="8">
        <v>1.81</v>
      </c>
      <c r="L133" s="8">
        <v>1.85</v>
      </c>
      <c r="M133" s="8">
        <v>1.93</v>
      </c>
      <c r="N133" s="8">
        <v>1.99</v>
      </c>
      <c r="O133" s="8">
        <v>2.02</v>
      </c>
      <c r="P133" s="8">
        <v>2.04</v>
      </c>
      <c r="Q133" s="8">
        <v>2.04</v>
      </c>
      <c r="R133" s="8">
        <v>2.02</v>
      </c>
      <c r="S133" s="8">
        <v>2.02</v>
      </c>
      <c r="T133" s="8">
        <v>2</v>
      </c>
      <c r="U133" s="8">
        <v>2</v>
      </c>
      <c r="V133" s="8">
        <v>2.0299999999999998</v>
      </c>
      <c r="W133" s="8">
        <v>2.04</v>
      </c>
      <c r="X133" s="8">
        <v>2.0299999999999998</v>
      </c>
      <c r="Y133" s="8">
        <v>2.0299999999999998</v>
      </c>
      <c r="Z133" s="8">
        <v>1.19</v>
      </c>
      <c r="AA133" s="8">
        <v>1.99</v>
      </c>
      <c r="AB133" s="8">
        <v>1.96</v>
      </c>
      <c r="AC133" s="8">
        <v>1.88</v>
      </c>
      <c r="AD133" s="8">
        <v>1.98</v>
      </c>
      <c r="AE133" s="8">
        <v>2.0099999999999998</v>
      </c>
      <c r="AF133" s="8">
        <v>2</v>
      </c>
      <c r="AG133" s="8">
        <v>1.99</v>
      </c>
      <c r="AH133" s="8">
        <v>2.0499999999999998</v>
      </c>
      <c r="AI133" s="8">
        <v>2.1</v>
      </c>
      <c r="AJ133" s="8">
        <v>2.21</v>
      </c>
      <c r="AK133" s="8">
        <v>2.21</v>
      </c>
      <c r="AL133" s="8">
        <v>2.25</v>
      </c>
      <c r="AM133" s="8">
        <v>2.2999999999999998</v>
      </c>
      <c r="AN133" s="8">
        <v>2.5</v>
      </c>
      <c r="AO133" s="8">
        <v>2.5</v>
      </c>
      <c r="AP133" s="8">
        <v>2.4900000000000002</v>
      </c>
      <c r="AQ133" s="8">
        <v>2.4</v>
      </c>
      <c r="AR133" s="8">
        <v>2.37</v>
      </c>
      <c r="AS133" s="8">
        <v>2.23</v>
      </c>
      <c r="AT133" s="8">
        <v>2.08</v>
      </c>
      <c r="AU133" s="8">
        <v>2.0099999999999998</v>
      </c>
      <c r="AV133" s="8">
        <v>1.86</v>
      </c>
      <c r="AW133" s="8">
        <v>2.0099999999999998</v>
      </c>
      <c r="AX133" s="8">
        <v>1.92</v>
      </c>
      <c r="AY133" s="8">
        <v>1.9</v>
      </c>
      <c r="AZ133" s="8">
        <v>1.89</v>
      </c>
      <c r="BA133" s="8">
        <v>1.86</v>
      </c>
      <c r="BB133" s="8">
        <v>1.84</v>
      </c>
      <c r="BC133" s="8">
        <v>1.84</v>
      </c>
      <c r="BD133" s="8">
        <v>1.84</v>
      </c>
      <c r="BF133" s="8">
        <v>1.84</v>
      </c>
    </row>
    <row r="134" spans="3:58" x14ac:dyDescent="0.2">
      <c r="C134" s="18" t="s">
        <v>100</v>
      </c>
      <c r="D134" s="6" t="s">
        <v>58</v>
      </c>
      <c r="E134" s="8">
        <v>1.35</v>
      </c>
      <c r="F134" s="8">
        <v>1.34</v>
      </c>
      <c r="G134" s="8">
        <v>1.33</v>
      </c>
      <c r="H134" s="8">
        <v>1.3</v>
      </c>
      <c r="I134" s="8">
        <v>1.3</v>
      </c>
      <c r="J134" s="8">
        <v>1.28</v>
      </c>
      <c r="K134" s="8">
        <v>1.27</v>
      </c>
      <c r="L134" s="8">
        <v>1.29</v>
      </c>
      <c r="M134" s="8">
        <v>1.27</v>
      </c>
      <c r="N134" s="8">
        <v>1.27</v>
      </c>
      <c r="O134" s="8">
        <v>1.27</v>
      </c>
      <c r="P134" s="8">
        <v>1.28</v>
      </c>
      <c r="Q134" s="8">
        <v>1.27</v>
      </c>
      <c r="R134" s="8">
        <v>1.27</v>
      </c>
      <c r="S134" s="8">
        <v>1.27</v>
      </c>
      <c r="T134" s="8">
        <v>1.28</v>
      </c>
      <c r="U134" s="8">
        <v>1.27</v>
      </c>
      <c r="V134" s="8">
        <v>1.28</v>
      </c>
      <c r="W134" s="8">
        <v>1.29</v>
      </c>
      <c r="X134" s="8">
        <v>1.28</v>
      </c>
      <c r="Y134" s="8">
        <v>1.28</v>
      </c>
      <c r="Z134" s="8">
        <v>1.29</v>
      </c>
      <c r="AA134" s="8">
        <v>1.29</v>
      </c>
      <c r="AB134" s="8">
        <v>1.31</v>
      </c>
      <c r="AC134" s="8">
        <v>1.31</v>
      </c>
      <c r="AD134" s="8">
        <v>1.32</v>
      </c>
      <c r="AE134" s="8">
        <v>1.33</v>
      </c>
      <c r="AF134" s="8">
        <v>1.33</v>
      </c>
      <c r="AG134" s="8">
        <v>1.33</v>
      </c>
      <c r="AH134" s="8">
        <v>1.33</v>
      </c>
      <c r="AI134" s="8">
        <v>1.35</v>
      </c>
      <c r="AJ134" s="8">
        <v>1.37</v>
      </c>
      <c r="AK134" s="8">
        <v>1.39</v>
      </c>
      <c r="AL134" s="8">
        <v>1.4</v>
      </c>
      <c r="AM134" s="8">
        <v>1.45</v>
      </c>
      <c r="AN134" s="8">
        <v>1.51</v>
      </c>
      <c r="AO134" s="8">
        <v>1.54</v>
      </c>
      <c r="AP134" s="8">
        <v>1.57</v>
      </c>
      <c r="AQ134" s="8">
        <v>1.59</v>
      </c>
      <c r="AR134" s="8">
        <v>1.62</v>
      </c>
      <c r="AS134" s="8">
        <v>1.6</v>
      </c>
      <c r="AT134" s="8">
        <v>1.58</v>
      </c>
      <c r="AU134" s="8">
        <v>1.6</v>
      </c>
      <c r="AV134" s="8">
        <v>1.55</v>
      </c>
      <c r="AW134" s="8">
        <v>1.48</v>
      </c>
      <c r="AX134" s="8">
        <v>1.42</v>
      </c>
      <c r="AY134" s="8">
        <v>1.4</v>
      </c>
      <c r="AZ134" s="8">
        <v>1.37</v>
      </c>
      <c r="BA134" s="8">
        <v>1.33</v>
      </c>
      <c r="BB134" s="8">
        <v>1.32</v>
      </c>
      <c r="BC134" s="8">
        <v>1.28</v>
      </c>
      <c r="BD134" s="8">
        <v>1.28</v>
      </c>
      <c r="BF134" s="8">
        <v>1.28</v>
      </c>
    </row>
    <row r="135" spans="3:58" x14ac:dyDescent="0.2">
      <c r="C135" s="16" t="s">
        <v>89</v>
      </c>
      <c r="D135" s="6" t="s">
        <v>58</v>
      </c>
      <c r="E135" s="17">
        <v>1.84</v>
      </c>
      <c r="F135" s="17">
        <v>1.82</v>
      </c>
      <c r="G135" s="17">
        <v>1.82</v>
      </c>
      <c r="H135" s="17">
        <v>1.84</v>
      </c>
      <c r="I135" s="17">
        <v>1.83</v>
      </c>
      <c r="J135" s="17">
        <v>1.83</v>
      </c>
      <c r="K135" s="17">
        <v>1.84</v>
      </c>
      <c r="L135" s="17">
        <v>1.82</v>
      </c>
      <c r="M135" s="17">
        <v>1.82</v>
      </c>
      <c r="N135" s="17">
        <v>1.85</v>
      </c>
      <c r="O135" s="17">
        <v>1.83</v>
      </c>
      <c r="P135" s="17">
        <v>1.8</v>
      </c>
      <c r="Q135" s="17">
        <v>1.77</v>
      </c>
      <c r="R135" s="17">
        <v>1.79</v>
      </c>
      <c r="S135" s="17">
        <v>1.78</v>
      </c>
      <c r="T135" s="17">
        <v>1.77</v>
      </c>
      <c r="U135" s="17">
        <v>1.78</v>
      </c>
      <c r="V135" s="17">
        <v>1.76</v>
      </c>
      <c r="W135" s="17">
        <v>1.71</v>
      </c>
      <c r="X135" s="17">
        <v>1.72</v>
      </c>
      <c r="Y135" s="17">
        <v>1.74</v>
      </c>
      <c r="Z135" s="17">
        <v>1.74</v>
      </c>
      <c r="AA135" s="17">
        <v>1.75</v>
      </c>
      <c r="AB135" s="17">
        <v>1.75</v>
      </c>
      <c r="AC135" s="17">
        <v>1.76</v>
      </c>
      <c r="AD135" s="17">
        <v>1.76</v>
      </c>
      <c r="AE135" s="17">
        <v>1.76</v>
      </c>
      <c r="AF135" s="17">
        <v>1.77</v>
      </c>
      <c r="AG135" s="17">
        <v>1.76</v>
      </c>
      <c r="AH135" s="17">
        <v>1.75</v>
      </c>
      <c r="AI135" s="17">
        <v>1.77</v>
      </c>
      <c r="AJ135" s="17">
        <v>1.77</v>
      </c>
      <c r="AK135" s="17">
        <v>1.78</v>
      </c>
      <c r="AL135" s="17">
        <v>1.78</v>
      </c>
      <c r="AM135" s="17">
        <v>1.77</v>
      </c>
      <c r="AN135" s="17">
        <v>1.74</v>
      </c>
      <c r="AO135" s="17">
        <v>1.72</v>
      </c>
      <c r="AP135" s="17">
        <v>1.72</v>
      </c>
      <c r="AQ135" s="17">
        <v>1.72</v>
      </c>
      <c r="AR135" s="17">
        <v>1.7</v>
      </c>
      <c r="AS135" s="17">
        <v>1.69</v>
      </c>
      <c r="AT135" s="17">
        <v>1.67</v>
      </c>
      <c r="AU135" s="17">
        <v>1.66</v>
      </c>
      <c r="AV135" s="17">
        <v>1.67</v>
      </c>
      <c r="AW135" s="17">
        <v>1.65</v>
      </c>
      <c r="AX135" s="17">
        <v>1.67</v>
      </c>
      <c r="AY135" s="17">
        <v>1.66</v>
      </c>
      <c r="AZ135" s="17">
        <v>1.65</v>
      </c>
      <c r="BA135" s="17">
        <v>1.65</v>
      </c>
      <c r="BB135" s="8">
        <v>1.64</v>
      </c>
      <c r="BC135" s="17">
        <v>1.64</v>
      </c>
      <c r="BD135" s="17">
        <v>1.64</v>
      </c>
      <c r="BF135" s="17">
        <v>1.65</v>
      </c>
    </row>
    <row r="136" spans="3:58" x14ac:dyDescent="0.2">
      <c r="C136" s="16" t="s">
        <v>95</v>
      </c>
      <c r="D136" s="6" t="s">
        <v>58</v>
      </c>
      <c r="E136" s="17">
        <v>1.91</v>
      </c>
      <c r="F136" s="17">
        <v>1.9</v>
      </c>
      <c r="G136" s="17">
        <v>1.9</v>
      </c>
      <c r="H136" s="17">
        <v>1.89</v>
      </c>
      <c r="I136" s="17">
        <v>1.9</v>
      </c>
      <c r="J136" s="17">
        <v>1.87</v>
      </c>
      <c r="K136" s="17">
        <v>1.9</v>
      </c>
      <c r="L136" s="17">
        <v>1.89</v>
      </c>
      <c r="M136" s="17">
        <v>1.89</v>
      </c>
      <c r="N136" s="17">
        <v>1.9</v>
      </c>
      <c r="O136" s="17">
        <v>1.91</v>
      </c>
      <c r="P136" s="17">
        <v>1.92</v>
      </c>
      <c r="Q136" s="17">
        <v>1.92</v>
      </c>
      <c r="R136" s="17">
        <v>1.91</v>
      </c>
      <c r="S136" s="17">
        <v>1.92</v>
      </c>
      <c r="T136" s="17">
        <v>1.92</v>
      </c>
      <c r="U136" s="17">
        <v>1.95</v>
      </c>
      <c r="V136" s="17">
        <v>1.95</v>
      </c>
      <c r="W136" s="17">
        <v>1.96</v>
      </c>
      <c r="X136" s="17">
        <v>1.95</v>
      </c>
      <c r="Y136" s="17">
        <v>1.97</v>
      </c>
      <c r="Z136" s="17">
        <v>1.95</v>
      </c>
      <c r="AA136" s="17">
        <v>2.0099999999999998</v>
      </c>
      <c r="AB136" s="17">
        <v>2.02</v>
      </c>
      <c r="AC136" s="17">
        <v>2.04</v>
      </c>
      <c r="AD136" s="17">
        <v>2.0299999999999998</v>
      </c>
      <c r="AE136" s="17">
        <v>2.0699999999999998</v>
      </c>
      <c r="AF136" s="17">
        <v>2.04</v>
      </c>
      <c r="AG136" s="17">
        <v>2.06</v>
      </c>
      <c r="AH136" s="17">
        <v>2.04</v>
      </c>
      <c r="AI136" s="17">
        <v>2.06</v>
      </c>
      <c r="AJ136" s="17">
        <v>2.0099999999999998</v>
      </c>
      <c r="AK136" s="17">
        <v>2</v>
      </c>
      <c r="AL136" s="17">
        <v>2.04</v>
      </c>
      <c r="AM136" s="17">
        <v>2.02</v>
      </c>
      <c r="AN136" s="17">
        <v>2</v>
      </c>
      <c r="AO136" s="17">
        <v>1.92</v>
      </c>
      <c r="AP136" s="17">
        <v>1.88</v>
      </c>
      <c r="AQ136" s="17">
        <v>1.85</v>
      </c>
      <c r="AR136" s="17">
        <v>1.83</v>
      </c>
      <c r="AS136" s="17">
        <v>1.81</v>
      </c>
      <c r="AT136" s="17">
        <v>1.81</v>
      </c>
      <c r="AU136" s="17">
        <v>1.75</v>
      </c>
      <c r="AV136" s="17">
        <v>1.71</v>
      </c>
      <c r="AW136" s="17">
        <v>1.7</v>
      </c>
      <c r="AX136" s="17">
        <v>1.72</v>
      </c>
      <c r="AY136" s="17">
        <v>1.73</v>
      </c>
      <c r="AZ136" s="17">
        <v>1.72</v>
      </c>
      <c r="BA136" s="17">
        <v>1.74</v>
      </c>
      <c r="BB136" s="17">
        <v>1.76</v>
      </c>
      <c r="BC136" s="17">
        <v>1.73</v>
      </c>
      <c r="BD136" s="17">
        <v>1.75</v>
      </c>
      <c r="BF136" s="17">
        <v>1.75</v>
      </c>
    </row>
    <row r="137" spans="3:58" x14ac:dyDescent="0.2">
      <c r="C137" s="23" t="s">
        <v>96</v>
      </c>
      <c r="D137" s="6" t="s">
        <v>58</v>
      </c>
      <c r="E137" s="17">
        <v>2.1</v>
      </c>
      <c r="F137" s="17">
        <v>2.06</v>
      </c>
      <c r="G137" s="17">
        <v>2.04</v>
      </c>
      <c r="H137" s="17">
        <v>2.0499999999999998</v>
      </c>
      <c r="I137" s="17">
        <v>2.0299999999999998</v>
      </c>
      <c r="J137" s="17">
        <v>1.99</v>
      </c>
      <c r="K137" s="17">
        <v>2.02</v>
      </c>
      <c r="L137" s="17">
        <v>1.98</v>
      </c>
      <c r="M137" s="17">
        <v>1.94</v>
      </c>
      <c r="N137" s="17">
        <v>1.93</v>
      </c>
      <c r="O137" s="17">
        <v>1.94</v>
      </c>
      <c r="P137" s="17">
        <v>1.94</v>
      </c>
      <c r="Q137" s="17">
        <v>1.99</v>
      </c>
      <c r="R137" s="17">
        <v>1.94</v>
      </c>
      <c r="S137" s="17">
        <v>1.93</v>
      </c>
      <c r="T137" s="17">
        <v>1.93</v>
      </c>
      <c r="U137" s="17">
        <v>1.89</v>
      </c>
      <c r="V137" s="17">
        <v>1.89</v>
      </c>
      <c r="W137" s="17">
        <v>1.84</v>
      </c>
      <c r="X137" s="17">
        <v>1.82</v>
      </c>
      <c r="Y137" s="17">
        <v>1.85</v>
      </c>
      <c r="Z137" s="17">
        <v>1.82</v>
      </c>
      <c r="AA137" s="17">
        <v>1.8</v>
      </c>
      <c r="AB137" s="17">
        <v>1.82</v>
      </c>
      <c r="AC137" s="17">
        <v>1.83</v>
      </c>
      <c r="AD137" s="17">
        <v>1.83</v>
      </c>
      <c r="AE137" s="17">
        <v>1.83</v>
      </c>
      <c r="AF137" s="17">
        <v>1.84</v>
      </c>
      <c r="AG137" s="17">
        <v>1.83</v>
      </c>
      <c r="AH137" s="17">
        <v>1.83</v>
      </c>
      <c r="AI137" s="17">
        <v>1.82</v>
      </c>
      <c r="AJ137" s="17">
        <v>1.82</v>
      </c>
      <c r="AK137" s="17">
        <v>1.85</v>
      </c>
      <c r="AL137" s="17">
        <v>1.89</v>
      </c>
      <c r="AM137" s="17">
        <v>1.93</v>
      </c>
      <c r="AN137" s="17">
        <v>1.99</v>
      </c>
      <c r="AO137" s="17">
        <v>2.0099999999999998</v>
      </c>
      <c r="AP137" s="17">
        <v>2.0699999999999998</v>
      </c>
      <c r="AQ137" s="17">
        <v>2.11</v>
      </c>
      <c r="AR137" s="17">
        <v>2.13</v>
      </c>
      <c r="AS137" s="17">
        <v>2.14</v>
      </c>
      <c r="AT137" s="17">
        <v>2.13</v>
      </c>
      <c r="AU137" s="17">
        <v>2.13</v>
      </c>
      <c r="AV137" s="17">
        <v>2.12</v>
      </c>
      <c r="AW137" s="17">
        <v>2.15</v>
      </c>
      <c r="AX137" s="17">
        <v>2.23</v>
      </c>
      <c r="AY137" s="17">
        <v>2.2599999999999998</v>
      </c>
      <c r="AZ137" s="17">
        <v>2.2799999999999998</v>
      </c>
      <c r="BA137" s="17">
        <v>2.23</v>
      </c>
      <c r="BB137" s="17">
        <v>2.2000000000000002</v>
      </c>
      <c r="BC137" s="17">
        <v>2.2200000000000002</v>
      </c>
      <c r="BD137" s="17">
        <v>2.2200000000000002</v>
      </c>
      <c r="BF137" s="17">
        <v>2.21</v>
      </c>
    </row>
    <row r="138" spans="3:58" x14ac:dyDescent="0.2">
      <c r="C138" s="67"/>
    </row>
    <row r="140" spans="3:58" x14ac:dyDescent="0.2">
      <c r="C140" s="23" t="s">
        <v>106</v>
      </c>
      <c r="D140" s="6" t="s">
        <v>58</v>
      </c>
      <c r="E140" s="17">
        <v>11.26</v>
      </c>
      <c r="F140" s="17">
        <v>11.24</v>
      </c>
      <c r="G140" s="17">
        <v>11.37</v>
      </c>
      <c r="H140" s="17">
        <v>11.42</v>
      </c>
      <c r="I140" s="17">
        <v>11.37</v>
      </c>
      <c r="J140" s="17">
        <v>11.31</v>
      </c>
      <c r="K140" s="17">
        <v>11.37</v>
      </c>
      <c r="L140" s="17">
        <v>11.43</v>
      </c>
      <c r="M140" s="17">
        <v>11.44</v>
      </c>
      <c r="N140" s="17">
        <v>11.41</v>
      </c>
      <c r="O140" s="17">
        <v>11.45</v>
      </c>
      <c r="P140" s="17">
        <v>11.46</v>
      </c>
      <c r="Q140" s="17">
        <v>11.5</v>
      </c>
      <c r="R140" s="17">
        <v>11.52</v>
      </c>
      <c r="S140" s="17">
        <v>11.53</v>
      </c>
      <c r="T140" s="17">
        <v>11.52</v>
      </c>
      <c r="U140" s="17">
        <v>11.46</v>
      </c>
      <c r="V140" s="17">
        <v>11.44</v>
      </c>
      <c r="W140" s="17">
        <v>11.54</v>
      </c>
      <c r="X140" s="17">
        <v>11.58</v>
      </c>
      <c r="Y140" s="17">
        <v>11.59</v>
      </c>
      <c r="Z140" s="17">
        <v>11.57</v>
      </c>
      <c r="AA140" s="17">
        <v>11.61</v>
      </c>
      <c r="AB140" s="17">
        <v>11.63</v>
      </c>
      <c r="AC140" s="17">
        <v>11.64</v>
      </c>
      <c r="AD140" s="17">
        <v>11.64</v>
      </c>
      <c r="AE140" s="17">
        <v>11.58</v>
      </c>
      <c r="AF140" s="17">
        <v>11.58</v>
      </c>
      <c r="AG140" s="17">
        <v>11.59</v>
      </c>
      <c r="AH140" s="17">
        <v>11.57</v>
      </c>
      <c r="AI140" s="17">
        <v>11.61</v>
      </c>
      <c r="AJ140" s="17">
        <v>11.61</v>
      </c>
      <c r="AK140" s="17">
        <v>11.62</v>
      </c>
      <c r="AL140" s="17">
        <v>11.62</v>
      </c>
      <c r="AM140" s="17">
        <v>11.61</v>
      </c>
      <c r="AN140" s="17">
        <v>11.61</v>
      </c>
      <c r="AO140" s="17">
        <v>11.77</v>
      </c>
      <c r="AP140" s="17">
        <v>11.74</v>
      </c>
      <c r="AQ140" s="17">
        <v>11.69</v>
      </c>
      <c r="AR140" s="17">
        <v>11.76</v>
      </c>
      <c r="AS140" s="17">
        <v>11.83</v>
      </c>
      <c r="AT140" s="17">
        <v>11.84</v>
      </c>
      <c r="AU140" s="17">
        <v>11.83</v>
      </c>
      <c r="AV140" s="17">
        <v>11.96</v>
      </c>
      <c r="AW140" s="17">
        <v>11.95</v>
      </c>
      <c r="AX140" s="17">
        <v>11.97</v>
      </c>
      <c r="AY140" s="17">
        <v>11.98</v>
      </c>
      <c r="AZ140" s="17">
        <v>11.99</v>
      </c>
      <c r="BA140" s="17">
        <v>11.97</v>
      </c>
      <c r="BB140" s="17">
        <v>12.04</v>
      </c>
      <c r="BC140" s="17">
        <v>12.1</v>
      </c>
      <c r="BD140" s="17">
        <v>12.08</v>
      </c>
      <c r="BF140" s="17">
        <v>12.09</v>
      </c>
    </row>
    <row r="142" spans="3:58" x14ac:dyDescent="0.2">
      <c r="C142" s="79"/>
    </row>
    <row r="143" spans="3:58" ht="25.5" customHeight="1" x14ac:dyDescent="0.2">
      <c r="C143" s="219"/>
      <c r="D143" s="219"/>
      <c r="E143" s="219"/>
      <c r="F143" s="219"/>
      <c r="G143" s="219"/>
      <c r="H143" s="219"/>
      <c r="I143" s="219"/>
      <c r="J143" s="219"/>
      <c r="K143" s="219"/>
      <c r="L143" s="219"/>
      <c r="M143" s="219"/>
      <c r="N143" s="219"/>
    </row>
  </sheetData>
  <mergeCells count="3">
    <mergeCell ref="D4:G4"/>
    <mergeCell ref="C49:O50"/>
    <mergeCell ref="C143:N143"/>
  </mergeCells>
  <pageMargins left="0.7" right="0.7" top="0.75" bottom="0.75" header="0.3" footer="0.3"/>
  <pageSetup paperSize="9" orientation="portrait" r:id="rId1"/>
  <drawing r:id="rId2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dimension ref="C2:BE144"/>
  <sheetViews>
    <sheetView topLeftCell="AL7" workbookViewId="0">
      <selection activeCell="AV22" sqref="AV22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21" width="5.42578125" bestFit="1" customWidth="1"/>
    <col min="22" max="22" width="5.7109375" customWidth="1"/>
    <col min="23" max="57" width="5.42578125" bestFit="1" customWidth="1"/>
    <col min="59" max="59" width="23.7109375" customWidth="1"/>
  </cols>
  <sheetData>
    <row r="2" spans="3:57" ht="18" customHeight="1" x14ac:dyDescent="0.2"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17"/>
      <c r="N2" s="217"/>
      <c r="O2" s="217"/>
      <c r="P2" s="217"/>
      <c r="Q2" s="217"/>
      <c r="R2" s="217"/>
      <c r="S2" s="217"/>
      <c r="T2" s="217"/>
      <c r="U2" s="217"/>
      <c r="V2" s="217"/>
      <c r="W2" s="217"/>
      <c r="X2" s="217"/>
      <c r="Y2" s="217"/>
      <c r="Z2" s="217"/>
      <c r="AA2" s="217"/>
      <c r="AB2" s="217"/>
      <c r="AC2" s="217"/>
      <c r="AD2" s="217"/>
      <c r="AE2" s="217"/>
    </row>
    <row r="3" spans="3:57" ht="21" customHeight="1" x14ac:dyDescent="0.2">
      <c r="C3" s="217"/>
      <c r="D3" s="217"/>
      <c r="E3" s="217"/>
      <c r="F3" s="217"/>
      <c r="G3" s="217"/>
      <c r="H3" s="217"/>
      <c r="I3" s="217"/>
      <c r="J3" s="217"/>
      <c r="K3" s="217"/>
      <c r="L3" s="217"/>
      <c r="M3" s="217"/>
      <c r="N3" s="217"/>
      <c r="O3" s="217"/>
      <c r="P3" s="217"/>
      <c r="Q3" s="217"/>
      <c r="R3" s="217"/>
      <c r="S3" s="217"/>
      <c r="T3" s="217"/>
      <c r="U3" s="217"/>
      <c r="V3" s="217"/>
      <c r="W3" s="217"/>
      <c r="X3" s="217"/>
      <c r="Y3" s="217"/>
      <c r="Z3" s="217"/>
      <c r="AA3" s="217"/>
      <c r="AB3" s="217"/>
      <c r="AC3" s="217"/>
      <c r="AD3" s="217"/>
      <c r="AE3" s="217"/>
    </row>
    <row r="4" spans="3:57" ht="32.25" customHeight="1" x14ac:dyDescent="0.2">
      <c r="C4" s="217"/>
      <c r="D4" s="217"/>
      <c r="E4" s="217"/>
      <c r="F4" s="217"/>
      <c r="G4" s="217"/>
      <c r="H4" s="217"/>
      <c r="I4" s="217"/>
      <c r="J4" s="217"/>
      <c r="K4" s="217"/>
      <c r="L4" s="217"/>
      <c r="M4" s="217"/>
      <c r="N4" s="217"/>
      <c r="O4" s="217"/>
      <c r="P4" s="217"/>
      <c r="Q4" s="217"/>
      <c r="R4" s="217"/>
      <c r="S4" s="217"/>
      <c r="T4" s="217"/>
      <c r="U4" s="217"/>
      <c r="V4" s="217"/>
      <c r="W4" s="217"/>
      <c r="X4" s="217"/>
      <c r="Y4" s="217"/>
      <c r="Z4" s="217"/>
      <c r="AA4" s="217"/>
      <c r="AB4" s="217"/>
      <c r="AC4" s="217"/>
      <c r="AD4" s="217"/>
      <c r="AE4" s="217"/>
    </row>
    <row r="5" spans="3:57" x14ac:dyDescent="0.2">
      <c r="C5" s="217"/>
      <c r="D5" s="217"/>
      <c r="E5" s="217"/>
      <c r="F5" s="217"/>
      <c r="G5" s="217"/>
      <c r="H5" s="217"/>
      <c r="I5" s="217"/>
      <c r="J5" s="217"/>
      <c r="K5" s="217"/>
      <c r="L5" s="217"/>
      <c r="M5" s="217"/>
      <c r="N5" s="217"/>
      <c r="O5" s="217"/>
      <c r="P5" s="217"/>
      <c r="Q5" s="217"/>
      <c r="R5" s="217"/>
      <c r="S5" s="217"/>
      <c r="T5" s="217"/>
      <c r="U5" s="217"/>
      <c r="V5" s="217"/>
      <c r="W5" s="217"/>
      <c r="X5" s="217"/>
      <c r="Y5" s="217"/>
      <c r="Z5" s="217"/>
      <c r="AA5" s="217"/>
      <c r="AB5" s="217"/>
      <c r="AC5" s="217"/>
      <c r="AD5" s="217"/>
      <c r="AE5" s="217"/>
    </row>
    <row r="6" spans="3:57" ht="24.95" customHeight="1" x14ac:dyDescent="0.2">
      <c r="C6" s="217"/>
      <c r="D6" s="217"/>
      <c r="E6" s="217"/>
      <c r="F6" s="217"/>
      <c r="G6" s="217"/>
      <c r="H6" s="217"/>
      <c r="I6" s="217"/>
      <c r="J6" s="217"/>
      <c r="K6" s="217"/>
      <c r="L6" s="217"/>
      <c r="M6" s="217"/>
      <c r="N6" s="217"/>
      <c r="O6" s="217"/>
      <c r="P6" s="217"/>
      <c r="Q6" s="217"/>
      <c r="R6" s="217"/>
      <c r="S6" s="217"/>
      <c r="T6" s="217"/>
      <c r="U6" s="217"/>
      <c r="V6" s="217"/>
      <c r="W6" s="217"/>
      <c r="X6" s="217"/>
      <c r="Y6" s="217"/>
      <c r="Z6" s="217"/>
      <c r="AA6" s="217"/>
      <c r="AB6" s="217"/>
      <c r="AC6" s="217"/>
      <c r="AD6" s="217"/>
      <c r="AE6" s="217"/>
    </row>
    <row r="7" spans="3:57" ht="24.95" customHeight="1" x14ac:dyDescent="0.2">
      <c r="C7" s="28" t="s">
        <v>98</v>
      </c>
    </row>
    <row r="8" spans="3:57" ht="15.75" x14ac:dyDescent="0.2">
      <c r="C8" s="29" t="s">
        <v>99</v>
      </c>
    </row>
    <row r="10" spans="3:57" ht="15" x14ac:dyDescent="0.25">
      <c r="M10" s="85"/>
    </row>
    <row r="12" spans="3:57" ht="15" customHeight="1" x14ac:dyDescent="0.2">
      <c r="C12" s="1" t="s">
        <v>0</v>
      </c>
      <c r="E12" s="2">
        <v>2015</v>
      </c>
      <c r="F12" s="2"/>
      <c r="G12" s="2"/>
      <c r="H12" s="2"/>
      <c r="I12" s="2"/>
      <c r="J12" s="2"/>
      <c r="K12" s="2"/>
      <c r="L12" s="2"/>
      <c r="M12" s="2"/>
    </row>
    <row r="13" spans="3:57" ht="13.5" thickBot="1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5" thickTop="1" x14ac:dyDescent="0.2">
      <c r="C14" s="5" t="s">
        <v>57</v>
      </c>
      <c r="D14" s="6" t="s">
        <v>58</v>
      </c>
      <c r="E14" s="93">
        <v>3.87</v>
      </c>
      <c r="F14" s="93">
        <v>3.89</v>
      </c>
      <c r="G14" s="93">
        <v>3.89</v>
      </c>
      <c r="H14" s="8">
        <v>3.82</v>
      </c>
      <c r="I14" s="17">
        <v>3.88</v>
      </c>
      <c r="J14" s="93">
        <v>3.88</v>
      </c>
      <c r="K14" s="93">
        <v>3.89</v>
      </c>
      <c r="L14" s="93">
        <v>3.88</v>
      </c>
      <c r="M14" s="93">
        <v>3.88</v>
      </c>
      <c r="N14" s="93">
        <v>3.87</v>
      </c>
      <c r="O14" s="93">
        <v>3.87</v>
      </c>
      <c r="P14" s="93">
        <v>3.86</v>
      </c>
      <c r="Q14" s="93">
        <v>3.85</v>
      </c>
      <c r="R14" s="93">
        <v>3.85</v>
      </c>
      <c r="S14" s="93">
        <v>3.85</v>
      </c>
      <c r="T14" s="93">
        <v>3.83</v>
      </c>
      <c r="U14" s="93">
        <v>3.81</v>
      </c>
      <c r="V14" s="93">
        <v>3.79</v>
      </c>
      <c r="W14" s="93">
        <v>3.78</v>
      </c>
      <c r="X14" s="93">
        <v>3.75</v>
      </c>
      <c r="Y14" s="93">
        <v>3.72</v>
      </c>
      <c r="Z14" s="93">
        <v>3.72</v>
      </c>
      <c r="AA14" s="95">
        <v>3.71</v>
      </c>
      <c r="AB14" s="8">
        <v>3.7</v>
      </c>
      <c r="AC14" s="8">
        <v>3.7</v>
      </c>
      <c r="AD14" s="93">
        <v>3.7</v>
      </c>
      <c r="AE14" s="93">
        <v>3.7</v>
      </c>
      <c r="AF14" s="93">
        <v>3.7</v>
      </c>
      <c r="AG14" s="93">
        <v>3.7</v>
      </c>
      <c r="AH14" s="93">
        <v>3.7</v>
      </c>
      <c r="AI14" s="93">
        <v>3.7</v>
      </c>
      <c r="AJ14" s="93">
        <v>3.6955</v>
      </c>
      <c r="AK14" s="93">
        <v>3.7058</v>
      </c>
      <c r="AL14" s="93">
        <v>3.72</v>
      </c>
      <c r="AM14" s="93">
        <v>3.73</v>
      </c>
      <c r="AN14" s="93">
        <v>3.75</v>
      </c>
      <c r="AO14" s="93">
        <v>3.75</v>
      </c>
      <c r="AP14" s="8">
        <v>3.76</v>
      </c>
      <c r="AQ14" s="8">
        <v>3.78</v>
      </c>
      <c r="AR14" s="20">
        <v>3.78</v>
      </c>
      <c r="AS14" s="8">
        <v>3.79</v>
      </c>
      <c r="AT14" s="8">
        <v>3.79</v>
      </c>
      <c r="AU14" s="93">
        <v>3.79</v>
      </c>
      <c r="AV14" s="8">
        <v>3.8</v>
      </c>
      <c r="AW14" s="8">
        <v>3.79</v>
      </c>
      <c r="AX14" s="93">
        <v>3.78</v>
      </c>
      <c r="AY14" s="93">
        <v>3.78</v>
      </c>
      <c r="AZ14" s="93">
        <v>3.78</v>
      </c>
      <c r="BA14" s="109">
        <v>3.86</v>
      </c>
      <c r="BB14" s="93">
        <v>3.86</v>
      </c>
      <c r="BC14" s="93">
        <v>3.81</v>
      </c>
      <c r="BD14" s="93">
        <v>3.81</v>
      </c>
      <c r="BE14" s="17"/>
    </row>
    <row r="15" spans="3:57" x14ac:dyDescent="0.2">
      <c r="C15" s="5" t="s">
        <v>59</v>
      </c>
      <c r="D15" s="6" t="s">
        <v>58</v>
      </c>
      <c r="E15" s="73">
        <v>5.95</v>
      </c>
      <c r="F15" s="73">
        <v>6.67</v>
      </c>
      <c r="G15" s="73">
        <v>6.67</v>
      </c>
      <c r="H15" s="8">
        <v>6.61</v>
      </c>
      <c r="I15" s="17">
        <v>6.58</v>
      </c>
      <c r="J15" s="73">
        <v>6.45</v>
      </c>
      <c r="K15" s="73">
        <v>6.26</v>
      </c>
      <c r="L15" s="73">
        <v>6.2</v>
      </c>
      <c r="M15" s="73">
        <v>6.09</v>
      </c>
      <c r="N15" s="73">
        <v>6.05</v>
      </c>
      <c r="O15" s="73">
        <v>6.09</v>
      </c>
      <c r="P15" s="73">
        <v>6.09</v>
      </c>
      <c r="Q15" s="73">
        <v>6.09</v>
      </c>
      <c r="R15" s="73">
        <v>5.7</v>
      </c>
      <c r="S15" s="73">
        <v>5.63</v>
      </c>
      <c r="T15" s="73">
        <v>5.63</v>
      </c>
      <c r="U15" s="73">
        <v>5.59</v>
      </c>
      <c r="V15" s="73">
        <v>5.44</v>
      </c>
      <c r="W15" s="73">
        <v>5.28</v>
      </c>
      <c r="X15" s="73">
        <v>5.0999999999999996</v>
      </c>
      <c r="Y15" s="73">
        <v>4.99</v>
      </c>
      <c r="Z15" s="73">
        <v>4.99</v>
      </c>
      <c r="AA15" s="95">
        <v>4.99</v>
      </c>
      <c r="AB15" s="8">
        <v>5.05</v>
      </c>
      <c r="AC15" s="8">
        <v>5.13</v>
      </c>
      <c r="AD15" s="73">
        <v>5.29</v>
      </c>
      <c r="AE15" s="73">
        <v>5.39</v>
      </c>
      <c r="AF15" s="73">
        <v>5.42</v>
      </c>
      <c r="AG15" s="73">
        <v>5.44</v>
      </c>
      <c r="AH15" s="73">
        <v>5.51</v>
      </c>
      <c r="AI15" s="73">
        <v>5.55</v>
      </c>
      <c r="AJ15" s="73">
        <v>5.6135000000000002</v>
      </c>
      <c r="AK15" s="73">
        <v>5.8792</v>
      </c>
      <c r="AL15" s="73">
        <v>6.11</v>
      </c>
      <c r="AM15" s="73">
        <v>6.31</v>
      </c>
      <c r="AN15" s="73">
        <v>6.37</v>
      </c>
      <c r="AO15" s="73">
        <v>6.36</v>
      </c>
      <c r="AP15" s="8">
        <v>6.37</v>
      </c>
      <c r="AQ15" s="8">
        <v>6.35</v>
      </c>
      <c r="AR15" s="107">
        <v>6.24</v>
      </c>
      <c r="AS15" s="8">
        <v>6.24</v>
      </c>
      <c r="AT15" s="8">
        <v>6.24</v>
      </c>
      <c r="AU15" s="73">
        <v>6.2</v>
      </c>
      <c r="AV15" s="8">
        <v>6.36</v>
      </c>
      <c r="AW15" s="8">
        <v>6.35</v>
      </c>
      <c r="AX15" s="73">
        <v>6.3</v>
      </c>
      <c r="AY15" s="73">
        <v>6.26</v>
      </c>
      <c r="AZ15" s="73">
        <v>6.26</v>
      </c>
      <c r="BA15" s="110">
        <v>6.84</v>
      </c>
      <c r="BB15" s="73">
        <v>6.84</v>
      </c>
      <c r="BC15" s="73">
        <v>6.29</v>
      </c>
      <c r="BD15" s="73">
        <v>6.29</v>
      </c>
      <c r="BE15" s="17"/>
    </row>
    <row r="16" spans="3:57" x14ac:dyDescent="0.2">
      <c r="C16" s="5" t="s">
        <v>60</v>
      </c>
      <c r="D16" s="6" t="s">
        <v>58</v>
      </c>
      <c r="E16" s="73">
        <v>1.32</v>
      </c>
      <c r="F16" s="73">
        <v>1.29</v>
      </c>
      <c r="G16" s="73">
        <v>1.31</v>
      </c>
      <c r="H16" s="8">
        <v>1.28</v>
      </c>
      <c r="I16" s="17">
        <v>1.31</v>
      </c>
      <c r="J16" s="73">
        <v>1.33</v>
      </c>
      <c r="K16" s="73">
        <v>1.36</v>
      </c>
      <c r="L16" s="73">
        <v>1.42</v>
      </c>
      <c r="M16" s="73">
        <v>1.45</v>
      </c>
      <c r="N16" s="73">
        <v>1.46</v>
      </c>
      <c r="O16" s="73">
        <v>1.46</v>
      </c>
      <c r="P16" s="73">
        <v>1.45</v>
      </c>
      <c r="Q16" s="73">
        <v>1.45</v>
      </c>
      <c r="R16" s="73">
        <v>1.45</v>
      </c>
      <c r="S16" s="73">
        <v>1.46</v>
      </c>
      <c r="T16" s="73">
        <v>1.49</v>
      </c>
      <c r="U16" s="73">
        <v>1.49</v>
      </c>
      <c r="V16" s="73">
        <v>1.49</v>
      </c>
      <c r="W16" s="73">
        <v>1.48</v>
      </c>
      <c r="X16" s="73">
        <v>1.49</v>
      </c>
      <c r="Y16" s="73">
        <v>1.5</v>
      </c>
      <c r="Z16" s="73">
        <v>1.5</v>
      </c>
      <c r="AA16" s="95">
        <v>1.55</v>
      </c>
      <c r="AB16" s="8">
        <v>1.57</v>
      </c>
      <c r="AC16" s="8">
        <v>1.59</v>
      </c>
      <c r="AD16" s="73">
        <v>1.6</v>
      </c>
      <c r="AE16" s="73">
        <v>1.6</v>
      </c>
      <c r="AF16" s="73">
        <v>1.59</v>
      </c>
      <c r="AG16" s="73">
        <v>1.6</v>
      </c>
      <c r="AH16" s="73">
        <v>1.6</v>
      </c>
      <c r="AI16" s="73">
        <v>1.6</v>
      </c>
      <c r="AJ16" s="73">
        <v>1.5958000000000001</v>
      </c>
      <c r="AK16" s="73">
        <v>1.5903</v>
      </c>
      <c r="AL16" s="73">
        <v>1.59</v>
      </c>
      <c r="AM16" s="73">
        <v>1.55</v>
      </c>
      <c r="AN16" s="73">
        <v>1.54</v>
      </c>
      <c r="AO16" s="73">
        <v>1.53</v>
      </c>
      <c r="AP16" s="8">
        <v>1.51</v>
      </c>
      <c r="AQ16" s="8">
        <v>1.47</v>
      </c>
      <c r="AR16" s="107">
        <v>1.44</v>
      </c>
      <c r="AS16" s="8">
        <v>1.4</v>
      </c>
      <c r="AT16" s="8">
        <v>1.38</v>
      </c>
      <c r="AU16" s="73">
        <v>1.34</v>
      </c>
      <c r="AV16" s="8">
        <v>1.33</v>
      </c>
      <c r="AW16" s="8">
        <v>1.3</v>
      </c>
      <c r="AX16" s="73">
        <v>1.28</v>
      </c>
      <c r="AY16" s="73">
        <v>1.26</v>
      </c>
      <c r="AZ16" s="73">
        <v>1.24</v>
      </c>
      <c r="BA16" s="110">
        <v>1.34</v>
      </c>
      <c r="BB16" s="73">
        <v>1.34</v>
      </c>
      <c r="BC16" s="73">
        <v>1.21</v>
      </c>
      <c r="BD16" s="73">
        <v>1.21</v>
      </c>
      <c r="BE16" s="17"/>
    </row>
    <row r="17" spans="3:57" x14ac:dyDescent="0.2">
      <c r="C17" s="5" t="s">
        <v>61</v>
      </c>
      <c r="D17" s="6" t="s">
        <v>58</v>
      </c>
      <c r="E17" s="73">
        <v>1.59</v>
      </c>
      <c r="F17" s="73">
        <v>1.64</v>
      </c>
      <c r="G17" s="73">
        <v>1.67</v>
      </c>
      <c r="H17" s="8">
        <v>1.66</v>
      </c>
      <c r="I17" s="17">
        <v>1.69</v>
      </c>
      <c r="J17" s="73">
        <v>1.71</v>
      </c>
      <c r="K17" s="73">
        <v>1.7</v>
      </c>
      <c r="L17" s="73">
        <v>1.69</v>
      </c>
      <c r="M17" s="73">
        <v>1.7</v>
      </c>
      <c r="N17" s="73">
        <v>1.7</v>
      </c>
      <c r="O17" s="73">
        <v>1.7</v>
      </c>
      <c r="P17" s="73">
        <v>1.7</v>
      </c>
      <c r="Q17" s="73">
        <v>1.71</v>
      </c>
      <c r="R17" s="73">
        <v>1.71</v>
      </c>
      <c r="S17" s="73">
        <v>1.7</v>
      </c>
      <c r="T17" s="73">
        <v>1.7</v>
      </c>
      <c r="U17" s="73">
        <v>1.69</v>
      </c>
      <c r="V17" s="73">
        <v>1.66</v>
      </c>
      <c r="W17" s="73">
        <v>1.67</v>
      </c>
      <c r="X17" s="73">
        <v>1.67</v>
      </c>
      <c r="Y17" s="73">
        <v>1.68</v>
      </c>
      <c r="Z17" s="73">
        <v>1.71</v>
      </c>
      <c r="AA17" s="95">
        <v>1.7</v>
      </c>
      <c r="AB17" s="8">
        <v>1.75</v>
      </c>
      <c r="AC17" s="8">
        <v>1.77</v>
      </c>
      <c r="AD17" s="73">
        <v>1.78</v>
      </c>
      <c r="AE17" s="73">
        <v>1.79</v>
      </c>
      <c r="AF17" s="73">
        <v>1.8</v>
      </c>
      <c r="AG17" s="73">
        <v>1.81</v>
      </c>
      <c r="AH17" s="73">
        <v>1.82</v>
      </c>
      <c r="AI17" s="73">
        <v>1.83</v>
      </c>
      <c r="AJ17" s="73">
        <v>1.8326</v>
      </c>
      <c r="AK17" s="73">
        <v>1.8291999999999999</v>
      </c>
      <c r="AL17" s="73">
        <v>1.83</v>
      </c>
      <c r="AM17" s="73">
        <v>1.83</v>
      </c>
      <c r="AN17" s="73">
        <v>1.78</v>
      </c>
      <c r="AO17" s="73">
        <v>1.74</v>
      </c>
      <c r="AP17" s="8">
        <v>1.71</v>
      </c>
      <c r="AQ17" s="8">
        <v>1.67</v>
      </c>
      <c r="AR17" s="107">
        <v>1.62</v>
      </c>
      <c r="AS17" s="8">
        <v>1.6</v>
      </c>
      <c r="AT17" s="8">
        <v>1.61</v>
      </c>
      <c r="AU17" s="73">
        <v>1.6</v>
      </c>
      <c r="AV17" s="8">
        <v>1.61</v>
      </c>
      <c r="AW17" s="8">
        <v>1.55</v>
      </c>
      <c r="AX17" s="73">
        <v>1.56</v>
      </c>
      <c r="AY17" s="73">
        <v>1.56</v>
      </c>
      <c r="AZ17" s="73">
        <v>1.59</v>
      </c>
      <c r="BA17" s="110">
        <v>1.51</v>
      </c>
      <c r="BB17" s="73">
        <v>1.51</v>
      </c>
      <c r="BC17" s="73">
        <v>1.62</v>
      </c>
      <c r="BD17" s="73">
        <v>1.61</v>
      </c>
      <c r="BE17" s="17"/>
    </row>
    <row r="18" spans="3:57" x14ac:dyDescent="0.2">
      <c r="C18" s="5" t="s">
        <v>62</v>
      </c>
      <c r="D18" s="6" t="s">
        <v>58</v>
      </c>
      <c r="E18" s="73">
        <v>3.03</v>
      </c>
      <c r="F18" s="73">
        <v>3.03</v>
      </c>
      <c r="G18" s="73">
        <v>3.03</v>
      </c>
      <c r="H18" s="8">
        <v>3.03</v>
      </c>
      <c r="I18" s="17">
        <v>3.03</v>
      </c>
      <c r="J18" s="73">
        <v>3.03</v>
      </c>
      <c r="K18" s="73">
        <v>2.84</v>
      </c>
      <c r="L18" s="73">
        <v>2.83</v>
      </c>
      <c r="M18" s="73">
        <v>3.03</v>
      </c>
      <c r="N18" s="73">
        <v>3.03</v>
      </c>
      <c r="O18" s="73">
        <v>3.03</v>
      </c>
      <c r="P18" s="73">
        <v>3.03</v>
      </c>
      <c r="Q18" s="73">
        <v>3.03</v>
      </c>
      <c r="R18" s="73">
        <v>3.03</v>
      </c>
      <c r="S18" s="73">
        <v>3.03</v>
      </c>
      <c r="T18" s="73">
        <v>2.84</v>
      </c>
      <c r="U18" s="73">
        <v>2.84</v>
      </c>
      <c r="V18" s="73">
        <v>2.83</v>
      </c>
      <c r="W18" s="73">
        <v>2.83</v>
      </c>
      <c r="X18" s="73">
        <v>2.83</v>
      </c>
      <c r="Y18" s="73">
        <v>2.83</v>
      </c>
      <c r="Z18" s="73">
        <v>2.83</v>
      </c>
      <c r="AA18" s="95">
        <v>2.83</v>
      </c>
      <c r="AB18" s="8">
        <v>2.64</v>
      </c>
      <c r="AC18" s="8">
        <v>2.64</v>
      </c>
      <c r="AD18" s="73">
        <v>2.64</v>
      </c>
      <c r="AE18" s="73">
        <v>2.64</v>
      </c>
      <c r="AF18" s="73">
        <v>2.64</v>
      </c>
      <c r="AG18" s="73">
        <v>2.5</v>
      </c>
      <c r="AH18" s="73">
        <v>2.5</v>
      </c>
      <c r="AI18" s="73" t="s">
        <v>90</v>
      </c>
      <c r="AJ18" s="73" t="s">
        <v>90</v>
      </c>
      <c r="AK18" s="73" t="s">
        <v>90</v>
      </c>
      <c r="AL18" s="73">
        <v>2.4900000000000002</v>
      </c>
      <c r="AM18" s="73">
        <v>2.52</v>
      </c>
      <c r="AN18" s="73">
        <v>2.86</v>
      </c>
      <c r="AO18" s="73">
        <v>2.85</v>
      </c>
      <c r="AP18" s="8">
        <v>3.05</v>
      </c>
      <c r="AQ18" s="8">
        <v>3.06</v>
      </c>
      <c r="AR18" s="107">
        <v>3.21</v>
      </c>
      <c r="AS18" s="8">
        <v>3.39</v>
      </c>
      <c r="AT18" s="8">
        <v>3.4</v>
      </c>
      <c r="AU18" s="73">
        <v>3.41</v>
      </c>
      <c r="AV18" s="8">
        <v>3.49</v>
      </c>
      <c r="AW18" s="8">
        <v>3.5</v>
      </c>
      <c r="AX18" s="73">
        <v>3.5</v>
      </c>
      <c r="AY18" s="73">
        <v>3.5</v>
      </c>
      <c r="AZ18" s="73">
        <v>3.49</v>
      </c>
      <c r="BA18" s="110">
        <v>3.3</v>
      </c>
      <c r="BB18" s="73">
        <v>3.3</v>
      </c>
      <c r="BC18" s="73">
        <v>3.05</v>
      </c>
      <c r="BD18" s="73">
        <v>3.05</v>
      </c>
      <c r="BE18" s="17"/>
    </row>
    <row r="19" spans="3:57" x14ac:dyDescent="0.2">
      <c r="C19" s="5" t="s">
        <v>75</v>
      </c>
      <c r="D19" s="20" t="s">
        <v>76</v>
      </c>
      <c r="E19" s="73">
        <v>0.82</v>
      </c>
      <c r="F19" s="73">
        <v>0.77</v>
      </c>
      <c r="G19" s="73">
        <v>0.73</v>
      </c>
      <c r="H19" s="8">
        <v>0.69</v>
      </c>
      <c r="I19" s="17">
        <v>0.66</v>
      </c>
      <c r="J19" s="73">
        <v>0.68</v>
      </c>
      <c r="K19" s="73">
        <v>0.69</v>
      </c>
      <c r="L19" s="73">
        <v>0.68</v>
      </c>
      <c r="M19" s="73">
        <v>0.67</v>
      </c>
      <c r="N19" s="73">
        <v>0.68</v>
      </c>
      <c r="O19" s="73">
        <v>0.68</v>
      </c>
      <c r="P19" s="73">
        <v>0.68</v>
      </c>
      <c r="Q19" s="73">
        <v>0.67</v>
      </c>
      <c r="R19" s="73">
        <v>0.66</v>
      </c>
      <c r="S19" s="73">
        <v>0.65</v>
      </c>
      <c r="T19" s="73">
        <v>0.63</v>
      </c>
      <c r="U19" s="73">
        <v>0.62</v>
      </c>
      <c r="V19" s="73">
        <v>0.6</v>
      </c>
      <c r="W19" s="73">
        <v>0.57999999999999996</v>
      </c>
      <c r="X19" s="73">
        <v>0.59</v>
      </c>
      <c r="Y19" s="73">
        <v>0.63</v>
      </c>
      <c r="Z19" s="73">
        <v>0.69</v>
      </c>
      <c r="AA19" s="96">
        <v>0.76</v>
      </c>
      <c r="AB19" s="8">
        <v>0.82</v>
      </c>
      <c r="AC19" s="8">
        <v>0.84</v>
      </c>
      <c r="AD19" s="73">
        <v>0.86</v>
      </c>
      <c r="AE19" s="73">
        <v>0.83</v>
      </c>
      <c r="AF19" s="73">
        <v>0.82</v>
      </c>
      <c r="AG19" s="73">
        <v>0.8</v>
      </c>
      <c r="AH19" s="73">
        <v>0.79</v>
      </c>
      <c r="AI19" s="73">
        <v>0.8</v>
      </c>
      <c r="AJ19" s="73">
        <v>0.81</v>
      </c>
      <c r="AK19" s="73">
        <v>0.82</v>
      </c>
      <c r="AL19" s="73">
        <v>0.82</v>
      </c>
      <c r="AM19" s="73">
        <v>0.81</v>
      </c>
      <c r="AN19" s="73">
        <v>0.8</v>
      </c>
      <c r="AO19" s="73">
        <v>0.78</v>
      </c>
      <c r="AP19" s="8">
        <v>0.76</v>
      </c>
      <c r="AQ19" s="8">
        <v>0.73</v>
      </c>
      <c r="AR19" s="107">
        <v>0.74</v>
      </c>
      <c r="AS19" s="8">
        <v>0.74</v>
      </c>
      <c r="AT19" s="8">
        <v>0.74</v>
      </c>
      <c r="AU19" s="73">
        <v>0.74</v>
      </c>
      <c r="AV19" s="8">
        <v>0.75</v>
      </c>
      <c r="AW19" s="8">
        <v>0.76</v>
      </c>
      <c r="AX19" s="73">
        <v>0.76</v>
      </c>
      <c r="AY19" s="73">
        <v>0.76</v>
      </c>
      <c r="AZ19" s="73">
        <v>0.74</v>
      </c>
      <c r="BA19" s="110">
        <v>0.89</v>
      </c>
      <c r="BB19" s="73">
        <v>0.89</v>
      </c>
      <c r="BC19" s="73">
        <v>0.68</v>
      </c>
      <c r="BD19" s="73">
        <v>0.66</v>
      </c>
      <c r="BE19" s="17"/>
    </row>
    <row r="20" spans="3:57" x14ac:dyDescent="0.2">
      <c r="C20" s="5" t="s">
        <v>63</v>
      </c>
      <c r="D20" s="6" t="s">
        <v>58</v>
      </c>
      <c r="E20" s="76">
        <v>4.9400000000000004</v>
      </c>
      <c r="F20" s="76">
        <v>5.52</v>
      </c>
      <c r="G20" s="76">
        <v>3.94</v>
      </c>
      <c r="H20" s="8">
        <v>3.38</v>
      </c>
      <c r="I20" s="17">
        <v>4.3899999999999997</v>
      </c>
      <c r="J20" s="76">
        <v>3.45</v>
      </c>
      <c r="K20" s="76">
        <v>3.6</v>
      </c>
      <c r="L20" s="76">
        <v>4.8499999999999996</v>
      </c>
      <c r="M20" s="76">
        <v>4.83</v>
      </c>
      <c r="N20" s="76">
        <v>4.3600000000000003</v>
      </c>
      <c r="O20" s="76">
        <v>4.0599999999999996</v>
      </c>
      <c r="P20" s="76">
        <v>3.85</v>
      </c>
      <c r="Q20" s="76">
        <v>3.41</v>
      </c>
      <c r="R20" s="76">
        <v>3.25</v>
      </c>
      <c r="S20" s="76">
        <v>4.3</v>
      </c>
      <c r="T20" s="76">
        <v>3.45</v>
      </c>
      <c r="U20" s="76">
        <v>3.77</v>
      </c>
      <c r="V20" s="76">
        <v>3.81</v>
      </c>
      <c r="W20" s="76">
        <v>3.36</v>
      </c>
      <c r="X20" s="76">
        <v>3.69</v>
      </c>
      <c r="Y20" s="76">
        <v>3.69</v>
      </c>
      <c r="Z20" s="76">
        <v>3.73</v>
      </c>
      <c r="AA20" s="76">
        <v>4.1900000000000004</v>
      </c>
      <c r="AB20" s="8">
        <v>4.54</v>
      </c>
      <c r="AC20" s="8">
        <v>3.97</v>
      </c>
      <c r="AD20" s="76">
        <v>3.71</v>
      </c>
      <c r="AE20" s="76">
        <v>4.43</v>
      </c>
      <c r="AF20" s="76">
        <v>4.17</v>
      </c>
      <c r="AG20" s="73">
        <v>4.82</v>
      </c>
      <c r="AH20" s="76">
        <v>5</v>
      </c>
      <c r="AI20" s="76">
        <v>4.59</v>
      </c>
      <c r="AJ20" s="76">
        <v>4.8499999999999996</v>
      </c>
      <c r="AK20" s="76">
        <v>4.45</v>
      </c>
      <c r="AL20" s="76">
        <v>4.83</v>
      </c>
      <c r="AM20" s="76">
        <v>6.66</v>
      </c>
      <c r="AN20" s="76">
        <v>4.93</v>
      </c>
      <c r="AO20" s="76">
        <v>4.63</v>
      </c>
      <c r="AP20" s="8">
        <v>5.09</v>
      </c>
      <c r="AQ20" s="8">
        <v>5.33</v>
      </c>
      <c r="AR20" s="76">
        <v>5.12</v>
      </c>
      <c r="AS20" s="76">
        <v>4.34</v>
      </c>
      <c r="AT20" s="76">
        <v>4.2300000000000004</v>
      </c>
      <c r="AU20" s="76">
        <v>4.28</v>
      </c>
      <c r="AV20" s="76">
        <v>4.92</v>
      </c>
      <c r="AW20" s="8">
        <v>4.18</v>
      </c>
      <c r="AX20" s="76">
        <v>4.4000000000000004</v>
      </c>
      <c r="AY20" s="76">
        <v>5.15</v>
      </c>
      <c r="AZ20" s="76">
        <v>6.27</v>
      </c>
      <c r="BA20" s="76">
        <v>4.93</v>
      </c>
      <c r="BB20" s="76" t="s">
        <v>142</v>
      </c>
      <c r="BC20" s="76">
        <v>6.51</v>
      </c>
      <c r="BD20" s="76">
        <v>9.81</v>
      </c>
      <c r="BE20" s="17"/>
    </row>
    <row r="21" spans="3:57" x14ac:dyDescent="0.2">
      <c r="C21" s="5" t="s">
        <v>64</v>
      </c>
      <c r="D21" s="6" t="s">
        <v>58</v>
      </c>
      <c r="E21" s="76">
        <v>3.58</v>
      </c>
      <c r="F21" s="76">
        <v>4.16</v>
      </c>
      <c r="G21" s="76">
        <v>3.99</v>
      </c>
      <c r="H21" s="8">
        <v>4</v>
      </c>
      <c r="I21" s="17">
        <v>4.2699999999999996</v>
      </c>
      <c r="J21" s="76">
        <v>4.13</v>
      </c>
      <c r="K21" s="76">
        <v>4.0599999999999996</v>
      </c>
      <c r="L21" s="76">
        <v>4.25</v>
      </c>
      <c r="M21" s="76">
        <v>3.69</v>
      </c>
      <c r="N21" s="76">
        <v>3.27</v>
      </c>
      <c r="O21" s="76">
        <v>3.52</v>
      </c>
      <c r="P21" s="76">
        <v>3.7</v>
      </c>
      <c r="Q21" s="76">
        <v>3.24</v>
      </c>
      <c r="R21" s="76">
        <v>3.21</v>
      </c>
      <c r="S21" s="76">
        <v>3.74</v>
      </c>
      <c r="T21" s="76">
        <v>3.18</v>
      </c>
      <c r="U21" s="76">
        <v>3.26</v>
      </c>
      <c r="V21" s="76">
        <v>3.35</v>
      </c>
      <c r="W21" s="76">
        <v>3.37</v>
      </c>
      <c r="X21" s="76">
        <v>3.66</v>
      </c>
      <c r="Y21" s="76">
        <v>3.69</v>
      </c>
      <c r="Z21" s="76">
        <v>3.54</v>
      </c>
      <c r="AA21" s="76">
        <v>3.51</v>
      </c>
      <c r="AB21" s="8">
        <v>3.58</v>
      </c>
      <c r="AC21" s="8">
        <v>3.37</v>
      </c>
      <c r="AD21" s="76">
        <v>3.27</v>
      </c>
      <c r="AE21" s="76">
        <v>3.22</v>
      </c>
      <c r="AF21" s="76">
        <v>2.5299999999999998</v>
      </c>
      <c r="AG21" s="73">
        <v>3.51</v>
      </c>
      <c r="AH21" s="76">
        <v>3.66</v>
      </c>
      <c r="AI21" s="76">
        <v>3.62</v>
      </c>
      <c r="AJ21" s="76">
        <v>3.44</v>
      </c>
      <c r="AK21" s="76">
        <v>3.6</v>
      </c>
      <c r="AL21" s="76">
        <v>3.73</v>
      </c>
      <c r="AM21" s="76">
        <v>3.6</v>
      </c>
      <c r="AN21" s="76">
        <v>3.29</v>
      </c>
      <c r="AO21" s="76">
        <v>3.48</v>
      </c>
      <c r="AP21" s="8">
        <v>3.36</v>
      </c>
      <c r="AQ21" s="8">
        <v>3.08</v>
      </c>
      <c r="AR21" s="76">
        <v>3.14</v>
      </c>
      <c r="AS21" s="76">
        <v>3.04</v>
      </c>
      <c r="AT21" s="76">
        <v>2.94</v>
      </c>
      <c r="AU21" s="76">
        <v>2.97</v>
      </c>
      <c r="AV21" s="76">
        <v>3.13</v>
      </c>
      <c r="AW21" s="8">
        <v>2.91</v>
      </c>
      <c r="AX21" s="76">
        <v>2.77</v>
      </c>
      <c r="AY21" s="76">
        <v>3.12</v>
      </c>
      <c r="AZ21" s="76">
        <v>3.56</v>
      </c>
      <c r="BA21" s="76">
        <v>3.1</v>
      </c>
      <c r="BB21" s="76" t="s">
        <v>143</v>
      </c>
      <c r="BC21" s="76">
        <v>3.01</v>
      </c>
      <c r="BD21" s="76">
        <v>5.72</v>
      </c>
      <c r="BE21" s="17"/>
    </row>
    <row r="22" spans="3:57" x14ac:dyDescent="0.2">
      <c r="C22" s="5" t="s">
        <v>65</v>
      </c>
      <c r="D22" s="6" t="s">
        <v>58</v>
      </c>
      <c r="E22" s="76">
        <v>2.93</v>
      </c>
      <c r="F22" s="76">
        <v>1.84</v>
      </c>
      <c r="G22" s="76">
        <v>2.23</v>
      </c>
      <c r="H22" s="8">
        <v>1.88</v>
      </c>
      <c r="I22" s="17">
        <v>1.7</v>
      </c>
      <c r="J22" s="76">
        <v>0.82</v>
      </c>
      <c r="K22" s="76">
        <v>0.62</v>
      </c>
      <c r="L22" s="76">
        <v>2.71</v>
      </c>
      <c r="M22" s="76">
        <v>2.81</v>
      </c>
      <c r="N22" s="76">
        <v>1.1399999999999999</v>
      </c>
      <c r="O22" s="76">
        <v>2.31</v>
      </c>
      <c r="P22" s="76">
        <v>1.3</v>
      </c>
      <c r="Q22" s="76">
        <v>3.15</v>
      </c>
      <c r="R22" s="76">
        <v>1.31</v>
      </c>
      <c r="S22" s="76">
        <v>0.98</v>
      </c>
      <c r="T22" s="76">
        <v>1.69</v>
      </c>
      <c r="U22" s="76">
        <v>1.92</v>
      </c>
      <c r="V22" s="76">
        <v>2.2999999999999998</v>
      </c>
      <c r="W22" s="76">
        <v>1.27</v>
      </c>
      <c r="X22" s="76">
        <v>1.67</v>
      </c>
      <c r="Y22" s="76">
        <v>1.66</v>
      </c>
      <c r="Z22" s="76">
        <v>2.44</v>
      </c>
      <c r="AA22" s="76">
        <v>2.54</v>
      </c>
      <c r="AB22" s="8">
        <v>1.69</v>
      </c>
      <c r="AC22" s="8">
        <v>2.12</v>
      </c>
      <c r="AD22" s="76">
        <v>3.21</v>
      </c>
      <c r="AE22" s="76">
        <v>3.01</v>
      </c>
      <c r="AF22" s="76">
        <v>2.19</v>
      </c>
      <c r="AG22" s="73">
        <v>1.93</v>
      </c>
      <c r="AH22" s="76">
        <v>2.91</v>
      </c>
      <c r="AI22" s="76">
        <v>3.14</v>
      </c>
      <c r="AJ22" s="76">
        <v>2.5099999999999998</v>
      </c>
      <c r="AK22" s="76">
        <v>2.91</v>
      </c>
      <c r="AL22" s="76">
        <v>3.1</v>
      </c>
      <c r="AM22" s="76">
        <v>2.7</v>
      </c>
      <c r="AN22" s="76">
        <v>1.74</v>
      </c>
      <c r="AO22" s="76">
        <v>2.06</v>
      </c>
      <c r="AP22" s="8">
        <v>1.1200000000000001</v>
      </c>
      <c r="AQ22" s="8">
        <v>1.72</v>
      </c>
      <c r="AR22" s="76">
        <v>1.39</v>
      </c>
      <c r="AS22" s="76">
        <v>0.92</v>
      </c>
      <c r="AT22" s="76">
        <v>0.8</v>
      </c>
      <c r="AU22" s="76">
        <v>0.69</v>
      </c>
      <c r="AV22" s="76">
        <v>0.97</v>
      </c>
      <c r="AW22" s="8">
        <v>0.97</v>
      </c>
      <c r="AX22" s="76">
        <v>0.85</v>
      </c>
      <c r="AY22" s="76">
        <v>0.76</v>
      </c>
      <c r="AZ22" s="76">
        <v>0.94</v>
      </c>
      <c r="BA22" s="76">
        <v>1.56</v>
      </c>
      <c r="BB22" s="76" t="s">
        <v>144</v>
      </c>
      <c r="BC22" s="76">
        <v>1.1000000000000001</v>
      </c>
      <c r="BD22" s="76">
        <v>1.64</v>
      </c>
      <c r="BE22" s="17"/>
    </row>
    <row r="23" spans="3:57" x14ac:dyDescent="0.2">
      <c r="C23" s="5" t="s">
        <v>66</v>
      </c>
      <c r="D23" s="6" t="s">
        <v>58</v>
      </c>
      <c r="E23" s="76">
        <v>3.3</v>
      </c>
      <c r="F23" s="76">
        <v>2.77</v>
      </c>
      <c r="G23" s="76">
        <v>3.9</v>
      </c>
      <c r="H23" s="8">
        <v>3.7</v>
      </c>
      <c r="I23" s="17">
        <v>3.2</v>
      </c>
      <c r="J23" s="76">
        <v>2.12</v>
      </c>
      <c r="K23" s="76">
        <v>1.71</v>
      </c>
      <c r="L23" s="76">
        <v>2.2799999999999998</v>
      </c>
      <c r="M23" s="76">
        <v>2.38</v>
      </c>
      <c r="N23" s="76">
        <v>2.21</v>
      </c>
      <c r="O23" s="76">
        <v>1.73</v>
      </c>
      <c r="P23" s="76">
        <v>2.58</v>
      </c>
      <c r="Q23" s="76">
        <v>3.2</v>
      </c>
      <c r="R23" s="76">
        <v>1.43</v>
      </c>
      <c r="S23" s="76">
        <v>1.59</v>
      </c>
      <c r="T23" s="76">
        <v>1.8</v>
      </c>
      <c r="U23" s="76">
        <v>1.87</v>
      </c>
      <c r="V23" s="76">
        <v>2.2799999999999998</v>
      </c>
      <c r="W23" s="76">
        <v>1.84</v>
      </c>
      <c r="X23" s="76">
        <v>1.35</v>
      </c>
      <c r="Y23" s="76">
        <v>3</v>
      </c>
      <c r="Z23" s="76">
        <v>2.4700000000000002</v>
      </c>
      <c r="AA23" s="76">
        <v>1.93</v>
      </c>
      <c r="AB23" s="8">
        <v>2.16</v>
      </c>
      <c r="AC23" s="8">
        <v>1.54</v>
      </c>
      <c r="AD23" s="76">
        <v>1.46</v>
      </c>
      <c r="AE23" s="76">
        <v>1.66</v>
      </c>
      <c r="AF23" s="76">
        <v>1.58</v>
      </c>
      <c r="AG23" s="73">
        <v>1.72</v>
      </c>
      <c r="AH23" s="76">
        <v>1.52</v>
      </c>
      <c r="AI23" s="76">
        <v>1.65</v>
      </c>
      <c r="AJ23" s="76">
        <v>1.57</v>
      </c>
      <c r="AK23" s="76">
        <v>1.49</v>
      </c>
      <c r="AL23" s="76">
        <v>1.75</v>
      </c>
      <c r="AM23" s="76">
        <v>1.86</v>
      </c>
      <c r="AN23" s="76">
        <v>1.29</v>
      </c>
      <c r="AO23" s="76">
        <v>2.92</v>
      </c>
      <c r="AP23" s="8">
        <v>1.27</v>
      </c>
      <c r="AQ23" s="8">
        <v>2.1800000000000002</v>
      </c>
      <c r="AR23" s="76">
        <v>1.74</v>
      </c>
      <c r="AS23" s="76">
        <v>1.03</v>
      </c>
      <c r="AT23" s="76">
        <v>1.7</v>
      </c>
      <c r="AU23" s="76">
        <v>1.71</v>
      </c>
      <c r="AV23" s="76">
        <v>1.06</v>
      </c>
      <c r="AW23" s="8">
        <v>0.96</v>
      </c>
      <c r="AX23" s="76">
        <v>0.95</v>
      </c>
      <c r="AY23" s="76">
        <v>2.0099999999999998</v>
      </c>
      <c r="AZ23" s="76">
        <v>1.4</v>
      </c>
      <c r="BA23" s="76">
        <v>1.06</v>
      </c>
      <c r="BB23" s="76" t="s">
        <v>145</v>
      </c>
      <c r="BC23" s="76">
        <v>2.5</v>
      </c>
      <c r="BD23" s="76">
        <v>2.09</v>
      </c>
      <c r="BE23" s="17"/>
    </row>
    <row r="24" spans="3:57" x14ac:dyDescent="0.2">
      <c r="C24" s="5" t="s">
        <v>116</v>
      </c>
      <c r="D24" s="6" t="s">
        <v>58</v>
      </c>
      <c r="E24" s="76">
        <v>6.95</v>
      </c>
      <c r="F24" s="76">
        <v>6.55</v>
      </c>
      <c r="G24" s="76">
        <v>6.78</v>
      </c>
      <c r="H24" s="8">
        <v>5.3</v>
      </c>
      <c r="I24" s="17">
        <v>6.48</v>
      </c>
      <c r="J24" s="76">
        <v>5.03</v>
      </c>
      <c r="K24" s="76">
        <v>3.51</v>
      </c>
      <c r="L24" s="76">
        <v>3.94</v>
      </c>
      <c r="M24" s="76">
        <v>6.01</v>
      </c>
      <c r="N24" s="76">
        <v>5.0199999999999996</v>
      </c>
      <c r="O24" s="76">
        <v>4.47</v>
      </c>
      <c r="P24" s="76">
        <v>4.07</v>
      </c>
      <c r="Q24" s="76">
        <v>4.1500000000000004</v>
      </c>
      <c r="R24" s="76">
        <v>4.25</v>
      </c>
      <c r="S24" s="76">
        <v>3.84</v>
      </c>
      <c r="T24" s="76">
        <v>4.21</v>
      </c>
      <c r="U24" s="76">
        <v>3.92</v>
      </c>
      <c r="V24" s="76">
        <v>3.98</v>
      </c>
      <c r="W24" s="76">
        <v>3.98</v>
      </c>
      <c r="X24" s="76">
        <v>4.96</v>
      </c>
      <c r="Y24" s="76">
        <v>4.76</v>
      </c>
      <c r="Z24" s="76">
        <v>4.2300000000000004</v>
      </c>
      <c r="AA24" s="76">
        <v>4.6100000000000003</v>
      </c>
      <c r="AB24" s="8">
        <v>4.5599999999999996</v>
      </c>
      <c r="AC24" s="8">
        <v>3.55</v>
      </c>
      <c r="AD24" s="76">
        <v>4.01</v>
      </c>
      <c r="AE24" s="76">
        <v>4.2300000000000004</v>
      </c>
      <c r="AF24" s="76">
        <v>4.33</v>
      </c>
      <c r="AG24" s="73">
        <v>4.9400000000000004</v>
      </c>
      <c r="AH24" s="76">
        <v>4.6900000000000004</v>
      </c>
      <c r="AI24" s="76">
        <v>4.45</v>
      </c>
      <c r="AJ24" s="76">
        <v>4.95</v>
      </c>
      <c r="AK24" s="76">
        <v>4.7300000000000004</v>
      </c>
      <c r="AL24" s="76">
        <v>3.7</v>
      </c>
      <c r="AM24" s="76">
        <v>4.22</v>
      </c>
      <c r="AN24" s="76">
        <v>3.69</v>
      </c>
      <c r="AO24" s="76">
        <v>4.2</v>
      </c>
      <c r="AP24" s="8">
        <v>4.71</v>
      </c>
      <c r="AQ24" s="8">
        <v>4.5199999999999996</v>
      </c>
      <c r="AR24" s="76">
        <v>4.7300000000000004</v>
      </c>
      <c r="AS24" s="76">
        <v>4.63</v>
      </c>
      <c r="AT24" s="76">
        <v>5.0599999999999996</v>
      </c>
      <c r="AU24" s="76">
        <v>4.5599999999999996</v>
      </c>
      <c r="AV24" s="76">
        <v>5.83</v>
      </c>
      <c r="AW24" s="8">
        <v>5.59</v>
      </c>
      <c r="AX24" s="76">
        <v>5.19</v>
      </c>
      <c r="AY24" s="76">
        <v>5.45</v>
      </c>
      <c r="AZ24" s="76">
        <v>3.8</v>
      </c>
      <c r="BA24" s="76">
        <v>5.01</v>
      </c>
      <c r="BB24" s="76" t="s">
        <v>146</v>
      </c>
      <c r="BC24" s="76">
        <v>4.51</v>
      </c>
      <c r="BD24" s="76">
        <v>6.39</v>
      </c>
      <c r="BE24" s="17"/>
    </row>
    <row r="25" spans="3:57" x14ac:dyDescent="0.2">
      <c r="C25" s="5" t="s">
        <v>68</v>
      </c>
      <c r="D25" s="6" t="s">
        <v>58</v>
      </c>
      <c r="E25" s="76">
        <v>1.08</v>
      </c>
      <c r="F25" s="76">
        <v>1.64</v>
      </c>
      <c r="G25" s="76">
        <v>1.22</v>
      </c>
      <c r="H25" s="8">
        <v>1.0900000000000001</v>
      </c>
      <c r="I25" s="17">
        <v>1.81</v>
      </c>
      <c r="J25" s="76">
        <v>1.34</v>
      </c>
      <c r="K25" s="76">
        <v>1.21</v>
      </c>
      <c r="L25" s="76">
        <v>1.34</v>
      </c>
      <c r="M25" s="76">
        <v>1.51</v>
      </c>
      <c r="N25" s="76">
        <v>1.44</v>
      </c>
      <c r="O25" s="76">
        <v>1.1200000000000001</v>
      </c>
      <c r="P25" s="76">
        <v>2.1</v>
      </c>
      <c r="Q25" s="76">
        <v>1.37</v>
      </c>
      <c r="R25" s="76">
        <v>2.72</v>
      </c>
      <c r="S25" s="76">
        <v>1.1599999999999999</v>
      </c>
      <c r="T25" s="76">
        <v>1.32</v>
      </c>
      <c r="U25" s="76">
        <v>0.95</v>
      </c>
      <c r="V25" s="76">
        <v>1.56</v>
      </c>
      <c r="W25" s="76">
        <v>1.35</v>
      </c>
      <c r="X25" s="76">
        <v>1.02</v>
      </c>
      <c r="Y25" s="76">
        <v>1.23</v>
      </c>
      <c r="Z25" s="76">
        <v>1.25</v>
      </c>
      <c r="AA25" s="76">
        <v>0.96</v>
      </c>
      <c r="AB25" s="8">
        <v>1.2</v>
      </c>
      <c r="AC25" s="8">
        <v>0.84</v>
      </c>
      <c r="AD25" s="76">
        <v>0.67</v>
      </c>
      <c r="AE25" s="76">
        <v>0.73</v>
      </c>
      <c r="AF25" s="76">
        <v>0.72</v>
      </c>
      <c r="AG25" s="73">
        <v>0.88</v>
      </c>
      <c r="AH25" s="76">
        <v>1.92</v>
      </c>
      <c r="AI25" s="76">
        <v>1.19</v>
      </c>
      <c r="AJ25" s="76">
        <v>1.19</v>
      </c>
      <c r="AK25" s="76">
        <v>1.07</v>
      </c>
      <c r="AL25" s="76">
        <v>1.56</v>
      </c>
      <c r="AM25" s="76">
        <v>1.28</v>
      </c>
      <c r="AN25" s="76">
        <v>1.04</v>
      </c>
      <c r="AO25" s="76">
        <v>1.35</v>
      </c>
      <c r="AP25" s="8">
        <v>1.05</v>
      </c>
      <c r="AQ25" s="8">
        <v>0.74</v>
      </c>
      <c r="AR25" s="76">
        <v>0.8</v>
      </c>
      <c r="AS25" s="76">
        <v>1.31</v>
      </c>
      <c r="AT25" s="76">
        <v>0.56999999999999995</v>
      </c>
      <c r="AU25" s="76">
        <v>0.53</v>
      </c>
      <c r="AV25" s="76">
        <v>0.56999999999999995</v>
      </c>
      <c r="AW25" s="8">
        <v>0.54</v>
      </c>
      <c r="AX25" s="76">
        <v>0.51</v>
      </c>
      <c r="AY25" s="76">
        <v>0.8</v>
      </c>
      <c r="AZ25" s="76">
        <v>0.79</v>
      </c>
      <c r="BA25" s="76">
        <v>0.82</v>
      </c>
      <c r="BB25" s="76" t="s">
        <v>147</v>
      </c>
      <c r="BC25" s="76">
        <v>0.52</v>
      </c>
      <c r="BD25" s="76">
        <v>0.78</v>
      </c>
      <c r="BE25" s="17"/>
    </row>
    <row r="26" spans="3:57" x14ac:dyDescent="0.2">
      <c r="C26" s="5" t="s">
        <v>69</v>
      </c>
      <c r="D26" s="6" t="s">
        <v>58</v>
      </c>
      <c r="E26" s="76">
        <v>1.82</v>
      </c>
      <c r="F26" s="76">
        <v>2.5299999999999998</v>
      </c>
      <c r="G26" s="76">
        <v>2.06</v>
      </c>
      <c r="H26" s="8">
        <v>1.44</v>
      </c>
      <c r="I26" s="17">
        <v>1.77</v>
      </c>
      <c r="J26" s="76">
        <v>0.71</v>
      </c>
      <c r="K26" s="76">
        <v>0.67</v>
      </c>
      <c r="L26" s="76">
        <v>2</v>
      </c>
      <c r="M26" s="76">
        <v>1.21</v>
      </c>
      <c r="N26" s="76">
        <v>1.35</v>
      </c>
      <c r="O26" s="76">
        <v>1.42</v>
      </c>
      <c r="P26" s="76">
        <v>1.72</v>
      </c>
      <c r="Q26" s="76">
        <v>1.72</v>
      </c>
      <c r="R26" s="76">
        <v>1.72</v>
      </c>
      <c r="S26" s="76">
        <v>1.5</v>
      </c>
      <c r="T26" s="76">
        <v>1.4</v>
      </c>
      <c r="U26" s="76">
        <v>1.45</v>
      </c>
      <c r="V26" s="76">
        <v>1.46</v>
      </c>
      <c r="W26" s="76">
        <v>1.55</v>
      </c>
      <c r="X26" s="76">
        <v>1.5</v>
      </c>
      <c r="Y26" s="76">
        <v>1.5</v>
      </c>
      <c r="Z26" s="76">
        <v>1.4</v>
      </c>
      <c r="AA26" s="76">
        <v>1.65</v>
      </c>
      <c r="AB26" s="8">
        <v>1.45</v>
      </c>
      <c r="AC26" s="8">
        <v>1.55</v>
      </c>
      <c r="AD26" s="76">
        <v>1.65</v>
      </c>
      <c r="AE26" s="76">
        <v>2.0499999999999998</v>
      </c>
      <c r="AF26" s="76">
        <v>1.7</v>
      </c>
      <c r="AG26" s="73">
        <v>1.65</v>
      </c>
      <c r="AH26" s="76">
        <v>1.75</v>
      </c>
      <c r="AI26" s="76">
        <v>1.99</v>
      </c>
      <c r="AJ26" s="76">
        <v>1.07</v>
      </c>
      <c r="AK26" s="76">
        <v>1.5</v>
      </c>
      <c r="AL26" s="76">
        <v>1.85</v>
      </c>
      <c r="AM26" s="76">
        <v>1.6</v>
      </c>
      <c r="AN26" s="76">
        <v>1.66</v>
      </c>
      <c r="AO26" s="76">
        <v>1.59</v>
      </c>
      <c r="AP26" s="8">
        <v>1.39</v>
      </c>
      <c r="AQ26" s="8">
        <v>1.1000000000000001</v>
      </c>
      <c r="AR26" s="76">
        <v>1.24</v>
      </c>
      <c r="AS26" s="76">
        <v>0.96</v>
      </c>
      <c r="AT26" s="76">
        <v>0.97</v>
      </c>
      <c r="AU26" s="76">
        <v>1.43</v>
      </c>
      <c r="AV26" s="76">
        <v>1.01</v>
      </c>
      <c r="AW26" s="8">
        <v>1.69</v>
      </c>
      <c r="AX26" s="76">
        <v>2.33</v>
      </c>
      <c r="AY26" s="76">
        <v>2</v>
      </c>
      <c r="AZ26" s="76">
        <v>2</v>
      </c>
      <c r="BA26" s="76">
        <v>1.17</v>
      </c>
      <c r="BB26" s="76" t="s">
        <v>148</v>
      </c>
      <c r="BC26" s="76">
        <v>1.3</v>
      </c>
      <c r="BD26" s="76">
        <v>2.2799999999999998</v>
      </c>
      <c r="BE26" s="17"/>
    </row>
    <row r="27" spans="3:57" x14ac:dyDescent="0.2">
      <c r="C27" s="5" t="s">
        <v>70</v>
      </c>
      <c r="D27" s="6" t="s">
        <v>58</v>
      </c>
      <c r="E27" s="76">
        <v>2.21</v>
      </c>
      <c r="F27" s="76">
        <v>2.6</v>
      </c>
      <c r="G27" s="76">
        <v>2.71</v>
      </c>
      <c r="H27" s="8">
        <v>2.17</v>
      </c>
      <c r="I27" s="17">
        <v>2.58</v>
      </c>
      <c r="J27" s="76">
        <v>1.9</v>
      </c>
      <c r="K27" s="76">
        <v>1.99</v>
      </c>
      <c r="L27" s="76">
        <v>2.4300000000000002</v>
      </c>
      <c r="M27" s="76">
        <v>0.66</v>
      </c>
      <c r="N27" s="76">
        <v>0.56999999999999995</v>
      </c>
      <c r="O27" s="76">
        <v>0.52</v>
      </c>
      <c r="P27" s="76">
        <v>0.51</v>
      </c>
      <c r="Q27" s="76">
        <v>0.57999999999999996</v>
      </c>
      <c r="R27" s="76">
        <v>0.52</v>
      </c>
      <c r="S27" s="76">
        <v>0.56000000000000005</v>
      </c>
      <c r="T27" s="76">
        <v>1.08</v>
      </c>
      <c r="U27" s="76">
        <v>1.57</v>
      </c>
      <c r="V27" s="76">
        <v>1.63</v>
      </c>
      <c r="W27" s="76">
        <v>2.25</v>
      </c>
      <c r="X27" s="76">
        <v>2.4</v>
      </c>
      <c r="Y27" s="76">
        <v>2.44</v>
      </c>
      <c r="Z27" s="76">
        <v>2.5</v>
      </c>
      <c r="AA27" s="76">
        <v>1.74</v>
      </c>
      <c r="AB27" s="8">
        <v>1.33</v>
      </c>
      <c r="AC27" s="8">
        <v>1.02</v>
      </c>
      <c r="AD27" s="76">
        <v>0.91</v>
      </c>
      <c r="AE27" s="76">
        <v>2.4700000000000002</v>
      </c>
      <c r="AF27" s="76">
        <v>0.83</v>
      </c>
      <c r="AG27" s="73">
        <v>1.6</v>
      </c>
      <c r="AH27" s="76">
        <v>2.2999999999999998</v>
      </c>
      <c r="AI27" s="76">
        <v>1.62</v>
      </c>
      <c r="AJ27" s="76">
        <v>1.77</v>
      </c>
      <c r="AK27" s="76">
        <v>1.03</v>
      </c>
      <c r="AL27" s="76">
        <v>1.22</v>
      </c>
      <c r="AM27" s="76">
        <v>1.93</v>
      </c>
      <c r="AN27" s="76">
        <v>0.84</v>
      </c>
      <c r="AO27" s="76">
        <v>3</v>
      </c>
      <c r="AP27" s="8">
        <v>3.3</v>
      </c>
      <c r="AQ27" s="8">
        <v>3.3</v>
      </c>
      <c r="AR27" s="76">
        <v>2.33</v>
      </c>
      <c r="AS27" s="76">
        <v>2.57</v>
      </c>
      <c r="AT27" s="76">
        <v>2.27</v>
      </c>
      <c r="AU27" s="76">
        <v>1.64</v>
      </c>
      <c r="AV27" s="76">
        <v>1.18</v>
      </c>
      <c r="AW27" s="8">
        <v>1.36</v>
      </c>
      <c r="AX27" s="76">
        <v>1.1200000000000001</v>
      </c>
      <c r="AY27" s="76">
        <v>1.21</v>
      </c>
      <c r="AZ27" s="76">
        <v>1.1200000000000001</v>
      </c>
      <c r="BA27" s="76">
        <v>0.76</v>
      </c>
      <c r="BB27" s="76" t="s">
        <v>149</v>
      </c>
      <c r="BC27" s="76">
        <v>0.7</v>
      </c>
      <c r="BD27" s="76">
        <v>1.1100000000000001</v>
      </c>
      <c r="BE27" s="17"/>
    </row>
    <row r="28" spans="3:57" x14ac:dyDescent="0.2">
      <c r="C28" s="5" t="s">
        <v>133</v>
      </c>
      <c r="D28" s="6" t="s">
        <v>58</v>
      </c>
      <c r="E28" s="76">
        <v>2.14</v>
      </c>
      <c r="F28" s="76">
        <v>2.2599999999999998</v>
      </c>
      <c r="G28" s="76">
        <v>2.95</v>
      </c>
      <c r="H28" s="8">
        <v>3.01</v>
      </c>
      <c r="I28" s="17">
        <v>3.75</v>
      </c>
      <c r="J28" s="76">
        <v>3.57</v>
      </c>
      <c r="K28" s="76">
        <v>3.45</v>
      </c>
      <c r="L28" s="76">
        <v>2.4900000000000002</v>
      </c>
      <c r="M28" s="76">
        <v>3.11</v>
      </c>
      <c r="N28" s="76">
        <v>3.17</v>
      </c>
      <c r="O28" s="76">
        <v>3.26</v>
      </c>
      <c r="P28" s="76">
        <v>3.28</v>
      </c>
      <c r="Q28" s="76">
        <v>3.29</v>
      </c>
      <c r="R28" s="76" t="s">
        <v>110</v>
      </c>
      <c r="S28" s="76">
        <v>3.02</v>
      </c>
      <c r="T28" s="76">
        <v>3.04</v>
      </c>
      <c r="U28" s="76">
        <v>3.2</v>
      </c>
      <c r="V28" s="76">
        <v>3.29</v>
      </c>
      <c r="W28" s="76" t="s">
        <v>110</v>
      </c>
      <c r="X28" s="76">
        <v>5.16</v>
      </c>
      <c r="Y28" s="76">
        <v>4.0999999999999996</v>
      </c>
      <c r="Z28" s="76">
        <v>9.18</v>
      </c>
      <c r="AA28" s="76">
        <v>8.7899999999999991</v>
      </c>
      <c r="AB28" s="8">
        <v>4.93</v>
      </c>
      <c r="AC28" s="8">
        <v>3.63</v>
      </c>
      <c r="AD28" s="76">
        <v>4.32</v>
      </c>
      <c r="AE28" s="76">
        <v>3.85</v>
      </c>
      <c r="AF28" s="76">
        <v>4.45</v>
      </c>
      <c r="AG28" s="73">
        <v>4</v>
      </c>
      <c r="AH28" s="76">
        <v>3.55</v>
      </c>
      <c r="AI28" s="76">
        <v>3.71</v>
      </c>
      <c r="AJ28" s="76">
        <v>4.3</v>
      </c>
      <c r="AK28" s="76">
        <v>5.84</v>
      </c>
      <c r="AL28" s="76">
        <v>4.8499999999999996</v>
      </c>
      <c r="AM28" s="76">
        <v>3.54</v>
      </c>
      <c r="AN28" s="76">
        <v>3.32</v>
      </c>
      <c r="AO28" s="76">
        <v>3.11</v>
      </c>
      <c r="AP28" s="8">
        <v>3.16</v>
      </c>
      <c r="AQ28" s="8">
        <v>3.48</v>
      </c>
      <c r="AR28" s="76">
        <v>4.17</v>
      </c>
      <c r="AS28" s="76">
        <v>4.1900000000000004</v>
      </c>
      <c r="AT28" s="76">
        <v>4.4000000000000004</v>
      </c>
      <c r="AU28" s="76">
        <v>3.77</v>
      </c>
      <c r="AV28" s="76">
        <v>4.2699999999999996</v>
      </c>
      <c r="AW28" s="8">
        <v>2.9</v>
      </c>
      <c r="AX28" s="76">
        <v>3.3</v>
      </c>
      <c r="AY28" s="76">
        <v>3.8</v>
      </c>
      <c r="AZ28" s="76">
        <v>4.6100000000000003</v>
      </c>
      <c r="BA28" s="76">
        <v>3.64</v>
      </c>
      <c r="BB28" s="76" t="s">
        <v>150</v>
      </c>
      <c r="BC28" s="76">
        <v>2.46</v>
      </c>
      <c r="BD28" s="76">
        <v>5.04</v>
      </c>
      <c r="BE28" s="17"/>
    </row>
    <row r="29" spans="3:57" x14ac:dyDescent="0.2">
      <c r="C29" s="5" t="s">
        <v>71</v>
      </c>
      <c r="D29" s="6" t="s">
        <v>58</v>
      </c>
      <c r="E29" s="76">
        <v>2.35</v>
      </c>
      <c r="F29" s="76">
        <v>2.35</v>
      </c>
      <c r="G29" s="76">
        <v>2.4500000000000002</v>
      </c>
      <c r="H29" s="8">
        <v>2.6</v>
      </c>
      <c r="I29" s="17">
        <v>2.6</v>
      </c>
      <c r="J29" s="76">
        <v>2.6</v>
      </c>
      <c r="K29" s="76">
        <v>2.6</v>
      </c>
      <c r="L29" s="76">
        <v>2.6</v>
      </c>
      <c r="M29" s="76">
        <v>2.6</v>
      </c>
      <c r="N29" s="76">
        <v>2.6</v>
      </c>
      <c r="O29" s="76">
        <v>2.6</v>
      </c>
      <c r="P29" s="76">
        <v>2.6</v>
      </c>
      <c r="Q29" s="76">
        <v>2.6</v>
      </c>
      <c r="R29" s="76">
        <v>2.6</v>
      </c>
      <c r="S29" s="76">
        <v>2.6</v>
      </c>
      <c r="T29" s="76">
        <v>2.6</v>
      </c>
      <c r="U29" s="76">
        <v>2.6</v>
      </c>
      <c r="V29" s="76">
        <v>2.6</v>
      </c>
      <c r="W29" s="76">
        <v>2.6</v>
      </c>
      <c r="X29" s="76">
        <v>2.6</v>
      </c>
      <c r="Y29" s="76">
        <v>2.6</v>
      </c>
      <c r="Z29" s="76">
        <v>2.6</v>
      </c>
      <c r="AA29" s="76">
        <v>2.6</v>
      </c>
      <c r="AB29" s="8">
        <v>2.6</v>
      </c>
      <c r="AC29" s="8">
        <v>2.6</v>
      </c>
      <c r="AD29" s="76">
        <v>2.6</v>
      </c>
      <c r="AE29" s="76">
        <v>2.6</v>
      </c>
      <c r="AF29" s="76" t="s">
        <v>141</v>
      </c>
      <c r="AG29" s="73">
        <v>2.6</v>
      </c>
      <c r="AH29" s="76">
        <v>2.6</v>
      </c>
      <c r="AI29" s="76">
        <v>2.6</v>
      </c>
      <c r="AJ29" s="76">
        <v>2.6</v>
      </c>
      <c r="AK29" s="76">
        <v>2.6</v>
      </c>
      <c r="AL29" s="76">
        <v>2.6</v>
      </c>
      <c r="AM29" s="76">
        <v>2.6</v>
      </c>
      <c r="AN29" s="76">
        <v>2.6</v>
      </c>
      <c r="AO29" s="76">
        <v>2.6</v>
      </c>
      <c r="AP29" s="8">
        <v>2.6</v>
      </c>
      <c r="AQ29" s="8">
        <v>2.6</v>
      </c>
      <c r="AR29" s="76">
        <v>2.6</v>
      </c>
      <c r="AS29" s="76">
        <v>2.6</v>
      </c>
      <c r="AT29" s="76">
        <v>2.6</v>
      </c>
      <c r="AU29" s="76">
        <v>2.6</v>
      </c>
      <c r="AV29" s="76">
        <v>2.6</v>
      </c>
      <c r="AW29" s="8">
        <v>2.6</v>
      </c>
      <c r="AX29" s="76">
        <v>2.6</v>
      </c>
      <c r="AY29" s="76">
        <v>2.6</v>
      </c>
      <c r="AZ29" s="76">
        <v>2.6</v>
      </c>
      <c r="BA29" s="76">
        <v>2.6</v>
      </c>
      <c r="BB29" s="76" t="s">
        <v>151</v>
      </c>
      <c r="BC29" s="76">
        <v>2.6</v>
      </c>
      <c r="BD29" s="76">
        <v>2.6</v>
      </c>
      <c r="BE29" s="17"/>
    </row>
    <row r="30" spans="3:57" x14ac:dyDescent="0.2">
      <c r="C30" s="5" t="s">
        <v>102</v>
      </c>
      <c r="D30" s="6" t="s">
        <v>58</v>
      </c>
      <c r="E30" s="76">
        <v>4.83</v>
      </c>
      <c r="F30" s="76">
        <v>4.83</v>
      </c>
      <c r="G30" s="76">
        <v>5</v>
      </c>
      <c r="H30" s="8">
        <v>5.23</v>
      </c>
      <c r="I30" s="17">
        <v>5.27</v>
      </c>
      <c r="J30" s="76">
        <v>5.29</v>
      </c>
      <c r="K30" s="76">
        <v>5.29</v>
      </c>
      <c r="L30" s="76">
        <v>5.26</v>
      </c>
      <c r="M30" s="76">
        <v>5.24</v>
      </c>
      <c r="N30" s="76">
        <v>5.24</v>
      </c>
      <c r="O30" s="76">
        <v>5.24</v>
      </c>
      <c r="P30" s="76">
        <v>5.24</v>
      </c>
      <c r="Q30" s="76">
        <v>5.24</v>
      </c>
      <c r="R30" s="76">
        <v>5.24</v>
      </c>
      <c r="S30" s="76">
        <v>5.28</v>
      </c>
      <c r="T30" s="76">
        <v>5.4</v>
      </c>
      <c r="U30" s="76">
        <v>5.43</v>
      </c>
      <c r="V30" s="76">
        <v>5.46</v>
      </c>
      <c r="W30" s="76">
        <v>5.54</v>
      </c>
      <c r="X30" s="76">
        <v>5.61</v>
      </c>
      <c r="Y30" s="76">
        <v>5.61</v>
      </c>
      <c r="Z30" s="76">
        <v>5.61</v>
      </c>
      <c r="AA30" s="76">
        <v>5.65</v>
      </c>
      <c r="AB30" s="8">
        <v>5.7</v>
      </c>
      <c r="AC30" s="8">
        <v>5.7</v>
      </c>
      <c r="AD30" s="76">
        <v>5.7</v>
      </c>
      <c r="AE30" s="76">
        <v>5.73</v>
      </c>
      <c r="AF30" s="76">
        <v>5.8</v>
      </c>
      <c r="AG30" s="73">
        <v>6</v>
      </c>
      <c r="AH30" s="76">
        <v>6.12</v>
      </c>
      <c r="AI30" s="76">
        <v>6.01</v>
      </c>
      <c r="AJ30" s="76">
        <v>5.97</v>
      </c>
      <c r="AK30" s="76">
        <v>6.12</v>
      </c>
      <c r="AL30" s="76">
        <v>6.16</v>
      </c>
      <c r="AM30" s="76">
        <v>6.08</v>
      </c>
      <c r="AN30" s="76">
        <v>6.06</v>
      </c>
      <c r="AO30" s="76">
        <v>6.05</v>
      </c>
      <c r="AP30" s="8">
        <v>5.82</v>
      </c>
      <c r="AQ30" s="8">
        <v>5.7</v>
      </c>
      <c r="AR30" s="76">
        <v>5.63</v>
      </c>
      <c r="AS30" s="76">
        <v>5.64</v>
      </c>
      <c r="AT30" s="76">
        <v>5.57</v>
      </c>
      <c r="AU30" s="76">
        <v>5.4</v>
      </c>
      <c r="AV30" s="76">
        <v>5.23</v>
      </c>
      <c r="AW30" s="8">
        <v>5.22</v>
      </c>
      <c r="AX30" s="76">
        <v>5.16</v>
      </c>
      <c r="AY30" s="76">
        <v>5.09</v>
      </c>
      <c r="AZ30" s="76">
        <v>5.12</v>
      </c>
      <c r="BA30" s="76">
        <v>5.03</v>
      </c>
      <c r="BB30" s="76" t="s">
        <v>152</v>
      </c>
      <c r="BC30" s="76">
        <v>5.01</v>
      </c>
      <c r="BD30" s="76">
        <v>4.97</v>
      </c>
      <c r="BE30" s="17"/>
    </row>
    <row r="31" spans="3:57" x14ac:dyDescent="0.2">
      <c r="C31" s="5" t="s">
        <v>72</v>
      </c>
      <c r="D31" s="6" t="s">
        <v>58</v>
      </c>
      <c r="E31" s="76">
        <v>4.71</v>
      </c>
      <c r="F31" s="76">
        <v>4.99</v>
      </c>
      <c r="G31" s="76">
        <v>4.99</v>
      </c>
      <c r="H31" s="8">
        <v>4.99</v>
      </c>
      <c r="I31" s="17">
        <v>4.99</v>
      </c>
      <c r="J31" s="76">
        <v>4.99</v>
      </c>
      <c r="K31" s="76">
        <v>5.39</v>
      </c>
      <c r="L31" s="76">
        <v>5.39</v>
      </c>
      <c r="M31" s="76">
        <v>5.39</v>
      </c>
      <c r="N31" s="76">
        <v>5.39</v>
      </c>
      <c r="O31" s="76">
        <v>5.28</v>
      </c>
      <c r="P31" s="76">
        <v>5.28</v>
      </c>
      <c r="Q31" s="76">
        <v>4.95</v>
      </c>
      <c r="R31" s="76">
        <v>5.2</v>
      </c>
      <c r="S31" s="76">
        <v>5.2</v>
      </c>
      <c r="T31" s="76">
        <v>4.95</v>
      </c>
      <c r="U31" s="76">
        <v>4.9000000000000004</v>
      </c>
      <c r="V31" s="76">
        <v>4.9000000000000004</v>
      </c>
      <c r="W31" s="76">
        <v>5.19</v>
      </c>
      <c r="X31" s="76">
        <v>5.19</v>
      </c>
      <c r="Y31" s="76">
        <v>5.19</v>
      </c>
      <c r="Z31" s="76">
        <v>5</v>
      </c>
      <c r="AA31" s="76">
        <v>5</v>
      </c>
      <c r="AB31" s="8">
        <v>5.19</v>
      </c>
      <c r="AC31" s="8">
        <v>4.9800000000000004</v>
      </c>
      <c r="AD31" s="76">
        <v>4.9800000000000004</v>
      </c>
      <c r="AE31" s="76">
        <v>4.9800000000000004</v>
      </c>
      <c r="AF31" s="76">
        <v>4.9800000000000004</v>
      </c>
      <c r="AG31" s="73">
        <v>4.9800000000000004</v>
      </c>
      <c r="AH31" s="76">
        <v>5.07</v>
      </c>
      <c r="AI31" s="76">
        <v>5.07</v>
      </c>
      <c r="AJ31" s="76">
        <v>5.07</v>
      </c>
      <c r="AK31" s="76">
        <v>5.07</v>
      </c>
      <c r="AL31" s="76">
        <v>5.07</v>
      </c>
      <c r="AM31" s="76">
        <v>5.07</v>
      </c>
      <c r="AN31" s="76">
        <v>5.07</v>
      </c>
      <c r="AO31" s="76">
        <v>5.07</v>
      </c>
      <c r="AP31" s="8">
        <v>5.07</v>
      </c>
      <c r="AQ31" s="8">
        <v>5.32</v>
      </c>
      <c r="AR31" s="76">
        <v>5</v>
      </c>
      <c r="AS31" s="76">
        <v>5.32</v>
      </c>
      <c r="AT31" s="76">
        <v>5.32</v>
      </c>
      <c r="AU31" s="76">
        <v>5.22</v>
      </c>
      <c r="AV31" s="76">
        <v>5.22</v>
      </c>
      <c r="AW31" s="8">
        <v>5</v>
      </c>
      <c r="AX31" s="76">
        <v>5.22</v>
      </c>
      <c r="AY31" s="76">
        <v>5.22</v>
      </c>
      <c r="AZ31" s="76">
        <v>5.22</v>
      </c>
      <c r="BA31" s="76">
        <v>5.22</v>
      </c>
      <c r="BB31" s="76" t="s">
        <v>153</v>
      </c>
      <c r="BC31" s="76">
        <v>5.22</v>
      </c>
      <c r="BD31" s="76">
        <v>5.22</v>
      </c>
      <c r="BE31" s="17"/>
    </row>
    <row r="32" spans="3:57" x14ac:dyDescent="0.2">
      <c r="C32" s="5" t="s">
        <v>136</v>
      </c>
      <c r="D32" s="6" t="s">
        <v>58</v>
      </c>
      <c r="E32" s="76">
        <v>1.94</v>
      </c>
      <c r="F32" s="76">
        <v>2.13</v>
      </c>
      <c r="G32" s="76">
        <v>3</v>
      </c>
      <c r="H32" s="8">
        <v>3.13</v>
      </c>
      <c r="I32" s="17" t="s">
        <v>110</v>
      </c>
      <c r="J32" s="76">
        <v>3.16</v>
      </c>
      <c r="K32" s="76" t="s">
        <v>110</v>
      </c>
      <c r="L32" s="76">
        <v>2.57</v>
      </c>
      <c r="M32" s="76">
        <v>2.85</v>
      </c>
      <c r="N32" s="76">
        <v>3</v>
      </c>
      <c r="O32" s="76">
        <v>3.25</v>
      </c>
      <c r="P32" s="76">
        <v>3.32</v>
      </c>
      <c r="Q32" s="76">
        <v>3.83</v>
      </c>
      <c r="R32" s="76">
        <v>4</v>
      </c>
      <c r="S32" s="76">
        <v>3.27</v>
      </c>
      <c r="T32" s="76">
        <v>2.78</v>
      </c>
      <c r="U32" s="76">
        <v>3.4</v>
      </c>
      <c r="V32" s="76" t="s">
        <v>110</v>
      </c>
      <c r="W32" s="76" t="s">
        <v>111</v>
      </c>
      <c r="X32" s="94" t="s">
        <v>111</v>
      </c>
      <c r="Y32" s="76" t="s">
        <v>111</v>
      </c>
      <c r="Z32" s="94" t="s">
        <v>111</v>
      </c>
      <c r="AA32" s="95" t="s">
        <v>111</v>
      </c>
      <c r="AB32" s="8" t="s">
        <v>111</v>
      </c>
      <c r="AC32" s="8" t="s">
        <v>111</v>
      </c>
      <c r="AD32" s="76">
        <v>3.04</v>
      </c>
      <c r="AE32" s="76">
        <v>2.52</v>
      </c>
      <c r="AF32" s="76">
        <v>2.7</v>
      </c>
      <c r="AG32" s="73">
        <v>2.68</v>
      </c>
      <c r="AH32" s="76">
        <v>2.4500000000000002</v>
      </c>
      <c r="AI32" s="76">
        <v>2.86</v>
      </c>
      <c r="AJ32" s="76">
        <v>2.75</v>
      </c>
      <c r="AK32" s="76">
        <v>2.2999999999999998</v>
      </c>
      <c r="AL32" s="76">
        <v>2.81</v>
      </c>
      <c r="AM32" s="76">
        <v>2.5099999999999998</v>
      </c>
      <c r="AN32" s="76">
        <v>2.67</v>
      </c>
      <c r="AO32" s="76">
        <v>2.68</v>
      </c>
      <c r="AP32" s="8">
        <v>2.36</v>
      </c>
      <c r="AQ32" s="8">
        <v>2.67</v>
      </c>
      <c r="AR32" s="76">
        <v>3.12</v>
      </c>
      <c r="AS32" s="76">
        <v>3.15</v>
      </c>
      <c r="AT32" s="76">
        <v>3.15</v>
      </c>
      <c r="AU32" s="76">
        <v>3.07</v>
      </c>
      <c r="AV32" s="76">
        <v>3.06</v>
      </c>
      <c r="AW32" s="8">
        <v>2.86</v>
      </c>
      <c r="AX32" s="76">
        <v>2.71</v>
      </c>
      <c r="AY32" s="76">
        <v>2.63</v>
      </c>
      <c r="AZ32" s="76">
        <v>2.95</v>
      </c>
      <c r="BA32" s="76">
        <v>2.96</v>
      </c>
      <c r="BB32" s="76" t="s">
        <v>154</v>
      </c>
      <c r="BC32" s="76" t="s">
        <v>110</v>
      </c>
      <c r="BD32" s="76">
        <v>3.78</v>
      </c>
      <c r="BE32" s="17"/>
    </row>
    <row r="33" spans="3:57" x14ac:dyDescent="0.2">
      <c r="C33" s="5" t="s">
        <v>74</v>
      </c>
      <c r="D33" s="6" t="s">
        <v>58</v>
      </c>
      <c r="E33" s="76">
        <v>0.9</v>
      </c>
      <c r="F33" s="76">
        <v>0.9</v>
      </c>
      <c r="G33" s="76">
        <v>0.9</v>
      </c>
      <c r="H33" s="8">
        <v>0.9</v>
      </c>
      <c r="I33" s="17">
        <v>0.9</v>
      </c>
      <c r="J33" s="76">
        <v>0.9</v>
      </c>
      <c r="K33" s="76">
        <v>0.9</v>
      </c>
      <c r="L33" s="76">
        <v>0.9</v>
      </c>
      <c r="M33" s="76">
        <v>0.9</v>
      </c>
      <c r="N33" s="76">
        <v>0.9</v>
      </c>
      <c r="O33" s="76">
        <v>0.9</v>
      </c>
      <c r="P33" s="76">
        <v>0.9</v>
      </c>
      <c r="Q33" s="76">
        <v>0.9</v>
      </c>
      <c r="R33" s="76">
        <v>0.9</v>
      </c>
      <c r="S33" s="76">
        <v>0.9</v>
      </c>
      <c r="T33" s="76">
        <v>0.9</v>
      </c>
      <c r="U33" s="76">
        <v>0.9</v>
      </c>
      <c r="V33" s="76">
        <v>0.9</v>
      </c>
      <c r="W33" s="76">
        <v>0.9</v>
      </c>
      <c r="X33" s="76">
        <v>0.9</v>
      </c>
      <c r="Y33" s="76">
        <v>0.9</v>
      </c>
      <c r="Z33" s="76">
        <v>0.9</v>
      </c>
      <c r="AA33" s="76">
        <v>0.9</v>
      </c>
      <c r="AB33" s="8">
        <v>0.9</v>
      </c>
      <c r="AC33" s="8">
        <v>0.9</v>
      </c>
      <c r="AD33" s="76">
        <v>0.9</v>
      </c>
      <c r="AE33" s="76">
        <v>0.9</v>
      </c>
      <c r="AF33" s="76">
        <v>0.9</v>
      </c>
      <c r="AG33" s="73">
        <v>0.9</v>
      </c>
      <c r="AH33" s="76">
        <v>0.9</v>
      </c>
      <c r="AI33" s="76">
        <v>0.9</v>
      </c>
      <c r="AJ33" s="76">
        <v>0.9</v>
      </c>
      <c r="AK33" s="76">
        <v>0.9</v>
      </c>
      <c r="AL33" s="76">
        <v>0.9</v>
      </c>
      <c r="AM33" s="76">
        <v>0.9</v>
      </c>
      <c r="AN33" s="76">
        <v>0.9</v>
      </c>
      <c r="AO33" s="76">
        <v>0.9</v>
      </c>
      <c r="AP33" s="8">
        <v>0.9</v>
      </c>
      <c r="AQ33" s="8">
        <v>0.9</v>
      </c>
      <c r="AR33" s="76">
        <v>0.9</v>
      </c>
      <c r="AS33" s="76">
        <v>0.9</v>
      </c>
      <c r="AT33" s="76">
        <v>0.9</v>
      </c>
      <c r="AU33" s="76">
        <v>0.9</v>
      </c>
      <c r="AV33" s="76">
        <v>0.9</v>
      </c>
      <c r="AW33" s="8">
        <v>0.9</v>
      </c>
      <c r="AX33" s="76">
        <v>0.9</v>
      </c>
      <c r="AY33" s="76">
        <v>0.9</v>
      </c>
      <c r="AZ33" s="76">
        <v>0.9</v>
      </c>
      <c r="BA33" s="76">
        <v>0.9</v>
      </c>
      <c r="BB33" s="76" t="s">
        <v>155</v>
      </c>
      <c r="BC33" s="76">
        <v>0.9</v>
      </c>
      <c r="BD33" s="76">
        <v>0.9</v>
      </c>
      <c r="BE33" s="17"/>
    </row>
    <row r="34" spans="3:57" x14ac:dyDescent="0.2">
      <c r="C34" s="16" t="s">
        <v>134</v>
      </c>
      <c r="D34" s="6" t="s">
        <v>58</v>
      </c>
      <c r="E34" s="40">
        <v>0.04</v>
      </c>
      <c r="F34" s="40">
        <v>0.04</v>
      </c>
      <c r="G34" s="40">
        <v>0.04</v>
      </c>
      <c r="H34" s="8">
        <v>0.04</v>
      </c>
      <c r="I34" s="17">
        <v>0.04</v>
      </c>
      <c r="J34" s="40">
        <v>0.04</v>
      </c>
      <c r="K34" s="40">
        <v>0.04</v>
      </c>
      <c r="L34" s="40">
        <v>0.04</v>
      </c>
      <c r="M34" s="40">
        <v>0.09</v>
      </c>
      <c r="N34" s="40">
        <v>0.14000000000000001</v>
      </c>
      <c r="O34" s="40">
        <v>0.18</v>
      </c>
      <c r="P34" s="40">
        <v>0.24</v>
      </c>
      <c r="Q34" s="40">
        <v>0.45</v>
      </c>
      <c r="R34" s="40">
        <v>0.5</v>
      </c>
      <c r="S34" s="40">
        <v>0.47</v>
      </c>
      <c r="T34" s="40">
        <v>0.46</v>
      </c>
      <c r="U34" s="40">
        <v>0.43</v>
      </c>
      <c r="V34" s="40">
        <v>0.42</v>
      </c>
      <c r="W34" s="40">
        <v>0.37</v>
      </c>
      <c r="X34" s="40">
        <v>0.33</v>
      </c>
      <c r="Y34" s="40">
        <v>0.31</v>
      </c>
      <c r="Z34" s="40">
        <v>0.28000000000000003</v>
      </c>
      <c r="AA34" s="95">
        <v>0.26</v>
      </c>
      <c r="AB34" s="8">
        <v>0.26</v>
      </c>
      <c r="AC34" s="8">
        <v>0.28000000000000003</v>
      </c>
      <c r="AD34" s="40">
        <v>0.25</v>
      </c>
      <c r="AE34" s="40">
        <v>0.23</v>
      </c>
      <c r="AF34" s="40">
        <v>0.28000000000000003</v>
      </c>
      <c r="AG34" s="40">
        <v>0.22</v>
      </c>
      <c r="AH34" s="40">
        <v>0.23</v>
      </c>
      <c r="AI34" s="40">
        <v>0.21</v>
      </c>
      <c r="AJ34" s="40">
        <v>0.17</v>
      </c>
      <c r="AK34" s="40">
        <v>0.17</v>
      </c>
      <c r="AL34" s="40">
        <v>0.18</v>
      </c>
      <c r="AM34" s="40">
        <v>0.17</v>
      </c>
      <c r="AN34" s="40">
        <v>0.18</v>
      </c>
      <c r="AO34" s="40">
        <v>0.19</v>
      </c>
      <c r="AP34" s="8">
        <v>0.19</v>
      </c>
      <c r="AQ34" s="8">
        <v>0.19</v>
      </c>
      <c r="AR34" s="76">
        <v>0.19</v>
      </c>
      <c r="AS34" s="8">
        <v>0.19</v>
      </c>
      <c r="AT34" s="8">
        <v>0.19</v>
      </c>
      <c r="AU34" s="40">
        <v>0.19</v>
      </c>
      <c r="AV34" s="8">
        <v>0.2</v>
      </c>
      <c r="AW34" s="8">
        <v>0.2</v>
      </c>
      <c r="AX34" s="40">
        <v>0.2</v>
      </c>
      <c r="AY34" s="40">
        <v>0.2</v>
      </c>
      <c r="AZ34" s="40">
        <v>0.22</v>
      </c>
      <c r="BA34" s="40">
        <v>0.22</v>
      </c>
      <c r="BB34" s="40">
        <v>0.22</v>
      </c>
      <c r="BC34" s="40">
        <v>0.22</v>
      </c>
      <c r="BD34" s="40">
        <v>0.22</v>
      </c>
      <c r="BE34" s="17"/>
    </row>
    <row r="35" spans="3:57" x14ac:dyDescent="0.2">
      <c r="C35" s="89" t="s">
        <v>79</v>
      </c>
      <c r="D35" s="6" t="s">
        <v>58</v>
      </c>
      <c r="E35" s="40">
        <v>0.56999999999999995</v>
      </c>
      <c r="F35" s="40">
        <v>0.56000000000000005</v>
      </c>
      <c r="G35" s="40">
        <v>0.56999999999999995</v>
      </c>
      <c r="H35" s="8">
        <v>0.55000000000000004</v>
      </c>
      <c r="I35" s="17">
        <v>0.56999999999999995</v>
      </c>
      <c r="J35" s="40">
        <v>0.63</v>
      </c>
      <c r="K35" s="40">
        <v>0.59</v>
      </c>
      <c r="L35" s="40">
        <v>0.53</v>
      </c>
      <c r="M35" s="40">
        <v>0.54</v>
      </c>
      <c r="N35" s="40">
        <v>0.53</v>
      </c>
      <c r="O35" s="40">
        <v>0.5</v>
      </c>
      <c r="P35" s="40">
        <v>0.5</v>
      </c>
      <c r="Q35" s="40">
        <v>0.49</v>
      </c>
      <c r="R35" s="40">
        <v>0.5</v>
      </c>
      <c r="S35" s="40">
        <v>0.5</v>
      </c>
      <c r="T35" s="40">
        <v>0.5</v>
      </c>
      <c r="U35" s="40">
        <v>0.52</v>
      </c>
      <c r="V35" s="40">
        <v>0.55000000000000004</v>
      </c>
      <c r="W35" s="40">
        <v>0.47</v>
      </c>
      <c r="X35" s="40">
        <v>0.45</v>
      </c>
      <c r="Y35" s="40">
        <v>0.46</v>
      </c>
      <c r="Z35" s="40">
        <v>0.51</v>
      </c>
      <c r="AA35" s="95">
        <v>0.51</v>
      </c>
      <c r="AB35" s="8">
        <v>0.51</v>
      </c>
      <c r="AC35" s="8">
        <v>0.52</v>
      </c>
      <c r="AD35" s="40">
        <v>0.56999999999999995</v>
      </c>
      <c r="AE35" s="40">
        <v>0.52</v>
      </c>
      <c r="AF35" s="40">
        <v>0.54</v>
      </c>
      <c r="AG35" s="40">
        <v>0.48</v>
      </c>
      <c r="AH35" s="40">
        <v>0.51</v>
      </c>
      <c r="AI35" s="40">
        <v>0.4</v>
      </c>
      <c r="AJ35" s="40">
        <v>0.42</v>
      </c>
      <c r="AK35" s="40">
        <v>0.38</v>
      </c>
      <c r="AL35" s="40">
        <v>0.38</v>
      </c>
      <c r="AM35" s="40">
        <v>0.43</v>
      </c>
      <c r="AN35" s="40">
        <v>0.46</v>
      </c>
      <c r="AO35" s="40">
        <v>0.46</v>
      </c>
      <c r="AP35" s="8">
        <v>0.46</v>
      </c>
      <c r="AQ35" s="8">
        <v>0.46</v>
      </c>
      <c r="AR35" s="76">
        <v>0.47</v>
      </c>
      <c r="AS35" s="8">
        <v>0.44</v>
      </c>
      <c r="AT35" s="8">
        <v>0.51</v>
      </c>
      <c r="AU35" s="40">
        <v>0.44</v>
      </c>
      <c r="AV35" s="8">
        <v>0.46</v>
      </c>
      <c r="AW35" s="8">
        <v>0.44</v>
      </c>
      <c r="AX35" s="40">
        <v>0.41</v>
      </c>
      <c r="AY35" s="40">
        <v>0.39</v>
      </c>
      <c r="AZ35" s="40">
        <v>0.36</v>
      </c>
      <c r="BA35" s="40">
        <v>0.35</v>
      </c>
      <c r="BB35" s="40">
        <v>0.35</v>
      </c>
      <c r="BC35" s="40">
        <v>0.45</v>
      </c>
      <c r="BD35" s="40">
        <v>0.38</v>
      </c>
      <c r="BE35" s="17"/>
    </row>
    <row r="36" spans="3:57" x14ac:dyDescent="0.2">
      <c r="C36" s="89" t="s">
        <v>80</v>
      </c>
      <c r="D36" s="6" t="s">
        <v>58</v>
      </c>
      <c r="E36" s="40">
        <v>1.1399999999999999</v>
      </c>
      <c r="F36" s="40">
        <v>1.85</v>
      </c>
      <c r="G36" s="40">
        <v>2.14</v>
      </c>
      <c r="H36" s="8">
        <v>1.99</v>
      </c>
      <c r="I36" s="17">
        <v>1.93</v>
      </c>
      <c r="J36" s="40">
        <v>1.75</v>
      </c>
      <c r="K36" s="40">
        <v>1.35</v>
      </c>
      <c r="L36" s="40">
        <v>0.75</v>
      </c>
      <c r="M36" s="40">
        <v>0.88</v>
      </c>
      <c r="N36" s="40">
        <v>0.82</v>
      </c>
      <c r="O36" s="40">
        <v>0.72</v>
      </c>
      <c r="P36" s="40">
        <v>0.85</v>
      </c>
      <c r="Q36" s="40">
        <v>0.47</v>
      </c>
      <c r="R36" s="40">
        <v>0.51</v>
      </c>
      <c r="S36" s="40">
        <v>0.51</v>
      </c>
      <c r="T36" s="40">
        <v>0.45</v>
      </c>
      <c r="U36" s="40">
        <v>0.33</v>
      </c>
      <c r="V36" s="40">
        <v>0.25</v>
      </c>
      <c r="W36" s="40">
        <v>0.21</v>
      </c>
      <c r="X36" s="40">
        <v>0.14000000000000001</v>
      </c>
      <c r="Y36" s="40">
        <v>0.14000000000000001</v>
      </c>
      <c r="Z36" s="40">
        <v>0.23</v>
      </c>
      <c r="AA36" s="95">
        <v>0.16</v>
      </c>
      <c r="AB36" s="8">
        <v>0.11</v>
      </c>
      <c r="AC36" s="8">
        <v>0.11</v>
      </c>
      <c r="AD36" s="40">
        <v>0.18</v>
      </c>
      <c r="AE36" s="40">
        <v>0.17</v>
      </c>
      <c r="AF36" s="40">
        <v>0.19</v>
      </c>
      <c r="AG36" s="40">
        <v>0.2</v>
      </c>
      <c r="AH36" s="40">
        <v>0.2</v>
      </c>
      <c r="AI36" s="40">
        <v>0.25</v>
      </c>
      <c r="AJ36" s="40">
        <v>0.28000000000000003</v>
      </c>
      <c r="AK36" s="40">
        <v>0.28000000000000003</v>
      </c>
      <c r="AL36" s="40">
        <v>0.28999999999999998</v>
      </c>
      <c r="AM36" s="40">
        <v>0.32</v>
      </c>
      <c r="AN36" s="40">
        <v>0.36</v>
      </c>
      <c r="AO36" s="40">
        <v>0.28999999999999998</v>
      </c>
      <c r="AP36" s="8">
        <v>0.18</v>
      </c>
      <c r="AQ36" s="8">
        <v>0.23</v>
      </c>
      <c r="AR36" s="76">
        <v>0.27</v>
      </c>
      <c r="AS36" s="8">
        <v>0.4</v>
      </c>
      <c r="AT36" s="8">
        <v>0.44</v>
      </c>
      <c r="AU36" s="40">
        <v>0.68</v>
      </c>
      <c r="AV36" s="8">
        <v>0.75</v>
      </c>
      <c r="AW36" s="8">
        <v>0.39</v>
      </c>
      <c r="AX36" s="40">
        <v>0.32</v>
      </c>
      <c r="AY36" s="40">
        <v>0.68</v>
      </c>
      <c r="AZ36" s="40">
        <v>0.5</v>
      </c>
      <c r="BA36" s="40">
        <v>0.45</v>
      </c>
      <c r="BB36" s="40">
        <v>0.45</v>
      </c>
      <c r="BC36" s="40">
        <v>0.32</v>
      </c>
      <c r="BD36" s="40">
        <v>0.3</v>
      </c>
      <c r="BE36" s="17"/>
    </row>
    <row r="37" spans="3:57" x14ac:dyDescent="0.2">
      <c r="C37" s="16" t="s">
        <v>122</v>
      </c>
      <c r="D37" s="6" t="s">
        <v>58</v>
      </c>
      <c r="E37" s="40">
        <v>0.08</v>
      </c>
      <c r="F37" s="40">
        <v>0.08</v>
      </c>
      <c r="G37" s="40">
        <v>0.08</v>
      </c>
      <c r="H37" s="8">
        <v>0.08</v>
      </c>
      <c r="I37" s="17">
        <v>0.08</v>
      </c>
      <c r="J37" s="40">
        <v>0.08</v>
      </c>
      <c r="K37" s="40">
        <v>0.08</v>
      </c>
      <c r="L37" s="40">
        <v>0.08</v>
      </c>
      <c r="M37" s="40">
        <v>0.08</v>
      </c>
      <c r="N37" s="40">
        <v>0.08</v>
      </c>
      <c r="O37" s="40">
        <v>0.08</v>
      </c>
      <c r="P37" s="40">
        <v>0.08</v>
      </c>
      <c r="Q37" s="40">
        <v>0.2</v>
      </c>
      <c r="R37" s="40">
        <v>0.22</v>
      </c>
      <c r="S37" s="40">
        <v>0.21</v>
      </c>
      <c r="T37" s="40">
        <v>0.23</v>
      </c>
      <c r="U37" s="40">
        <v>0.25</v>
      </c>
      <c r="V37" s="40">
        <v>0.27</v>
      </c>
      <c r="W37" s="40">
        <v>0.35</v>
      </c>
      <c r="X37" s="40">
        <v>0.35</v>
      </c>
      <c r="Y37" s="40">
        <v>0.35</v>
      </c>
      <c r="Z37" s="40">
        <v>0.4</v>
      </c>
      <c r="AA37" s="95">
        <v>0.3</v>
      </c>
      <c r="AB37" s="8">
        <v>0.3</v>
      </c>
      <c r="AC37" s="8">
        <v>0.3</v>
      </c>
      <c r="AD37" s="40">
        <v>0.25</v>
      </c>
      <c r="AE37" s="40">
        <v>0.27</v>
      </c>
      <c r="AF37" s="40">
        <v>0.25</v>
      </c>
      <c r="AG37" s="40">
        <v>0.27</v>
      </c>
      <c r="AH37" s="40">
        <v>0.27</v>
      </c>
      <c r="AI37" s="40">
        <v>0.25</v>
      </c>
      <c r="AJ37" s="40">
        <v>0.28000000000000003</v>
      </c>
      <c r="AK37" s="40">
        <v>0.28000000000000003</v>
      </c>
      <c r="AL37" s="40">
        <v>0.28000000000000003</v>
      </c>
      <c r="AM37" s="40">
        <v>0.28000000000000003</v>
      </c>
      <c r="AN37" s="40">
        <v>0.27</v>
      </c>
      <c r="AO37" s="40">
        <v>0.27</v>
      </c>
      <c r="AP37" s="8">
        <v>0.25</v>
      </c>
      <c r="AQ37" s="8">
        <v>0.25</v>
      </c>
      <c r="AR37" s="76">
        <v>0.24</v>
      </c>
      <c r="AS37" s="8">
        <v>0.23</v>
      </c>
      <c r="AT37" s="8">
        <v>0.23</v>
      </c>
      <c r="AU37" s="40">
        <v>0.23</v>
      </c>
      <c r="AV37" s="8">
        <v>0.24</v>
      </c>
      <c r="AW37" s="8">
        <v>0.25</v>
      </c>
      <c r="AX37" s="40">
        <v>0.25</v>
      </c>
      <c r="AY37" s="40">
        <v>0.25</v>
      </c>
      <c r="AZ37" s="40">
        <v>0.25</v>
      </c>
      <c r="BA37" s="40">
        <v>0.28999999999999998</v>
      </c>
      <c r="BB37" s="40">
        <v>0.28999999999999998</v>
      </c>
      <c r="BC37" s="40">
        <v>0.28999999999999998</v>
      </c>
      <c r="BD37" s="40">
        <v>0.28999999999999998</v>
      </c>
      <c r="BE37" s="17"/>
    </row>
    <row r="38" spans="3:57" x14ac:dyDescent="0.2">
      <c r="C38" s="16" t="s">
        <v>82</v>
      </c>
      <c r="D38" s="6" t="s">
        <v>58</v>
      </c>
      <c r="E38" s="40">
        <v>1.51</v>
      </c>
      <c r="F38" s="40">
        <v>2.13</v>
      </c>
      <c r="G38" s="40">
        <v>2.2599999999999998</v>
      </c>
      <c r="H38" s="8">
        <v>2.11</v>
      </c>
      <c r="I38" s="17">
        <v>2.2000000000000002</v>
      </c>
      <c r="J38" s="40">
        <v>2.67</v>
      </c>
      <c r="K38" s="40">
        <v>2.54</v>
      </c>
      <c r="L38" s="40">
        <v>2.29</v>
      </c>
      <c r="M38" s="40">
        <v>2.2200000000000002</v>
      </c>
      <c r="N38" s="40">
        <v>1.96</v>
      </c>
      <c r="O38" s="40">
        <v>1.79</v>
      </c>
      <c r="P38" s="40">
        <v>1.63</v>
      </c>
      <c r="Q38" s="40">
        <v>1.48</v>
      </c>
      <c r="R38" s="40">
        <v>1.41</v>
      </c>
      <c r="S38" s="40">
        <v>1.46</v>
      </c>
      <c r="T38" s="40">
        <v>1.43</v>
      </c>
      <c r="U38" s="40">
        <v>1.18</v>
      </c>
      <c r="V38" s="40">
        <v>1.05</v>
      </c>
      <c r="W38" s="40">
        <v>0.74</v>
      </c>
      <c r="X38" s="40">
        <v>0.75</v>
      </c>
      <c r="Y38" s="40">
        <v>0.92</v>
      </c>
      <c r="Z38" s="40">
        <v>1.56</v>
      </c>
      <c r="AA38" s="95">
        <v>1.58</v>
      </c>
      <c r="AB38" s="8">
        <v>1.53</v>
      </c>
      <c r="AC38" s="8">
        <v>1.25</v>
      </c>
      <c r="AD38" s="40">
        <v>1.1100000000000001</v>
      </c>
      <c r="AE38" s="40">
        <v>1.01</v>
      </c>
      <c r="AF38" s="40">
        <v>1.25</v>
      </c>
      <c r="AG38" s="40">
        <v>1.65</v>
      </c>
      <c r="AH38" s="40">
        <v>2.19</v>
      </c>
      <c r="AI38" s="40">
        <v>3.39</v>
      </c>
      <c r="AJ38" s="40">
        <v>2.3199999999999998</v>
      </c>
      <c r="AK38" s="40">
        <v>1.63</v>
      </c>
      <c r="AL38" s="40">
        <v>1.66</v>
      </c>
      <c r="AM38" s="40">
        <v>1.51</v>
      </c>
      <c r="AN38" s="40">
        <v>1.9</v>
      </c>
      <c r="AO38" s="40">
        <v>1.91</v>
      </c>
      <c r="AP38" s="8">
        <v>1.62</v>
      </c>
      <c r="AQ38" s="8">
        <v>1.49</v>
      </c>
      <c r="AR38" s="76">
        <v>1.18</v>
      </c>
      <c r="AS38" s="8">
        <v>1.07</v>
      </c>
      <c r="AT38" s="8">
        <v>1.2</v>
      </c>
      <c r="AU38" s="40">
        <v>1.3</v>
      </c>
      <c r="AV38" s="8">
        <v>1.5</v>
      </c>
      <c r="AW38" s="8">
        <v>1.27</v>
      </c>
      <c r="AX38" s="40">
        <v>1.0900000000000001</v>
      </c>
      <c r="AY38" s="40">
        <v>1.1000000000000001</v>
      </c>
      <c r="AZ38" s="40">
        <v>1.2</v>
      </c>
      <c r="BA38" s="40">
        <v>1.28</v>
      </c>
      <c r="BB38" s="40">
        <v>1.28</v>
      </c>
      <c r="BC38" s="40">
        <v>2.3199999999999998</v>
      </c>
      <c r="BD38" s="40">
        <v>2.1800000000000002</v>
      </c>
      <c r="BE38" s="17"/>
    </row>
    <row r="39" spans="3:57" x14ac:dyDescent="0.2">
      <c r="C39" s="16" t="s">
        <v>84</v>
      </c>
      <c r="D39" s="6" t="s">
        <v>85</v>
      </c>
      <c r="E39" s="40">
        <v>0.27</v>
      </c>
      <c r="F39" s="40">
        <v>0.33</v>
      </c>
      <c r="G39" s="40">
        <v>0.32</v>
      </c>
      <c r="H39" s="8">
        <v>0.33</v>
      </c>
      <c r="I39" s="17">
        <v>0.28999999999999998</v>
      </c>
      <c r="J39" s="40">
        <v>0.27</v>
      </c>
      <c r="K39" s="40">
        <v>0.28000000000000003</v>
      </c>
      <c r="L39" s="40">
        <v>0.23</v>
      </c>
      <c r="M39" s="40">
        <v>0.28000000000000003</v>
      </c>
      <c r="N39" s="40">
        <v>0.28000000000000003</v>
      </c>
      <c r="O39" s="40">
        <v>0.28000000000000003</v>
      </c>
      <c r="P39" s="40">
        <v>0.28000000000000003</v>
      </c>
      <c r="Q39" s="40">
        <v>0.3</v>
      </c>
      <c r="R39" s="40">
        <v>0.3</v>
      </c>
      <c r="S39" s="40">
        <v>0.3</v>
      </c>
      <c r="T39" s="40">
        <v>0.3</v>
      </c>
      <c r="U39" s="40">
        <v>0.24</v>
      </c>
      <c r="V39" s="40">
        <v>0.31</v>
      </c>
      <c r="W39" s="40">
        <v>0.31</v>
      </c>
      <c r="X39" s="40">
        <v>0.31</v>
      </c>
      <c r="Y39" s="40">
        <v>0.28999999999999998</v>
      </c>
      <c r="Z39" s="40">
        <v>0.27</v>
      </c>
      <c r="AA39" s="95">
        <v>0.27</v>
      </c>
      <c r="AB39" s="8">
        <v>0.27</v>
      </c>
      <c r="AC39" s="8">
        <v>0.28000000000000003</v>
      </c>
      <c r="AD39" s="40">
        <v>0.26</v>
      </c>
      <c r="AE39" s="40">
        <v>0.26</v>
      </c>
      <c r="AF39" s="40">
        <v>0.25</v>
      </c>
      <c r="AG39" s="40">
        <v>0.25</v>
      </c>
      <c r="AH39" s="40">
        <v>0.25</v>
      </c>
      <c r="AI39" s="40">
        <v>0.33</v>
      </c>
      <c r="AJ39" s="40">
        <v>0.36</v>
      </c>
      <c r="AK39" s="40">
        <v>0.36</v>
      </c>
      <c r="AL39" s="40">
        <v>0.36</v>
      </c>
      <c r="AM39" s="40">
        <v>0.36</v>
      </c>
      <c r="AN39" s="40">
        <v>0.42</v>
      </c>
      <c r="AO39" s="40">
        <v>0.38</v>
      </c>
      <c r="AP39" s="8">
        <v>0.4</v>
      </c>
      <c r="AQ39" s="8">
        <v>0.38</v>
      </c>
      <c r="AR39" s="76">
        <v>0.43</v>
      </c>
      <c r="AS39" s="8">
        <v>0.45</v>
      </c>
      <c r="AT39" s="8">
        <v>0.42</v>
      </c>
      <c r="AU39" s="40">
        <v>0.46</v>
      </c>
      <c r="AV39" s="8">
        <v>0.35</v>
      </c>
      <c r="AW39" s="8">
        <v>0.24</v>
      </c>
      <c r="AX39" s="40">
        <v>0.24</v>
      </c>
      <c r="AY39" s="40">
        <v>0.23</v>
      </c>
      <c r="AZ39" s="40">
        <v>0.18</v>
      </c>
      <c r="BA39" s="40">
        <v>0.15</v>
      </c>
      <c r="BB39" s="40">
        <v>0.15</v>
      </c>
      <c r="BC39" s="40">
        <v>0.15</v>
      </c>
      <c r="BD39" s="40">
        <v>0.15</v>
      </c>
      <c r="BE39" s="17"/>
    </row>
    <row r="40" spans="3:57" x14ac:dyDescent="0.2">
      <c r="C40" s="16" t="s">
        <v>118</v>
      </c>
      <c r="D40" s="6" t="s">
        <v>58</v>
      </c>
      <c r="E40" s="40">
        <v>0.69</v>
      </c>
      <c r="F40" s="40">
        <v>0.8</v>
      </c>
      <c r="G40" s="40">
        <v>0.65</v>
      </c>
      <c r="H40" s="8">
        <v>0.98</v>
      </c>
      <c r="I40" s="17">
        <v>1.1399999999999999</v>
      </c>
      <c r="J40" s="40">
        <v>1</v>
      </c>
      <c r="K40" s="40">
        <v>1.03</v>
      </c>
      <c r="L40" s="40">
        <v>0.75</v>
      </c>
      <c r="M40" s="40">
        <v>0.84</v>
      </c>
      <c r="N40" s="40">
        <v>0.72</v>
      </c>
      <c r="O40" s="40">
        <v>0.79</v>
      </c>
      <c r="P40" s="40">
        <v>0.94</v>
      </c>
      <c r="Q40" s="40">
        <v>1</v>
      </c>
      <c r="R40" s="40">
        <v>1.01</v>
      </c>
      <c r="S40" s="40">
        <v>0.98</v>
      </c>
      <c r="T40" s="40">
        <v>0.93</v>
      </c>
      <c r="U40" s="40">
        <v>0.92</v>
      </c>
      <c r="V40" s="40">
        <v>0.93</v>
      </c>
      <c r="W40" s="40">
        <v>0.96</v>
      </c>
      <c r="X40" s="40">
        <v>0.74</v>
      </c>
      <c r="Y40" s="40">
        <v>0.7</v>
      </c>
      <c r="Z40" s="40">
        <v>0.55000000000000004</v>
      </c>
      <c r="AA40" s="95">
        <v>0.59</v>
      </c>
      <c r="AB40" s="8">
        <v>0.46</v>
      </c>
      <c r="AC40" s="8">
        <v>0.43</v>
      </c>
      <c r="AD40" s="40">
        <v>0.42</v>
      </c>
      <c r="AE40" s="40">
        <v>0.43</v>
      </c>
      <c r="AF40" s="40">
        <v>0.59</v>
      </c>
      <c r="AG40" s="40">
        <v>0.52</v>
      </c>
      <c r="AH40" s="40">
        <v>0.47</v>
      </c>
      <c r="AI40" s="40">
        <v>0.5</v>
      </c>
      <c r="AJ40" s="40">
        <v>0.5</v>
      </c>
      <c r="AK40" s="40">
        <v>0.44</v>
      </c>
      <c r="AL40" s="40">
        <v>0.43</v>
      </c>
      <c r="AM40" s="40">
        <v>0.52</v>
      </c>
      <c r="AN40" s="40">
        <v>0.65</v>
      </c>
      <c r="AO40" s="40">
        <v>0.63</v>
      </c>
      <c r="AP40" s="8">
        <v>0.63</v>
      </c>
      <c r="AQ40" s="8">
        <v>0.59</v>
      </c>
      <c r="AR40" s="76">
        <v>0.46</v>
      </c>
      <c r="AS40" s="8">
        <v>0.37</v>
      </c>
      <c r="AT40" s="8">
        <v>0.3</v>
      </c>
      <c r="AU40" s="40">
        <v>0.22</v>
      </c>
      <c r="AV40" s="8">
        <v>0.35</v>
      </c>
      <c r="AW40" s="8">
        <v>0.27</v>
      </c>
      <c r="AX40" s="40">
        <v>0.28999999999999998</v>
      </c>
      <c r="AY40" s="40">
        <v>0.34</v>
      </c>
      <c r="AZ40" s="40">
        <v>0.4</v>
      </c>
      <c r="BA40" s="40">
        <v>0.52</v>
      </c>
      <c r="BB40" s="40">
        <v>0.52</v>
      </c>
      <c r="BC40" s="40">
        <v>0.5</v>
      </c>
      <c r="BD40" s="40">
        <v>0.5</v>
      </c>
      <c r="BE40" s="17"/>
    </row>
    <row r="41" spans="3:57" x14ac:dyDescent="0.2">
      <c r="C41" s="16" t="s">
        <v>104</v>
      </c>
      <c r="D41" s="6" t="s">
        <v>58</v>
      </c>
      <c r="E41" s="40">
        <v>0.57999999999999996</v>
      </c>
      <c r="F41" s="40">
        <v>0.74</v>
      </c>
      <c r="G41" s="40">
        <v>0.69</v>
      </c>
      <c r="H41" s="8">
        <v>0.55000000000000004</v>
      </c>
      <c r="I41" s="17">
        <v>0.5</v>
      </c>
      <c r="J41" s="40">
        <v>0.41</v>
      </c>
      <c r="K41" s="40">
        <v>0.4</v>
      </c>
      <c r="L41" s="40">
        <v>0.38</v>
      </c>
      <c r="M41" s="40">
        <v>0.42</v>
      </c>
      <c r="N41" s="40">
        <v>0.45</v>
      </c>
      <c r="O41" s="40">
        <v>0.49</v>
      </c>
      <c r="P41" s="40">
        <v>0.54</v>
      </c>
      <c r="Q41" s="40">
        <v>0.54</v>
      </c>
      <c r="R41" s="40">
        <v>0.57999999999999996</v>
      </c>
      <c r="S41" s="40">
        <v>0.47</v>
      </c>
      <c r="T41" s="40">
        <v>0.5</v>
      </c>
      <c r="U41" s="40">
        <v>0.48</v>
      </c>
      <c r="V41" s="40">
        <v>0.61</v>
      </c>
      <c r="W41" s="40">
        <v>0.56999999999999995</v>
      </c>
      <c r="X41" s="40">
        <v>0.44</v>
      </c>
      <c r="Y41" s="40">
        <v>0.44</v>
      </c>
      <c r="Z41" s="40">
        <v>0.52</v>
      </c>
      <c r="AA41" s="95">
        <v>0.47</v>
      </c>
      <c r="AB41" s="8">
        <v>0.32</v>
      </c>
      <c r="AC41" s="8">
        <v>0.32</v>
      </c>
      <c r="AD41" s="40">
        <v>0.44</v>
      </c>
      <c r="AE41" s="40">
        <v>0.35</v>
      </c>
      <c r="AF41" s="40">
        <v>0.36</v>
      </c>
      <c r="AG41" s="40">
        <v>0.42</v>
      </c>
      <c r="AH41" s="40">
        <v>0.46</v>
      </c>
      <c r="AI41" s="40">
        <v>0.48</v>
      </c>
      <c r="AJ41" s="40">
        <v>0.68</v>
      </c>
      <c r="AK41" s="40">
        <v>0.77</v>
      </c>
      <c r="AL41" s="40">
        <v>0.78</v>
      </c>
      <c r="AM41" s="40">
        <v>0.89</v>
      </c>
      <c r="AN41" s="40">
        <v>0.92</v>
      </c>
      <c r="AO41" s="40">
        <v>0.97</v>
      </c>
      <c r="AP41" s="8">
        <v>1.1299999999999999</v>
      </c>
      <c r="AQ41" s="8">
        <v>0.96</v>
      </c>
      <c r="AR41" s="76">
        <v>0.94</v>
      </c>
      <c r="AS41" s="8">
        <v>0.87</v>
      </c>
      <c r="AT41" s="8">
        <v>0.8</v>
      </c>
      <c r="AU41" s="40">
        <v>0.69</v>
      </c>
      <c r="AV41" s="8">
        <v>0.49</v>
      </c>
      <c r="AW41" s="8">
        <v>0.32</v>
      </c>
      <c r="AX41" s="40">
        <v>0.28999999999999998</v>
      </c>
      <c r="AY41" s="40">
        <v>0.32</v>
      </c>
      <c r="AZ41" s="40">
        <v>0.39</v>
      </c>
      <c r="BA41" s="40">
        <v>0.53</v>
      </c>
      <c r="BB41" s="40">
        <v>0.53</v>
      </c>
      <c r="BC41" s="40">
        <v>0.44</v>
      </c>
      <c r="BD41" s="40">
        <v>0.45</v>
      </c>
      <c r="BE41" s="17"/>
    </row>
    <row r="42" spans="3:57" x14ac:dyDescent="0.2">
      <c r="C42" s="16" t="s">
        <v>87</v>
      </c>
      <c r="D42" s="6" t="s">
        <v>58</v>
      </c>
      <c r="E42" s="40">
        <v>0.12</v>
      </c>
      <c r="F42" s="40">
        <v>0.15</v>
      </c>
      <c r="G42" s="40">
        <v>0.15</v>
      </c>
      <c r="H42" s="8">
        <v>0.16</v>
      </c>
      <c r="I42" s="17">
        <v>0.14000000000000001</v>
      </c>
      <c r="J42" s="40">
        <v>0.16</v>
      </c>
      <c r="K42" s="40">
        <v>0.17</v>
      </c>
      <c r="L42" s="40">
        <v>0.17</v>
      </c>
      <c r="M42" s="40">
        <v>0.17</v>
      </c>
      <c r="N42" s="40">
        <v>0.17</v>
      </c>
      <c r="O42" s="40">
        <v>0.17</v>
      </c>
      <c r="P42" s="40">
        <v>0.17</v>
      </c>
      <c r="Q42" s="40">
        <v>0.24</v>
      </c>
      <c r="R42" s="40">
        <v>0.24</v>
      </c>
      <c r="S42" s="40">
        <v>0.27</v>
      </c>
      <c r="T42" s="40">
        <v>0.28000000000000003</v>
      </c>
      <c r="U42" s="40">
        <v>0.28999999999999998</v>
      </c>
      <c r="V42" s="40">
        <v>0.3</v>
      </c>
      <c r="W42" s="40">
        <v>0.3</v>
      </c>
      <c r="X42" s="40">
        <v>0.3</v>
      </c>
      <c r="Y42" s="40">
        <v>0.3</v>
      </c>
      <c r="Z42" s="40">
        <v>0.3</v>
      </c>
      <c r="AA42" s="95">
        <v>0.3</v>
      </c>
      <c r="AB42" s="8">
        <v>0.3</v>
      </c>
      <c r="AC42" s="8">
        <v>0.3</v>
      </c>
      <c r="AD42" s="40">
        <v>0.17</v>
      </c>
      <c r="AE42" s="40">
        <v>0.17</v>
      </c>
      <c r="AF42" s="40">
        <v>0.18</v>
      </c>
      <c r="AG42" s="40">
        <v>0.17</v>
      </c>
      <c r="AH42" s="40">
        <v>0.17</v>
      </c>
      <c r="AI42" s="40">
        <v>0.17</v>
      </c>
      <c r="AJ42" s="40">
        <v>0.17</v>
      </c>
      <c r="AK42" s="40">
        <v>0.17</v>
      </c>
      <c r="AL42" s="40">
        <v>0.17</v>
      </c>
      <c r="AM42" s="40">
        <v>0.17</v>
      </c>
      <c r="AN42" s="40">
        <v>0.17</v>
      </c>
      <c r="AO42" s="40">
        <v>0.17</v>
      </c>
      <c r="AP42" s="8">
        <v>0.17</v>
      </c>
      <c r="AQ42" s="8">
        <v>0.17</v>
      </c>
      <c r="AR42" s="76">
        <v>0.17</v>
      </c>
      <c r="AS42" s="8">
        <v>0.17</v>
      </c>
      <c r="AT42" s="8">
        <v>0.16</v>
      </c>
      <c r="AU42" s="40">
        <v>0.15</v>
      </c>
      <c r="AV42" s="8">
        <v>0.15</v>
      </c>
      <c r="AW42" s="8">
        <v>0.15</v>
      </c>
      <c r="AX42" s="40">
        <v>0.15</v>
      </c>
      <c r="AY42" s="40">
        <v>0.15</v>
      </c>
      <c r="AZ42" s="40">
        <v>0.15</v>
      </c>
      <c r="BA42" s="40">
        <v>0.15</v>
      </c>
      <c r="BB42" s="40">
        <v>0.15</v>
      </c>
      <c r="BC42" s="40">
        <v>0.15</v>
      </c>
      <c r="BD42" s="40">
        <v>0.15</v>
      </c>
      <c r="BE42" s="17"/>
    </row>
    <row r="43" spans="3:57" x14ac:dyDescent="0.2">
      <c r="C43" s="16" t="s">
        <v>88</v>
      </c>
      <c r="D43" s="6" t="s">
        <v>58</v>
      </c>
      <c r="E43" s="40">
        <v>0.19</v>
      </c>
      <c r="F43" s="40">
        <v>0.21</v>
      </c>
      <c r="G43" s="40">
        <v>0.21</v>
      </c>
      <c r="H43" s="17">
        <v>0.22</v>
      </c>
      <c r="I43" s="17">
        <v>0.22</v>
      </c>
      <c r="J43" s="40">
        <v>0.24</v>
      </c>
      <c r="K43" s="40">
        <v>0.23</v>
      </c>
      <c r="L43" s="40">
        <v>0.23</v>
      </c>
      <c r="M43" s="40">
        <v>0.22</v>
      </c>
      <c r="N43" s="40">
        <v>0.24</v>
      </c>
      <c r="O43" s="40">
        <v>0.3</v>
      </c>
      <c r="P43" s="40">
        <v>0.28999999999999998</v>
      </c>
      <c r="Q43" s="40">
        <v>0.4</v>
      </c>
      <c r="R43" s="40">
        <v>0.4</v>
      </c>
      <c r="S43" s="40">
        <v>0.45</v>
      </c>
      <c r="T43" s="40">
        <v>0.44</v>
      </c>
      <c r="U43" s="40">
        <v>0.44</v>
      </c>
      <c r="V43" s="40">
        <v>0.5</v>
      </c>
      <c r="W43" s="40">
        <v>0.49</v>
      </c>
      <c r="X43" s="40">
        <v>0.51</v>
      </c>
      <c r="Y43" s="40">
        <v>0.53</v>
      </c>
      <c r="Z43" s="40">
        <v>0.55000000000000004</v>
      </c>
      <c r="AA43" s="95">
        <v>0.55000000000000004</v>
      </c>
      <c r="AB43" s="8">
        <v>0.54</v>
      </c>
      <c r="AC43" s="8">
        <v>0.54</v>
      </c>
      <c r="AD43" s="40">
        <v>0.33</v>
      </c>
      <c r="AE43" s="40">
        <v>0.33</v>
      </c>
      <c r="AF43" s="40">
        <v>0.34</v>
      </c>
      <c r="AG43" s="40">
        <v>0.34</v>
      </c>
      <c r="AH43" s="40">
        <v>0.34</v>
      </c>
      <c r="AI43" s="40">
        <v>0.23</v>
      </c>
      <c r="AJ43" s="40">
        <v>0.23</v>
      </c>
      <c r="AK43" s="40">
        <v>0.23</v>
      </c>
      <c r="AL43" s="40">
        <v>0.39</v>
      </c>
      <c r="AM43" s="40">
        <v>0.43</v>
      </c>
      <c r="AN43" s="40">
        <v>0.47</v>
      </c>
      <c r="AO43" s="40">
        <v>0.59</v>
      </c>
      <c r="AP43" s="8">
        <v>0.74</v>
      </c>
      <c r="AQ43" s="8">
        <v>0.81</v>
      </c>
      <c r="AR43" s="76">
        <v>0.83</v>
      </c>
      <c r="AS43" s="8">
        <v>0.76</v>
      </c>
      <c r="AT43" s="8">
        <v>0.77</v>
      </c>
      <c r="AU43" s="40">
        <v>0.74</v>
      </c>
      <c r="AV43" s="8">
        <v>0.74</v>
      </c>
      <c r="AW43" s="8">
        <v>0.7</v>
      </c>
      <c r="AX43" s="40">
        <v>0.65</v>
      </c>
      <c r="AY43" s="40">
        <v>0.63</v>
      </c>
      <c r="AZ43" s="40">
        <v>0.56000000000000005</v>
      </c>
      <c r="BA43" s="40">
        <v>0.54</v>
      </c>
      <c r="BB43" s="40">
        <v>0.54</v>
      </c>
      <c r="BC43" s="40">
        <v>0.54</v>
      </c>
      <c r="BD43" s="40">
        <v>0.54</v>
      </c>
      <c r="BE43" s="17"/>
    </row>
    <row r="44" spans="3:57" x14ac:dyDescent="0.2">
      <c r="C44" s="18" t="s">
        <v>123</v>
      </c>
      <c r="D44" s="6" t="s">
        <v>58</v>
      </c>
      <c r="E44" s="95">
        <v>0.26</v>
      </c>
      <c r="F44" s="94">
        <v>0.26</v>
      </c>
      <c r="G44" s="94">
        <v>0.26</v>
      </c>
      <c r="H44" s="17">
        <v>0.25</v>
      </c>
      <c r="I44" s="17">
        <v>0.3</v>
      </c>
      <c r="J44" s="94">
        <v>0.32</v>
      </c>
      <c r="K44" s="94">
        <v>0.35</v>
      </c>
      <c r="L44" s="94">
        <v>0.35</v>
      </c>
      <c r="M44" s="94" t="s">
        <v>90</v>
      </c>
      <c r="N44" s="94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94" t="s">
        <v>90</v>
      </c>
      <c r="X44" s="94" t="s">
        <v>90</v>
      </c>
      <c r="Y44" s="94" t="s">
        <v>90</v>
      </c>
      <c r="Z44" s="94" t="s">
        <v>90</v>
      </c>
      <c r="AA44" s="95" t="s">
        <v>90</v>
      </c>
      <c r="AB44" s="8" t="s">
        <v>90</v>
      </c>
      <c r="AC44" s="8" t="s">
        <v>90</v>
      </c>
      <c r="AD44" s="94" t="s">
        <v>90</v>
      </c>
      <c r="AE44" s="94" t="s">
        <v>90</v>
      </c>
      <c r="AF44" s="94" t="s">
        <v>90</v>
      </c>
      <c r="AG44" s="94" t="s">
        <v>90</v>
      </c>
      <c r="AH44" s="94" t="s">
        <v>90</v>
      </c>
      <c r="AI44" s="94" t="s">
        <v>90</v>
      </c>
      <c r="AJ44" s="94">
        <v>0.68</v>
      </c>
      <c r="AK44" s="94">
        <v>0.42</v>
      </c>
      <c r="AL44" s="94">
        <v>0.3</v>
      </c>
      <c r="AM44" s="94">
        <v>0.28000000000000003</v>
      </c>
      <c r="AN44" s="94">
        <v>0.28999999999999998</v>
      </c>
      <c r="AO44" s="94">
        <v>0.32</v>
      </c>
      <c r="AP44" s="8">
        <v>0.31</v>
      </c>
      <c r="AQ44" s="8">
        <v>0.28999999999999998</v>
      </c>
      <c r="AR44" s="76">
        <v>0.33</v>
      </c>
      <c r="AS44" s="8">
        <v>0.32</v>
      </c>
      <c r="AT44" s="8">
        <v>0.31</v>
      </c>
      <c r="AU44" s="94">
        <v>0.28999999999999998</v>
      </c>
      <c r="AV44" s="8">
        <v>0.28999999999999998</v>
      </c>
      <c r="AW44" s="8">
        <v>0.27</v>
      </c>
      <c r="AX44" s="94">
        <v>0.26</v>
      </c>
      <c r="AY44" s="94">
        <v>0.26</v>
      </c>
      <c r="AZ44" s="94">
        <v>0.24</v>
      </c>
      <c r="BA44" s="94">
        <v>0.24</v>
      </c>
      <c r="BB44" s="94">
        <v>0.24</v>
      </c>
      <c r="BC44" s="94">
        <v>0.25</v>
      </c>
      <c r="BD44" s="94">
        <v>0.27</v>
      </c>
      <c r="BE44" s="17"/>
    </row>
    <row r="45" spans="3:57" x14ac:dyDescent="0.2">
      <c r="C45" s="18" t="s">
        <v>100</v>
      </c>
      <c r="D45" s="6" t="s">
        <v>58</v>
      </c>
      <c r="E45" s="40">
        <v>0.16</v>
      </c>
      <c r="F45" s="40">
        <v>0.13</v>
      </c>
      <c r="G45" s="40">
        <v>0.13</v>
      </c>
      <c r="H45" s="8">
        <v>0.14000000000000001</v>
      </c>
      <c r="I45" s="17">
        <v>0.19</v>
      </c>
      <c r="J45" s="40">
        <v>0.16</v>
      </c>
      <c r="K45" s="40">
        <v>0.14000000000000001</v>
      </c>
      <c r="L45" s="40">
        <v>0.12</v>
      </c>
      <c r="M45" s="40">
        <v>0.16</v>
      </c>
      <c r="N45" s="40">
        <v>0.16</v>
      </c>
      <c r="O45" s="40">
        <v>0.15</v>
      </c>
      <c r="P45" s="40">
        <v>0.15</v>
      </c>
      <c r="Q45" s="40">
        <v>0.18</v>
      </c>
      <c r="R45" s="40">
        <v>0.2</v>
      </c>
      <c r="S45" s="40">
        <v>0.21</v>
      </c>
      <c r="T45" s="40">
        <v>0.21</v>
      </c>
      <c r="U45" s="40">
        <v>0.23</v>
      </c>
      <c r="V45" s="40">
        <v>0.24</v>
      </c>
      <c r="W45" s="40">
        <v>0.25</v>
      </c>
      <c r="X45" s="40">
        <v>0.26</v>
      </c>
      <c r="Y45" s="40">
        <v>0.26</v>
      </c>
      <c r="Z45" s="40">
        <v>0.22</v>
      </c>
      <c r="AA45" s="95">
        <v>0.22</v>
      </c>
      <c r="AB45" s="8">
        <v>0.22</v>
      </c>
      <c r="AC45" s="8">
        <v>0.22</v>
      </c>
      <c r="AD45" s="40" t="s">
        <v>90</v>
      </c>
      <c r="AE45" s="40" t="s">
        <v>140</v>
      </c>
      <c r="AF45" s="40" t="s">
        <v>90</v>
      </c>
      <c r="AG45" s="40" t="s">
        <v>140</v>
      </c>
      <c r="AH45" s="40" t="s">
        <v>90</v>
      </c>
      <c r="AI45" s="40" t="s">
        <v>90</v>
      </c>
      <c r="AJ45" s="40" t="s">
        <v>90</v>
      </c>
      <c r="AK45" s="40">
        <v>0.21</v>
      </c>
      <c r="AL45" s="40">
        <v>0.21</v>
      </c>
      <c r="AM45" s="40">
        <v>0.17</v>
      </c>
      <c r="AN45" s="40">
        <v>0.17</v>
      </c>
      <c r="AO45" s="40">
        <v>0.2</v>
      </c>
      <c r="AP45" s="8">
        <v>0.17</v>
      </c>
      <c r="AQ45" s="8">
        <v>0.19</v>
      </c>
      <c r="AR45" s="76">
        <v>0.19</v>
      </c>
      <c r="AS45" s="8">
        <v>0.19</v>
      </c>
      <c r="AT45" s="8">
        <v>0.19</v>
      </c>
      <c r="AU45" s="40">
        <v>0.19</v>
      </c>
      <c r="AV45" s="8">
        <v>0.19</v>
      </c>
      <c r="AW45" s="8">
        <v>0.17</v>
      </c>
      <c r="AX45" s="40">
        <v>0.18</v>
      </c>
      <c r="AY45" s="40">
        <v>0.17</v>
      </c>
      <c r="AZ45" s="40">
        <v>0.17</v>
      </c>
      <c r="BA45" s="40">
        <v>0.17</v>
      </c>
      <c r="BB45" s="40">
        <v>0.17</v>
      </c>
      <c r="BC45" s="40">
        <v>0.18</v>
      </c>
      <c r="BD45" s="40">
        <v>0.18</v>
      </c>
      <c r="BE45" s="17"/>
    </row>
    <row r="46" spans="3:57" x14ac:dyDescent="0.2">
      <c r="C46" s="16" t="s">
        <v>89</v>
      </c>
      <c r="D46" s="6" t="s">
        <v>58</v>
      </c>
      <c r="E46" s="40">
        <v>0.3</v>
      </c>
      <c r="F46" s="40">
        <v>0.3</v>
      </c>
      <c r="G46" s="40">
        <v>0.3</v>
      </c>
      <c r="H46" s="8">
        <v>0.3</v>
      </c>
      <c r="I46" s="17">
        <v>0.28999999999999998</v>
      </c>
      <c r="J46" s="40">
        <v>0.28000000000000003</v>
      </c>
      <c r="K46" s="40">
        <v>0.25</v>
      </c>
      <c r="L46" s="40">
        <v>0.26</v>
      </c>
      <c r="M46" s="40">
        <v>0.25</v>
      </c>
      <c r="N46" s="40">
        <v>0.25</v>
      </c>
      <c r="O46" s="40">
        <v>0.25</v>
      </c>
      <c r="P46" s="40">
        <v>0.26</v>
      </c>
      <c r="Q46" s="40">
        <v>0.27</v>
      </c>
      <c r="R46" s="40">
        <v>0.27</v>
      </c>
      <c r="S46" s="40">
        <v>0.27</v>
      </c>
      <c r="T46" s="40">
        <v>0.27</v>
      </c>
      <c r="U46" s="40">
        <v>0.28999999999999998</v>
      </c>
      <c r="V46" s="40">
        <v>0.28000000000000003</v>
      </c>
      <c r="W46" s="40">
        <v>0.31</v>
      </c>
      <c r="X46" s="40">
        <v>0.33</v>
      </c>
      <c r="Y46" s="40">
        <v>0.33</v>
      </c>
      <c r="Z46" s="40">
        <v>0.33</v>
      </c>
      <c r="AA46" s="95">
        <v>0.33</v>
      </c>
      <c r="AB46" s="8">
        <v>0.33</v>
      </c>
      <c r="AC46" s="8">
        <v>0.33</v>
      </c>
      <c r="AD46" s="40">
        <v>0.33</v>
      </c>
      <c r="AE46" s="40">
        <v>0.33</v>
      </c>
      <c r="AF46" s="40">
        <v>0.33</v>
      </c>
      <c r="AG46" s="40">
        <v>0.33</v>
      </c>
      <c r="AH46" s="40">
        <v>0.33</v>
      </c>
      <c r="AI46" s="40">
        <v>0.5</v>
      </c>
      <c r="AJ46" s="40">
        <v>0.5</v>
      </c>
      <c r="AK46" s="40">
        <v>0.51</v>
      </c>
      <c r="AL46" s="40">
        <v>0.54</v>
      </c>
      <c r="AM46" s="40">
        <v>0.41</v>
      </c>
      <c r="AN46" s="40">
        <v>0.43</v>
      </c>
      <c r="AO46" s="40">
        <v>0.45</v>
      </c>
      <c r="AP46" s="8">
        <v>0.43</v>
      </c>
      <c r="AQ46" s="8">
        <v>0.43</v>
      </c>
      <c r="AR46" s="76">
        <v>0.41</v>
      </c>
      <c r="AS46" s="8">
        <v>0.42</v>
      </c>
      <c r="AT46" s="8">
        <v>0.41</v>
      </c>
      <c r="AU46" s="40">
        <v>0.41</v>
      </c>
      <c r="AV46" s="8">
        <v>0.42</v>
      </c>
      <c r="AW46" s="8">
        <v>0.42</v>
      </c>
      <c r="AX46" s="40">
        <v>0.42</v>
      </c>
      <c r="AY46" s="40">
        <v>0.44</v>
      </c>
      <c r="AZ46" s="40">
        <v>0.42</v>
      </c>
      <c r="BA46" s="40">
        <v>0.43</v>
      </c>
      <c r="BB46" s="40">
        <v>0.43</v>
      </c>
      <c r="BC46" s="40">
        <v>0.42</v>
      </c>
      <c r="BD46" s="40">
        <v>0.43</v>
      </c>
      <c r="BE46" s="17"/>
    </row>
    <row r="47" spans="3:57" x14ac:dyDescent="0.2">
      <c r="C47" s="16" t="s">
        <v>95</v>
      </c>
      <c r="D47" s="6" t="s">
        <v>58</v>
      </c>
      <c r="E47" s="40">
        <v>0.53</v>
      </c>
      <c r="F47" s="40">
        <v>0.53</v>
      </c>
      <c r="G47" s="40">
        <v>0.53</v>
      </c>
      <c r="H47" s="8">
        <v>0.53</v>
      </c>
      <c r="I47" s="17">
        <v>0.48</v>
      </c>
      <c r="J47" s="40">
        <v>0.5</v>
      </c>
      <c r="K47" s="40">
        <v>0.48</v>
      </c>
      <c r="L47" s="40">
        <v>0.45</v>
      </c>
      <c r="M47" s="40">
        <v>0.45</v>
      </c>
      <c r="N47" s="40">
        <v>0.45</v>
      </c>
      <c r="O47" s="40">
        <v>0.45</v>
      </c>
      <c r="P47" s="40">
        <v>0.45</v>
      </c>
      <c r="Q47" s="40">
        <v>0.45</v>
      </c>
      <c r="R47" s="40">
        <v>0.45</v>
      </c>
      <c r="S47" s="40">
        <v>0.48</v>
      </c>
      <c r="T47" s="40">
        <v>0.48</v>
      </c>
      <c r="U47" s="40">
        <v>0.48</v>
      </c>
      <c r="V47" s="40" t="s">
        <v>90</v>
      </c>
      <c r="W47" s="40" t="s">
        <v>90</v>
      </c>
      <c r="X47" s="40" t="s">
        <v>90</v>
      </c>
      <c r="Y47" s="40" t="s">
        <v>90</v>
      </c>
      <c r="Z47" s="40" t="s">
        <v>90</v>
      </c>
      <c r="AA47" s="95" t="s">
        <v>90</v>
      </c>
      <c r="AB47" s="8" t="s">
        <v>90</v>
      </c>
      <c r="AC47" s="8" t="s">
        <v>90</v>
      </c>
      <c r="AD47" s="40" t="s">
        <v>90</v>
      </c>
      <c r="AE47" s="40" t="s">
        <v>140</v>
      </c>
      <c r="AF47" s="40" t="s">
        <v>90</v>
      </c>
      <c r="AG47" s="40" t="s">
        <v>140</v>
      </c>
      <c r="AH47" s="40" t="s">
        <v>90</v>
      </c>
      <c r="AI47" s="40" t="s">
        <v>90</v>
      </c>
      <c r="AJ47" s="40">
        <v>0.47</v>
      </c>
      <c r="AK47" s="40">
        <v>0.47</v>
      </c>
      <c r="AL47" s="40">
        <v>0.55000000000000004</v>
      </c>
      <c r="AM47" s="40">
        <v>0.47</v>
      </c>
      <c r="AN47" s="40">
        <v>0.49</v>
      </c>
      <c r="AO47" s="40">
        <v>0.51</v>
      </c>
      <c r="AP47" s="8">
        <v>0.51</v>
      </c>
      <c r="AQ47" s="8">
        <v>0.52</v>
      </c>
      <c r="AR47" s="76">
        <v>0.49</v>
      </c>
      <c r="AS47" s="8">
        <v>0.49</v>
      </c>
      <c r="AT47" s="8">
        <v>0.49</v>
      </c>
      <c r="AU47" s="40">
        <v>0.48</v>
      </c>
      <c r="AV47" s="8">
        <v>0.5</v>
      </c>
      <c r="AW47" s="8">
        <v>0.53</v>
      </c>
      <c r="AX47" s="40">
        <v>0.54</v>
      </c>
      <c r="AY47" s="40">
        <v>0.57999999999999996</v>
      </c>
      <c r="AZ47" s="40">
        <v>0.59</v>
      </c>
      <c r="BA47" s="40">
        <v>0.59</v>
      </c>
      <c r="BB47" s="40">
        <v>0.59</v>
      </c>
      <c r="BC47" s="40">
        <v>0.59</v>
      </c>
      <c r="BD47" s="40">
        <v>0.59</v>
      </c>
      <c r="BE47" s="17"/>
    </row>
    <row r="48" spans="3:57" x14ac:dyDescent="0.2">
      <c r="C48" s="23" t="s">
        <v>96</v>
      </c>
      <c r="D48" s="6" t="s">
        <v>58</v>
      </c>
      <c r="E48" s="40">
        <v>0.41</v>
      </c>
      <c r="F48" s="40">
        <v>0.42</v>
      </c>
      <c r="G48" s="40">
        <v>0.41</v>
      </c>
      <c r="H48" s="17">
        <v>0.42</v>
      </c>
      <c r="I48" s="17">
        <v>0.42</v>
      </c>
      <c r="J48" s="40">
        <v>0.42</v>
      </c>
      <c r="K48" s="40">
        <v>0.41</v>
      </c>
      <c r="L48" s="40">
        <v>0.41</v>
      </c>
      <c r="M48" s="40">
        <v>0.41</v>
      </c>
      <c r="N48" s="40">
        <v>0.4</v>
      </c>
      <c r="O48" s="40">
        <v>0.41</v>
      </c>
      <c r="P48" s="40">
        <v>0.3</v>
      </c>
      <c r="Q48" s="40">
        <v>0.24</v>
      </c>
      <c r="R48" s="40">
        <v>0.26</v>
      </c>
      <c r="S48" s="40">
        <v>0.27</v>
      </c>
      <c r="T48" s="40">
        <v>0.27</v>
      </c>
      <c r="U48" s="40">
        <v>0.3</v>
      </c>
      <c r="V48" s="40">
        <v>0.4</v>
      </c>
      <c r="W48" s="40">
        <v>0.4</v>
      </c>
      <c r="X48" s="40">
        <v>0.42</v>
      </c>
      <c r="Y48" s="40">
        <v>0.4</v>
      </c>
      <c r="Z48" s="40">
        <v>0.36</v>
      </c>
      <c r="AA48" s="96">
        <v>0.31</v>
      </c>
      <c r="AB48" s="8">
        <v>0.26</v>
      </c>
      <c r="AC48" s="8">
        <v>0.22</v>
      </c>
      <c r="AD48" s="40">
        <v>0.22</v>
      </c>
      <c r="AE48" s="40">
        <v>0.22</v>
      </c>
      <c r="AF48" s="40">
        <v>0.22</v>
      </c>
      <c r="AG48" s="40">
        <v>0.21</v>
      </c>
      <c r="AH48" s="40">
        <v>0.21</v>
      </c>
      <c r="AI48" s="40">
        <v>0.21</v>
      </c>
      <c r="AJ48" s="40">
        <v>0.21</v>
      </c>
      <c r="AK48" s="40">
        <v>0.25</v>
      </c>
      <c r="AL48" s="40">
        <v>0.24</v>
      </c>
      <c r="AM48" s="40">
        <v>0.3</v>
      </c>
      <c r="AN48" s="40">
        <v>0.28999999999999998</v>
      </c>
      <c r="AO48" s="40">
        <v>0.48</v>
      </c>
      <c r="AP48" s="8">
        <v>0.69</v>
      </c>
      <c r="AQ48" s="8">
        <v>0.7</v>
      </c>
      <c r="AR48" s="76">
        <v>0.7</v>
      </c>
      <c r="AS48" s="8">
        <v>0.7</v>
      </c>
      <c r="AT48" s="8">
        <v>0.74</v>
      </c>
      <c r="AU48" s="40">
        <v>0.74</v>
      </c>
      <c r="AV48" s="8">
        <v>0.75</v>
      </c>
      <c r="AW48" s="8">
        <v>0.76</v>
      </c>
      <c r="AX48" s="40">
        <v>0.76</v>
      </c>
      <c r="AY48" s="40">
        <v>0.76</v>
      </c>
      <c r="AZ48" s="40">
        <v>0.62</v>
      </c>
      <c r="BA48" s="40">
        <v>0.52</v>
      </c>
      <c r="BB48" s="40">
        <v>0.52</v>
      </c>
      <c r="BC48" s="40">
        <v>0.32</v>
      </c>
      <c r="BD48" s="40">
        <v>0.32</v>
      </c>
      <c r="BE48" s="23"/>
    </row>
    <row r="49" spans="3:57" ht="13.5" customHeight="1" x14ac:dyDescent="0.2">
      <c r="C49" s="221"/>
      <c r="D49" s="221"/>
      <c r="E49" s="221"/>
      <c r="F49" s="221"/>
      <c r="G49" s="221"/>
      <c r="H49" s="221"/>
      <c r="I49" s="221"/>
      <c r="J49" s="221"/>
      <c r="K49" s="221"/>
      <c r="L49" s="221"/>
      <c r="M49" s="221"/>
      <c r="N49" s="221"/>
      <c r="O49" s="221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0" spans="3:57" x14ac:dyDescent="0.2">
      <c r="C50" s="222"/>
      <c r="D50" s="222"/>
      <c r="E50" s="222"/>
      <c r="F50" s="222"/>
      <c r="G50" s="222"/>
      <c r="H50" s="222"/>
      <c r="I50" s="222"/>
      <c r="J50" s="222"/>
      <c r="K50" s="222"/>
      <c r="L50" s="222"/>
      <c r="M50" s="222"/>
      <c r="N50" s="222"/>
      <c r="O50" s="222"/>
    </row>
    <row r="51" spans="3:57" x14ac:dyDescent="0.2">
      <c r="C51" s="100" t="s">
        <v>106</v>
      </c>
      <c r="D51" s="6" t="s">
        <v>58</v>
      </c>
      <c r="E51" s="62">
        <v>5.59</v>
      </c>
      <c r="F51" s="62">
        <v>5.67</v>
      </c>
      <c r="G51" s="62">
        <v>5.75</v>
      </c>
      <c r="H51" s="62">
        <v>5.73</v>
      </c>
      <c r="I51" s="62">
        <v>5.72</v>
      </c>
      <c r="J51" s="62">
        <v>5.94</v>
      </c>
      <c r="K51" s="62">
        <v>5.75</v>
      </c>
      <c r="L51" s="62">
        <v>5.7</v>
      </c>
      <c r="M51" s="62">
        <v>5.78</v>
      </c>
      <c r="N51" s="62">
        <v>5.77</v>
      </c>
      <c r="O51" s="62">
        <v>5.8</v>
      </c>
      <c r="P51" s="62">
        <v>5.7</v>
      </c>
      <c r="Q51" s="62">
        <v>5.72</v>
      </c>
      <c r="R51" s="62">
        <v>5.76</v>
      </c>
      <c r="S51" s="62" t="s">
        <v>110</v>
      </c>
      <c r="T51" s="62">
        <v>5.8</v>
      </c>
      <c r="U51" s="62">
        <v>5.82</v>
      </c>
      <c r="V51" s="62">
        <v>5.91</v>
      </c>
      <c r="W51" s="62">
        <v>5.71</v>
      </c>
      <c r="X51" s="62">
        <v>5.89</v>
      </c>
      <c r="Y51" s="62">
        <v>5.88</v>
      </c>
      <c r="Z51" s="62">
        <v>5.8</v>
      </c>
      <c r="AA51" s="62">
        <v>5.53</v>
      </c>
      <c r="AB51" s="62">
        <v>5.99</v>
      </c>
      <c r="AC51" s="62">
        <v>6.09</v>
      </c>
      <c r="AD51" s="62">
        <v>6.29</v>
      </c>
      <c r="AE51" s="62">
        <v>6.58</v>
      </c>
      <c r="AF51" s="62">
        <v>6.56</v>
      </c>
      <c r="AG51" s="62" t="s">
        <v>110</v>
      </c>
      <c r="AH51" s="62">
        <v>6.88</v>
      </c>
      <c r="AI51" s="62">
        <v>6.66</v>
      </c>
      <c r="AJ51" s="62">
        <v>6.63</v>
      </c>
      <c r="AK51" s="62">
        <v>6.39</v>
      </c>
      <c r="AL51" s="62"/>
      <c r="AM51" s="106">
        <v>6.59</v>
      </c>
      <c r="AN51" s="62"/>
      <c r="AO51" s="62">
        <v>6.57</v>
      </c>
      <c r="AP51" s="62">
        <v>6.65</v>
      </c>
      <c r="AQ51" s="62">
        <v>6.53</v>
      </c>
      <c r="AR51" s="62">
        <v>6.65</v>
      </c>
      <c r="AS51" s="62">
        <v>6.43</v>
      </c>
      <c r="AT51" s="62">
        <v>6.41</v>
      </c>
      <c r="AU51" s="62"/>
      <c r="AV51" s="108">
        <v>5.93</v>
      </c>
      <c r="AW51" s="62"/>
      <c r="AX51" s="62">
        <v>5.8</v>
      </c>
      <c r="AY51" s="108">
        <v>5.73</v>
      </c>
      <c r="AZ51" s="62">
        <v>5.59</v>
      </c>
      <c r="BA51" s="108">
        <v>5.47</v>
      </c>
      <c r="BB51" s="108" t="s">
        <v>156</v>
      </c>
      <c r="BC51" s="108">
        <v>5.62</v>
      </c>
      <c r="BD51" s="108">
        <v>5.67</v>
      </c>
      <c r="BE51" s="17"/>
    </row>
    <row r="52" spans="3:57" x14ac:dyDescent="0.2">
      <c r="C52" s="102"/>
      <c r="D52" s="103"/>
      <c r="E52" s="104"/>
      <c r="F52" s="104"/>
      <c r="G52" s="104"/>
      <c r="H52" s="104"/>
      <c r="I52" s="104"/>
      <c r="J52" s="104"/>
      <c r="K52" s="104"/>
      <c r="L52" s="104"/>
      <c r="M52" s="104"/>
      <c r="N52" s="104"/>
      <c r="O52" s="104"/>
      <c r="P52" s="101"/>
      <c r="Q52" s="101"/>
      <c r="R52" s="101"/>
      <c r="S52" s="101"/>
      <c r="T52" s="101"/>
      <c r="U52" s="101"/>
      <c r="V52" s="101"/>
      <c r="W52" s="101"/>
      <c r="X52" s="101"/>
      <c r="Y52" s="101"/>
      <c r="Z52" s="101"/>
      <c r="AA52" s="101"/>
      <c r="AB52" s="101"/>
      <c r="AC52" s="101"/>
      <c r="AD52" s="101"/>
      <c r="AE52" s="101"/>
      <c r="AF52" s="101"/>
      <c r="AG52" s="101"/>
      <c r="AH52" s="101"/>
      <c r="AI52" s="101"/>
      <c r="AJ52" s="101"/>
      <c r="AK52" s="101"/>
      <c r="AL52" s="101"/>
      <c r="AM52" s="101"/>
      <c r="AN52" s="101"/>
      <c r="AO52" s="101"/>
      <c r="AP52" s="101"/>
      <c r="AQ52" s="101"/>
      <c r="AR52" s="101"/>
      <c r="AS52" s="101"/>
      <c r="AT52" s="101"/>
      <c r="AU52" s="101"/>
      <c r="AV52" s="101"/>
      <c r="AW52" s="101"/>
      <c r="AX52" s="101"/>
      <c r="AY52" s="101"/>
      <c r="AZ52" s="101"/>
      <c r="BA52" s="101"/>
      <c r="BB52" s="101"/>
      <c r="BC52" s="101"/>
      <c r="BD52" s="101"/>
      <c r="BE52" s="65"/>
    </row>
    <row r="53" spans="3:57" ht="12.75" customHeight="1" x14ac:dyDescent="0.2">
      <c r="C53" s="1"/>
    </row>
    <row r="54" spans="3:57" ht="17.25" customHeight="1" x14ac:dyDescent="0.25">
      <c r="C54" s="98" t="s">
        <v>137</v>
      </c>
    </row>
    <row r="55" spans="3:57" ht="15.75" customHeight="1" x14ac:dyDescent="0.25">
      <c r="C55" s="85" t="s">
        <v>138</v>
      </c>
    </row>
    <row r="56" spans="3:57" ht="15.75" customHeight="1" x14ac:dyDescent="0.25">
      <c r="C56" s="85"/>
    </row>
    <row r="57" spans="3:57" x14ac:dyDescent="0.2">
      <c r="C57" s="99"/>
    </row>
    <row r="58" spans="3:57" x14ac:dyDescent="0.2">
      <c r="C58" s="1" t="s">
        <v>1</v>
      </c>
      <c r="E58" s="2">
        <v>2015</v>
      </c>
      <c r="F58" s="2"/>
      <c r="G58" s="2"/>
      <c r="H58" s="2"/>
      <c r="I58" s="2"/>
      <c r="J58" s="2"/>
      <c r="K58" s="2"/>
      <c r="L58" s="2"/>
      <c r="M58" s="2"/>
    </row>
    <row r="59" spans="3:57" x14ac:dyDescent="0.2">
      <c r="C59" s="3" t="s">
        <v>2</v>
      </c>
      <c r="D59" s="3" t="s">
        <v>3</v>
      </c>
      <c r="E59" s="4" t="s">
        <v>15</v>
      </c>
      <c r="F59" s="4" t="s">
        <v>16</v>
      </c>
      <c r="G59" s="4" t="s">
        <v>17</v>
      </c>
      <c r="H59" s="4" t="s">
        <v>18</v>
      </c>
      <c r="I59" s="4" t="s">
        <v>19</v>
      </c>
      <c r="J59" s="4" t="s">
        <v>20</v>
      </c>
      <c r="K59" s="4" t="s">
        <v>21</v>
      </c>
      <c r="L59" s="4" t="s">
        <v>22</v>
      </c>
      <c r="M59" s="4" t="s">
        <v>23</v>
      </c>
      <c r="N59" s="4" t="s">
        <v>24</v>
      </c>
      <c r="O59" s="4" t="s">
        <v>25</v>
      </c>
      <c r="P59" s="4" t="s">
        <v>26</v>
      </c>
      <c r="Q59" s="4" t="s">
        <v>27</v>
      </c>
      <c r="R59" s="4" t="s">
        <v>28</v>
      </c>
      <c r="S59" s="4" t="s">
        <v>29</v>
      </c>
      <c r="T59" s="4" t="s">
        <v>30</v>
      </c>
      <c r="U59" s="4" t="s">
        <v>31</v>
      </c>
      <c r="V59" s="4" t="s">
        <v>32</v>
      </c>
      <c r="W59" s="4" t="s">
        <v>33</v>
      </c>
      <c r="X59" s="4" t="s">
        <v>34</v>
      </c>
      <c r="Y59" s="4" t="s">
        <v>35</v>
      </c>
      <c r="Z59" s="4" t="s">
        <v>36</v>
      </c>
      <c r="AA59" s="4" t="s">
        <v>37</v>
      </c>
      <c r="AB59" s="4" t="s">
        <v>38</v>
      </c>
      <c r="AC59" s="4" t="s">
        <v>39</v>
      </c>
      <c r="AD59" s="4" t="s">
        <v>40</v>
      </c>
      <c r="AE59" s="4" t="s">
        <v>41</v>
      </c>
      <c r="AF59" s="4" t="s">
        <v>42</v>
      </c>
      <c r="AG59" s="4" t="s">
        <v>43</v>
      </c>
      <c r="AH59" s="4" t="s">
        <v>44</v>
      </c>
      <c r="AI59" s="4" t="s">
        <v>45</v>
      </c>
      <c r="AJ59" s="4" t="s">
        <v>46</v>
      </c>
      <c r="AK59" s="4" t="s">
        <v>47</v>
      </c>
      <c r="AL59" s="4" t="s">
        <v>48</v>
      </c>
      <c r="AM59" s="4" t="s">
        <v>49</v>
      </c>
      <c r="AN59" s="4" t="s">
        <v>50</v>
      </c>
      <c r="AO59" s="4" t="s">
        <v>51</v>
      </c>
      <c r="AP59" s="4" t="s">
        <v>52</v>
      </c>
      <c r="AQ59" s="4" t="s">
        <v>53</v>
      </c>
      <c r="AR59" s="4" t="s">
        <v>54</v>
      </c>
      <c r="AS59" s="4" t="s">
        <v>55</v>
      </c>
      <c r="AT59" s="4" t="s">
        <v>4</v>
      </c>
      <c r="AU59" s="4" t="s">
        <v>5</v>
      </c>
      <c r="AV59" s="4" t="s">
        <v>6</v>
      </c>
      <c r="AW59" s="4" t="s">
        <v>7</v>
      </c>
      <c r="AX59" s="4" t="s">
        <v>8</v>
      </c>
      <c r="AY59" s="4" t="s">
        <v>9</v>
      </c>
      <c r="AZ59" s="4" t="s">
        <v>10</v>
      </c>
      <c r="BA59" s="4" t="s">
        <v>11</v>
      </c>
      <c r="BB59" s="4" t="s">
        <v>12</v>
      </c>
      <c r="BC59" s="4" t="s">
        <v>13</v>
      </c>
      <c r="BD59" s="4" t="s">
        <v>14</v>
      </c>
      <c r="BE59" s="4" t="s">
        <v>56</v>
      </c>
    </row>
    <row r="60" spans="3:57" x14ac:dyDescent="0.2">
      <c r="C60" s="5" t="s">
        <v>57</v>
      </c>
      <c r="D60" s="6" t="s">
        <v>58</v>
      </c>
      <c r="E60" s="39"/>
      <c r="F60" s="39"/>
      <c r="G60" s="8"/>
      <c r="H60" s="39"/>
      <c r="I60" s="62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39"/>
      <c r="X60" s="39"/>
      <c r="Y60" s="8"/>
      <c r="Z60" s="39"/>
      <c r="AA60" s="39"/>
      <c r="AB60" s="39"/>
      <c r="AC60" s="8"/>
      <c r="AD60" s="39"/>
      <c r="AE60" s="39"/>
      <c r="AF60" s="39"/>
      <c r="AG60" s="39"/>
      <c r="AH60" s="39"/>
      <c r="AI60" s="39"/>
      <c r="AJ60" s="39"/>
      <c r="AK60" s="8"/>
      <c r="AL60" s="39"/>
      <c r="AM60" s="8"/>
      <c r="AN60" s="39"/>
      <c r="AO60" s="39"/>
      <c r="AP60" s="39"/>
      <c r="AQ60" s="39"/>
      <c r="AR60" s="8"/>
      <c r="AS60" s="8"/>
      <c r="AT60" s="39"/>
      <c r="AU60" s="39"/>
      <c r="AV60" s="8"/>
      <c r="AW60" s="8"/>
      <c r="AX60" s="39"/>
      <c r="AY60" s="8"/>
      <c r="AZ60" s="8"/>
      <c r="BA60" s="8"/>
      <c r="BB60" s="39"/>
      <c r="BC60" s="8"/>
      <c r="BD60" s="39"/>
      <c r="BE60" s="17"/>
    </row>
    <row r="61" spans="3:57" x14ac:dyDescent="0.2">
      <c r="C61" s="5" t="s">
        <v>59</v>
      </c>
      <c r="D61" s="6" t="s">
        <v>58</v>
      </c>
      <c r="E61" s="39"/>
      <c r="F61" s="39"/>
      <c r="G61" s="8"/>
      <c r="H61" s="39"/>
      <c r="I61" s="62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39"/>
      <c r="X61" s="39"/>
      <c r="Y61" s="8"/>
      <c r="Z61" s="39"/>
      <c r="AA61" s="39"/>
      <c r="AB61" s="39"/>
      <c r="AC61" s="8"/>
      <c r="AD61" s="39"/>
      <c r="AE61" s="39"/>
      <c r="AF61" s="39"/>
      <c r="AG61" s="39"/>
      <c r="AH61" s="39"/>
      <c r="AI61" s="39"/>
      <c r="AJ61" s="39"/>
      <c r="AK61" s="8"/>
      <c r="AL61" s="39"/>
      <c r="AM61" s="8"/>
      <c r="AN61" s="39"/>
      <c r="AO61" s="39"/>
      <c r="AP61" s="39"/>
      <c r="AQ61" s="39"/>
      <c r="AR61" s="8"/>
      <c r="AS61" s="8"/>
      <c r="AT61" s="39"/>
      <c r="AU61" s="39"/>
      <c r="AV61" s="8"/>
      <c r="AW61" s="8"/>
      <c r="AX61" s="39"/>
      <c r="AY61" s="8"/>
      <c r="AZ61" s="8"/>
      <c r="BA61" s="8"/>
      <c r="BB61" s="39"/>
      <c r="BC61" s="8"/>
      <c r="BD61" s="39"/>
      <c r="BE61" s="17"/>
    </row>
    <row r="62" spans="3:57" x14ac:dyDescent="0.2">
      <c r="C62" s="5" t="s">
        <v>60</v>
      </c>
      <c r="D62" s="6" t="s">
        <v>58</v>
      </c>
      <c r="E62" s="39"/>
      <c r="F62" s="39"/>
      <c r="G62" s="8"/>
      <c r="H62" s="39"/>
      <c r="I62" s="62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39"/>
      <c r="X62" s="39"/>
      <c r="Y62" s="8"/>
      <c r="Z62" s="39"/>
      <c r="AA62" s="39"/>
      <c r="AB62" s="39"/>
      <c r="AC62" s="8"/>
      <c r="AD62" s="39"/>
      <c r="AE62" s="39"/>
      <c r="AF62" s="39"/>
      <c r="AG62" s="39"/>
      <c r="AH62" s="39"/>
      <c r="AI62" s="39"/>
      <c r="AJ62" s="39"/>
      <c r="AK62" s="8"/>
      <c r="AL62" s="39"/>
      <c r="AM62" s="8"/>
      <c r="AN62" s="39"/>
      <c r="AO62" s="39"/>
      <c r="AP62" s="39"/>
      <c r="AQ62" s="39"/>
      <c r="AR62" s="8"/>
      <c r="AS62" s="8"/>
      <c r="AT62" s="39"/>
      <c r="AU62" s="39"/>
      <c r="AV62" s="8"/>
      <c r="AW62" s="8"/>
      <c r="AX62" s="39"/>
      <c r="AY62" s="8"/>
      <c r="AZ62" s="8"/>
      <c r="BA62" s="8"/>
      <c r="BB62" s="39"/>
      <c r="BC62" s="8"/>
      <c r="BD62" s="39"/>
      <c r="BE62" s="17"/>
    </row>
    <row r="63" spans="3:57" x14ac:dyDescent="0.2">
      <c r="C63" s="5" t="s">
        <v>61</v>
      </c>
      <c r="D63" s="6" t="s">
        <v>58</v>
      </c>
      <c r="E63" s="39"/>
      <c r="F63" s="39"/>
      <c r="G63" s="8"/>
      <c r="H63" s="39"/>
      <c r="I63" s="62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39"/>
      <c r="W63" s="39"/>
      <c r="X63" s="39"/>
      <c r="Y63" s="8"/>
      <c r="Z63" s="39"/>
      <c r="AA63" s="39"/>
      <c r="AB63" s="39"/>
      <c r="AC63" s="8"/>
      <c r="AD63" s="39"/>
      <c r="AE63" s="39"/>
      <c r="AF63" s="39"/>
      <c r="AG63" s="39"/>
      <c r="AH63" s="39"/>
      <c r="AI63" s="39"/>
      <c r="AJ63" s="39"/>
      <c r="AK63" s="8"/>
      <c r="AL63" s="39"/>
      <c r="AM63" s="8"/>
      <c r="AN63" s="39"/>
      <c r="AO63" s="39"/>
      <c r="AP63" s="39"/>
      <c r="AQ63" s="39"/>
      <c r="AR63" s="8"/>
      <c r="AS63" s="8"/>
      <c r="AT63" s="39"/>
      <c r="AU63" s="39"/>
      <c r="AV63" s="8"/>
      <c r="AW63" s="8"/>
      <c r="AX63" s="39"/>
      <c r="AY63" s="8"/>
      <c r="AZ63" s="8"/>
      <c r="BA63" s="8"/>
      <c r="BB63" s="39"/>
      <c r="BC63" s="8"/>
      <c r="BD63" s="39"/>
      <c r="BE63" s="17"/>
    </row>
    <row r="64" spans="3:57" x14ac:dyDescent="0.2">
      <c r="C64" s="5" t="s">
        <v>62</v>
      </c>
      <c r="D64" s="6" t="s">
        <v>58</v>
      </c>
      <c r="E64" s="39"/>
      <c r="F64" s="39"/>
      <c r="G64" s="8"/>
      <c r="H64" s="39"/>
      <c r="I64" s="62"/>
      <c r="J64" s="39"/>
      <c r="K64" s="39"/>
      <c r="L64" s="39"/>
      <c r="M64" s="39"/>
      <c r="N64" s="39"/>
      <c r="O64" s="39"/>
      <c r="P64" s="39"/>
      <c r="Q64" s="39"/>
      <c r="R64" s="39"/>
      <c r="S64" s="39"/>
      <c r="T64" s="39"/>
      <c r="U64" s="39"/>
      <c r="V64" s="39"/>
      <c r="W64" s="39"/>
      <c r="X64" s="39"/>
      <c r="Y64" s="8"/>
      <c r="Z64" s="39"/>
      <c r="AA64" s="39"/>
      <c r="AB64" s="39"/>
      <c r="AC64" s="8"/>
      <c r="AD64" s="39"/>
      <c r="AE64" s="39"/>
      <c r="AF64" s="39"/>
      <c r="AG64" s="39"/>
      <c r="AH64" s="39"/>
      <c r="AI64" s="39"/>
      <c r="AJ64" s="39"/>
      <c r="AK64" s="8"/>
      <c r="AL64" s="39"/>
      <c r="AM64" s="8"/>
      <c r="AN64" s="39"/>
      <c r="AO64" s="39"/>
      <c r="AP64" s="39"/>
      <c r="AQ64" s="39"/>
      <c r="AR64" s="8"/>
      <c r="AS64" s="8"/>
      <c r="AT64" s="39"/>
      <c r="AU64" s="39"/>
      <c r="AV64" s="8"/>
      <c r="AW64" s="8"/>
      <c r="AX64" s="39"/>
      <c r="AY64" s="8"/>
      <c r="AZ64" s="8"/>
      <c r="BA64" s="8"/>
      <c r="BB64" s="39"/>
      <c r="BC64" s="8"/>
      <c r="BD64" s="39"/>
      <c r="BE64" s="17"/>
    </row>
    <row r="65" spans="3:57" x14ac:dyDescent="0.2">
      <c r="C65" s="5" t="s">
        <v>75</v>
      </c>
      <c r="D65" s="20" t="s">
        <v>76</v>
      </c>
      <c r="E65" s="39"/>
      <c r="F65" s="39"/>
      <c r="G65" s="8"/>
      <c r="H65" s="39"/>
      <c r="I65" s="62"/>
      <c r="J65" s="39"/>
      <c r="K65" s="39"/>
      <c r="L65" s="39"/>
      <c r="M65" s="39"/>
      <c r="N65" s="39"/>
      <c r="O65" s="39"/>
      <c r="P65" s="39"/>
      <c r="Q65" s="39"/>
      <c r="R65" s="39"/>
      <c r="S65" s="39"/>
      <c r="T65" s="39"/>
      <c r="U65" s="39"/>
      <c r="V65" s="39"/>
      <c r="W65" s="39"/>
      <c r="X65" s="39"/>
      <c r="Y65" s="8"/>
      <c r="Z65" s="39"/>
      <c r="AA65" s="39"/>
      <c r="AB65" s="39"/>
      <c r="AC65" s="8"/>
      <c r="AD65" s="39"/>
      <c r="AE65" s="39"/>
      <c r="AF65" s="39"/>
      <c r="AG65" s="39"/>
      <c r="AH65" s="39"/>
      <c r="AI65" s="39"/>
      <c r="AJ65" s="39"/>
      <c r="AK65" s="8"/>
      <c r="AL65" s="39"/>
      <c r="AM65" s="8"/>
      <c r="AN65" s="39"/>
      <c r="AO65" s="39"/>
      <c r="AP65" s="39"/>
      <c r="AQ65" s="39"/>
      <c r="AR65" s="8"/>
      <c r="AS65" s="8"/>
      <c r="AT65" s="39"/>
      <c r="AU65" s="39"/>
      <c r="AV65" s="8"/>
      <c r="AW65" s="8"/>
      <c r="AX65" s="39"/>
      <c r="AY65" s="8"/>
      <c r="AZ65" s="8"/>
      <c r="BA65" s="8"/>
      <c r="BB65" s="39"/>
      <c r="BC65" s="8"/>
      <c r="BD65" s="39"/>
      <c r="BE65" s="17"/>
    </row>
    <row r="66" spans="3:57" x14ac:dyDescent="0.2">
      <c r="C66" s="5" t="s">
        <v>63</v>
      </c>
      <c r="D66" s="6" t="s">
        <v>58</v>
      </c>
      <c r="E66" s="8">
        <v>6.6514179043186639</v>
      </c>
      <c r="F66" s="8">
        <v>6.5443690134897885</v>
      </c>
      <c r="G66" s="8">
        <v>5.822882581916728</v>
      </c>
      <c r="H66" s="8">
        <v>5.1426621285178538</v>
      </c>
      <c r="I66" s="62">
        <v>5.8257238715868986</v>
      </c>
      <c r="J66" s="8">
        <v>5.1582424947299561</v>
      </c>
      <c r="K66" s="8">
        <v>5.3674227734029207</v>
      </c>
      <c r="L66" s="8">
        <v>6.3247540712175994</v>
      </c>
      <c r="M66" s="8">
        <v>6.4826749493969809</v>
      </c>
      <c r="N66" s="8">
        <v>5.948694671526134</v>
      </c>
      <c r="O66" s="8">
        <v>6.8709898838264447</v>
      </c>
      <c r="P66" s="8">
        <v>5.9499791435591813</v>
      </c>
      <c r="Q66" s="8">
        <v>5.4386389961389963</v>
      </c>
      <c r="R66" s="8">
        <v>5.2174081760598403</v>
      </c>
      <c r="S66" s="8">
        <v>5.7908966004127285</v>
      </c>
      <c r="T66" s="8">
        <v>5.1414828789552409</v>
      </c>
      <c r="U66" s="8">
        <v>4.7674623653142234</v>
      </c>
      <c r="V66" s="8">
        <v>5.1074481520840713</v>
      </c>
      <c r="W66" s="8">
        <v>4.9738929519683301</v>
      </c>
      <c r="X66" s="8">
        <v>4.9000000000000004</v>
      </c>
      <c r="Y66" s="8">
        <v>4.883621280660841</v>
      </c>
      <c r="Z66" s="8">
        <v>5.1924687579237156</v>
      </c>
      <c r="AA66" s="8">
        <v>5.6966714184238434</v>
      </c>
      <c r="AB66" s="8">
        <v>6.1962668044003992</v>
      </c>
      <c r="AC66" s="8">
        <v>5.6673290128862757</v>
      </c>
      <c r="AD66" s="8">
        <v>5.2974626820662829</v>
      </c>
      <c r="AE66" s="8">
        <v>5.332815779949331</v>
      </c>
      <c r="AF66" s="8">
        <v>5.5658396745388021</v>
      </c>
      <c r="AG66" s="8">
        <v>5.5125825200409428</v>
      </c>
      <c r="AH66" s="8">
        <v>5.1783089736526557</v>
      </c>
      <c r="AI66" s="8">
        <v>5.0943469156758505</v>
      </c>
      <c r="AJ66" s="8">
        <v>5.8420897554926423</v>
      </c>
      <c r="AK66" s="8">
        <v>5.045929523726933</v>
      </c>
      <c r="AL66" s="8">
        <v>6.1923235914667041</v>
      </c>
      <c r="AM66" s="8">
        <v>6.8940171983880942</v>
      </c>
      <c r="AN66" s="8">
        <v>5.966478667418027</v>
      </c>
      <c r="AO66" s="8">
        <v>5.8013722695320595</v>
      </c>
      <c r="AP66" s="8">
        <v>5.8415169783150027</v>
      </c>
      <c r="AQ66" s="8">
        <v>6.2387442836211866</v>
      </c>
      <c r="AR66" s="8">
        <v>6.4207318370559339</v>
      </c>
      <c r="AS66" s="8">
        <v>5.8283475383207932</v>
      </c>
      <c r="AT66" s="8">
        <v>5.5095111459863437</v>
      </c>
      <c r="AU66" s="8">
        <v>5.2936598641777293</v>
      </c>
      <c r="AV66" s="8">
        <v>6.2004674088769445</v>
      </c>
      <c r="AW66" s="8">
        <v>5.4959617240877252</v>
      </c>
      <c r="AX66" s="8">
        <v>5.4010142721764343</v>
      </c>
      <c r="AY66" s="8">
        <v>5.7869488196080647</v>
      </c>
      <c r="AZ66" s="8">
        <v>7.109328203186557</v>
      </c>
      <c r="BA66" s="8">
        <v>6.5234333737223107</v>
      </c>
      <c r="BB66" s="8">
        <v>7.537658109532992</v>
      </c>
      <c r="BC66" s="8">
        <v>7.859606747141882</v>
      </c>
      <c r="BD66" s="8">
        <v>11.807554206173659</v>
      </c>
      <c r="BE66" s="17"/>
    </row>
    <row r="67" spans="3:57" x14ac:dyDescent="0.2">
      <c r="C67" s="5" t="s">
        <v>64</v>
      </c>
      <c r="D67" s="6" t="s">
        <v>58</v>
      </c>
      <c r="E67" s="8">
        <v>4.5185708197543235</v>
      </c>
      <c r="F67" s="8">
        <v>5.0448114308714027</v>
      </c>
      <c r="G67" s="8">
        <v>5.0231328629927479</v>
      </c>
      <c r="H67" s="8">
        <v>4.198769194214262</v>
      </c>
      <c r="I67" s="62">
        <v>4.6959491583501087</v>
      </c>
      <c r="J67" s="8">
        <v>4.3093746123409264</v>
      </c>
      <c r="K67" s="8">
        <v>4.2219618841093434</v>
      </c>
      <c r="L67" s="8">
        <v>4.7793576295842586</v>
      </c>
      <c r="M67" s="8">
        <v>5.338216220883794</v>
      </c>
      <c r="N67" s="8">
        <v>4.9364186748714811</v>
      </c>
      <c r="O67" s="8">
        <v>5.1282291979573449</v>
      </c>
      <c r="P67" s="8">
        <v>4.4615022202305781</v>
      </c>
      <c r="Q67" s="8">
        <v>3.984216227145374</v>
      </c>
      <c r="R67" s="8">
        <v>4.0718809028992364</v>
      </c>
      <c r="S67" s="8">
        <v>4.4734057169561501</v>
      </c>
      <c r="T67" s="8">
        <v>4.1421605862560993</v>
      </c>
      <c r="U67" s="8">
        <v>4.0081554518782161</v>
      </c>
      <c r="V67" s="8">
        <v>4.157595108223604</v>
      </c>
      <c r="W67" s="8">
        <v>4.2687102606836262</v>
      </c>
      <c r="X67" s="8">
        <v>4.16</v>
      </c>
      <c r="Y67" s="8">
        <v>4.0534925852657251</v>
      </c>
      <c r="Z67" s="8">
        <v>4.297786803477269</v>
      </c>
      <c r="AA67" s="8">
        <v>4.8271575272129805</v>
      </c>
      <c r="AB67" s="8">
        <v>5.3974029693710541</v>
      </c>
      <c r="AC67" s="8">
        <v>4.7645977756959965</v>
      </c>
      <c r="AD67" s="8">
        <v>4.7213802580509805</v>
      </c>
      <c r="AE67" s="8">
        <v>5.3803836101012088</v>
      </c>
      <c r="AF67" s="8">
        <v>5.2948957473611049</v>
      </c>
      <c r="AG67" s="8">
        <v>5.2690922438117962</v>
      </c>
      <c r="AH67" s="8">
        <v>4.3342924418727433</v>
      </c>
      <c r="AI67" s="8">
        <v>4.3909973588806208</v>
      </c>
      <c r="AJ67" s="8">
        <v>4.3182876136184927</v>
      </c>
      <c r="AK67" s="8">
        <v>3.6998866560198342</v>
      </c>
      <c r="AL67" s="8">
        <v>4.4589636660684819</v>
      </c>
      <c r="AM67" s="8">
        <v>4.9910475549573805</v>
      </c>
      <c r="AN67" s="8">
        <v>4.8912397770273017</v>
      </c>
      <c r="AO67" s="8">
        <v>4.4774069522296491</v>
      </c>
      <c r="AP67" s="8">
        <v>4.3778369752440138</v>
      </c>
      <c r="AQ67" s="8">
        <v>4.5420504613439237</v>
      </c>
      <c r="AR67" s="8">
        <v>5.0210033465165802</v>
      </c>
      <c r="AS67" s="8">
        <v>4.2882729080618018</v>
      </c>
      <c r="AT67" s="8">
        <v>3.8836022035849362</v>
      </c>
      <c r="AU67" s="8">
        <v>3.8381328250401281</v>
      </c>
      <c r="AV67" s="8">
        <v>4.7010112978322169</v>
      </c>
      <c r="AW67" s="8">
        <v>4.2733923156801659</v>
      </c>
      <c r="AX67" s="8">
        <v>3.8344814784394252</v>
      </c>
      <c r="AY67" s="8">
        <v>4.3009995776644834</v>
      </c>
      <c r="AZ67" s="8">
        <v>5.2076336971638071</v>
      </c>
      <c r="BA67" s="8">
        <v>4.769569788752773</v>
      </c>
      <c r="BB67" s="8">
        <v>5.0410792203898049</v>
      </c>
      <c r="BC67" s="8">
        <v>5.8732483542286893</v>
      </c>
      <c r="BD67" s="8">
        <v>6.5134504992611832</v>
      </c>
      <c r="BE67" s="17"/>
    </row>
    <row r="68" spans="3:57" x14ac:dyDescent="0.2">
      <c r="C68" s="5" t="s">
        <v>65</v>
      </c>
      <c r="D68" s="6" t="s">
        <v>58</v>
      </c>
      <c r="E68" s="8">
        <v>4.9314516978350156</v>
      </c>
      <c r="F68" s="8">
        <v>3.6584621878340298</v>
      </c>
      <c r="G68" s="8">
        <v>4.7582354954742625</v>
      </c>
      <c r="H68" s="8">
        <v>3.7571356271564622</v>
      </c>
      <c r="I68" s="62">
        <v>4.4230430346970477</v>
      </c>
      <c r="J68" s="8">
        <v>3.1718157762285153</v>
      </c>
      <c r="K68" s="8">
        <v>3.9206180776160151</v>
      </c>
      <c r="L68" s="8">
        <v>3.2396570895561716</v>
      </c>
      <c r="M68" s="8">
        <v>3.0249509557600938</v>
      </c>
      <c r="N68" s="8">
        <v>2.5767532812225475</v>
      </c>
      <c r="O68" s="8">
        <v>2.499463721454132</v>
      </c>
      <c r="P68" s="8">
        <v>2.2088145936956627</v>
      </c>
      <c r="Q68" s="8">
        <v>3.287207243134787</v>
      </c>
      <c r="R68" s="8">
        <v>2.6851230057683311</v>
      </c>
      <c r="S68" s="8">
        <v>2.5312518645907933</v>
      </c>
      <c r="T68" s="8">
        <v>2.557908263897275</v>
      </c>
      <c r="U68" s="8">
        <v>2.4033331216149114</v>
      </c>
      <c r="V68" s="8">
        <v>2.4331673071995903</v>
      </c>
      <c r="W68" s="8">
        <v>2.4661465475748994</v>
      </c>
      <c r="X68" s="8">
        <v>3.29</v>
      </c>
      <c r="Y68" s="8">
        <v>2.7056585242282778</v>
      </c>
      <c r="Z68" s="8">
        <v>3.1410947872238082</v>
      </c>
      <c r="AA68" s="8">
        <v>3.1732886383495331</v>
      </c>
      <c r="AB68" s="8">
        <v>2.823550712635662</v>
      </c>
      <c r="AC68" s="8">
        <v>3.474020093543531</v>
      </c>
      <c r="AD68" s="8">
        <v>3.5481575824251976</v>
      </c>
      <c r="AE68" s="8">
        <v>3.7255836296337597</v>
      </c>
      <c r="AF68" s="8">
        <v>3.4076637493189925</v>
      </c>
      <c r="AG68" s="8">
        <v>3.4156013084297938</v>
      </c>
      <c r="AH68" s="8">
        <v>4.0072981248816211</v>
      </c>
      <c r="AI68" s="8">
        <v>3.2249252807024571</v>
      </c>
      <c r="AJ68" s="8">
        <v>4.2029543769284246</v>
      </c>
      <c r="AK68" s="8">
        <v>3.8506906102051293</v>
      </c>
      <c r="AL68" s="8">
        <v>3.592632542325084</v>
      </c>
      <c r="AM68" s="8">
        <v>3.8336219138516796</v>
      </c>
      <c r="AN68" s="8">
        <v>3.482634587142611</v>
      </c>
      <c r="AO68" s="8">
        <v>3.6013205817246079</v>
      </c>
      <c r="AP68" s="8">
        <v>3.1976526580733733</v>
      </c>
      <c r="AQ68" s="8">
        <v>3.2722539266753978</v>
      </c>
      <c r="AR68" s="8">
        <v>3.2603376400203663</v>
      </c>
      <c r="AS68" s="8">
        <v>2.5450392416305667</v>
      </c>
      <c r="AT68" s="8">
        <v>2.5407967320717826</v>
      </c>
      <c r="AU68" s="8">
        <v>2.3719271992360138</v>
      </c>
      <c r="AV68" s="8">
        <v>2.4375775403749698</v>
      </c>
      <c r="AW68" s="8">
        <v>2.3696213954481999</v>
      </c>
      <c r="AX68" s="8">
        <v>1.9694817373550326</v>
      </c>
      <c r="AY68" s="8">
        <v>2.553551729438893</v>
      </c>
      <c r="AZ68" s="8">
        <v>2.4915944269408987</v>
      </c>
      <c r="BA68" s="8">
        <v>3.1018888760430081</v>
      </c>
      <c r="BB68" s="8">
        <v>3.4290016798469036</v>
      </c>
      <c r="BC68" s="8">
        <v>3.2588225767958812</v>
      </c>
      <c r="BD68" s="8">
        <v>3.0064917887697904</v>
      </c>
      <c r="BE68" s="17"/>
    </row>
    <row r="69" spans="3:57" x14ac:dyDescent="0.2">
      <c r="C69" s="5" t="s">
        <v>66</v>
      </c>
      <c r="D69" s="6" t="s">
        <v>58</v>
      </c>
      <c r="E69" s="8">
        <v>3.4546606921088849</v>
      </c>
      <c r="F69" s="8">
        <v>3.2782206324578524</v>
      </c>
      <c r="G69" s="8">
        <v>4.1225587555005427</v>
      </c>
      <c r="H69" s="8">
        <v>3.8740825593395254</v>
      </c>
      <c r="I69" s="62">
        <v>3.5059693196725017</v>
      </c>
      <c r="J69" s="8">
        <v>3.5762773180627416</v>
      </c>
      <c r="K69" s="8">
        <v>3.7297277664180402</v>
      </c>
      <c r="L69" s="8">
        <v>4.1012334984679706</v>
      </c>
      <c r="M69" s="8">
        <v>3.4386594795611289</v>
      </c>
      <c r="N69" s="8">
        <v>3.7654874611063005</v>
      </c>
      <c r="O69" s="8">
        <v>3.2545396991562918</v>
      </c>
      <c r="P69" s="8">
        <v>3.7200187843527068</v>
      </c>
      <c r="Q69" s="8">
        <v>3.7519995807762623</v>
      </c>
      <c r="R69" s="8">
        <v>3.1139892149277619</v>
      </c>
      <c r="S69" s="8">
        <v>2.756384681113337</v>
      </c>
      <c r="T69" s="8">
        <v>2.8514904936100209</v>
      </c>
      <c r="U69" s="8">
        <v>2.8352486226837046</v>
      </c>
      <c r="V69" s="8">
        <v>2.7821216520466039</v>
      </c>
      <c r="W69" s="8">
        <v>2.9793959125459444</v>
      </c>
      <c r="X69" s="8">
        <v>3.42</v>
      </c>
      <c r="Y69" s="8">
        <v>3.1330978067273931</v>
      </c>
      <c r="Z69" s="8">
        <v>3.4195411403645872</v>
      </c>
      <c r="AA69" s="8">
        <v>3.1772670395609302</v>
      </c>
      <c r="AB69" s="8">
        <v>2.7242569329956097</v>
      </c>
      <c r="AC69" s="8">
        <v>2.8166083299704776</v>
      </c>
      <c r="AD69" s="8">
        <v>3.1489215403943707</v>
      </c>
      <c r="AE69" s="8">
        <v>3.4255221748166975</v>
      </c>
      <c r="AF69" s="8">
        <v>3.455860828998838</v>
      </c>
      <c r="AG69" s="8">
        <v>3.0774456649966</v>
      </c>
      <c r="AH69" s="8">
        <v>2.8622911907369737</v>
      </c>
      <c r="AI69" s="8">
        <v>2.8817790955999971</v>
      </c>
      <c r="AJ69" s="8">
        <v>2.7466057972144267</v>
      </c>
      <c r="AK69" s="8">
        <v>2.7152557079936783</v>
      </c>
      <c r="AL69" s="8">
        <v>2.9597032262210061</v>
      </c>
      <c r="AM69" s="8">
        <v>2.926873819127231</v>
      </c>
      <c r="AN69" s="8">
        <v>2.9395626088317259</v>
      </c>
      <c r="AO69" s="8">
        <v>3.9774105216380549</v>
      </c>
      <c r="AP69" s="8">
        <v>3.3797653021580194</v>
      </c>
      <c r="AQ69" s="8">
        <v>3.5210943649573032</v>
      </c>
      <c r="AR69" s="8">
        <v>3.3791652707022819</v>
      </c>
      <c r="AS69" s="8">
        <v>2.9358963469026764</v>
      </c>
      <c r="AT69" s="8">
        <v>2.908055995551615</v>
      </c>
      <c r="AU69" s="8">
        <v>3.3890984166407949</v>
      </c>
      <c r="AV69" s="8">
        <v>3.4448300405368779</v>
      </c>
      <c r="AW69" s="8">
        <v>3.0260077220077219</v>
      </c>
      <c r="AX69" s="8">
        <v>2.6942748492440556</v>
      </c>
      <c r="AY69" s="8">
        <v>3.2151558621696599</v>
      </c>
      <c r="AZ69" s="8">
        <v>3.4639474356634423</v>
      </c>
      <c r="BA69" s="8">
        <v>3.6681251370674155</v>
      </c>
      <c r="BB69" s="8">
        <v>4.1439562785596786</v>
      </c>
      <c r="BC69" s="8">
        <v>4.8498614246969103</v>
      </c>
      <c r="BD69" s="8">
        <v>3.7361217129667796</v>
      </c>
      <c r="BE69" s="17"/>
    </row>
    <row r="70" spans="3:57" x14ac:dyDescent="0.2">
      <c r="C70" s="5" t="s">
        <v>116</v>
      </c>
      <c r="D70" s="6" t="s">
        <v>58</v>
      </c>
      <c r="E70" s="8">
        <v>8.7970978183092985</v>
      </c>
      <c r="F70" s="8">
        <v>9.0257221279742819</v>
      </c>
      <c r="G70" s="8">
        <v>10.449774549352213</v>
      </c>
      <c r="H70" s="8">
        <v>7.8397111867158351</v>
      </c>
      <c r="I70" s="62">
        <v>8.1381606808686993</v>
      </c>
      <c r="J70" s="8">
        <v>7.6689799077118765</v>
      </c>
      <c r="K70" s="8">
        <v>6.6692842576380835</v>
      </c>
      <c r="L70" s="8">
        <v>6.6975430650349317</v>
      </c>
      <c r="M70" s="8">
        <v>8.41</v>
      </c>
      <c r="N70" s="8">
        <v>7.6983634829343428</v>
      </c>
      <c r="O70" s="8">
        <v>7.6147183079347451</v>
      </c>
      <c r="P70" s="8">
        <v>5.9210377962417144</v>
      </c>
      <c r="Q70" s="8">
        <v>5.4959462706827606</v>
      </c>
      <c r="R70" s="8">
        <v>5.9523862055885699</v>
      </c>
      <c r="S70" s="8">
        <v>5.7941328355201867</v>
      </c>
      <c r="T70" s="8">
        <v>5.789040307220807</v>
      </c>
      <c r="U70" s="8">
        <v>5.2247906944455158</v>
      </c>
      <c r="V70" s="8">
        <v>5.3854936083155422</v>
      </c>
      <c r="W70" s="8">
        <v>6.2919915952069969</v>
      </c>
      <c r="X70" s="8">
        <v>6.85</v>
      </c>
      <c r="Y70" s="8">
        <v>6.8172863613870813</v>
      </c>
      <c r="Z70" s="8">
        <v>6.3791477787851303</v>
      </c>
      <c r="AA70" s="8">
        <v>6.2070053450118969</v>
      </c>
      <c r="AB70" s="8">
        <v>6.3524403072421363</v>
      </c>
      <c r="AC70" s="8">
        <v>5.3722715725707957</v>
      </c>
      <c r="AD70" s="8">
        <v>5.1931618472162278</v>
      </c>
      <c r="AE70" s="8">
        <v>5.5150225598129294</v>
      </c>
      <c r="AF70" s="8">
        <v>6.1614731254764168</v>
      </c>
      <c r="AG70" s="8">
        <v>6.2720804862259945</v>
      </c>
      <c r="AH70" s="8">
        <v>6.2626880407219572</v>
      </c>
      <c r="AI70" s="8">
        <v>5.8599682142622322</v>
      </c>
      <c r="AJ70" s="8">
        <v>5.4716686829374845</v>
      </c>
      <c r="AK70" s="8">
        <v>5.6692217310697499</v>
      </c>
      <c r="AL70" s="8">
        <v>5.7520745137400748</v>
      </c>
      <c r="AM70" s="8">
        <v>5.6217164976499356</v>
      </c>
      <c r="AN70" s="8">
        <v>5.5748939778779194</v>
      </c>
      <c r="AO70" s="8">
        <v>5.451990415324385</v>
      </c>
      <c r="AP70" s="8">
        <v>5.6572076465930028</v>
      </c>
      <c r="AQ70" s="8">
        <v>6.3827800073276926</v>
      </c>
      <c r="AR70" s="8">
        <v>6.3117758197990144</v>
      </c>
      <c r="AS70" s="8">
        <v>6.4334349860013473</v>
      </c>
      <c r="AT70" s="8">
        <v>6.1197596052819598</v>
      </c>
      <c r="AU70" s="8">
        <v>5.8973154139871387</v>
      </c>
      <c r="AV70" s="8">
        <v>7.3417469996128535</v>
      </c>
      <c r="AW70" s="8">
        <v>6.9599035399186731</v>
      </c>
      <c r="AX70" s="8">
        <v>6.6243462613895971</v>
      </c>
      <c r="AY70" s="8">
        <v>7.5330587509875331</v>
      </c>
      <c r="AZ70" s="8">
        <v>7.7672957685012669</v>
      </c>
      <c r="BA70" s="8">
        <v>6.9230247486391594</v>
      </c>
      <c r="BB70" s="8">
        <v>7.4933959406479502</v>
      </c>
      <c r="BC70" s="8">
        <v>7.324521732810001</v>
      </c>
      <c r="BD70" s="8">
        <v>7.696647302904565</v>
      </c>
      <c r="BE70" s="17"/>
    </row>
    <row r="71" spans="3:57" x14ac:dyDescent="0.2">
      <c r="C71" s="5" t="s">
        <v>68</v>
      </c>
      <c r="D71" s="6" t="s">
        <v>58</v>
      </c>
      <c r="E71" s="8">
        <v>2.7679725996020212</v>
      </c>
      <c r="F71" s="8">
        <v>3.1416354529616726</v>
      </c>
      <c r="G71" s="8">
        <v>3.37459977388355</v>
      </c>
      <c r="H71" s="8">
        <v>2.9616401799427057</v>
      </c>
      <c r="I71" s="62">
        <v>3.4070233595772099</v>
      </c>
      <c r="J71" s="8">
        <v>3.6059226897568992</v>
      </c>
      <c r="K71" s="8">
        <v>3.0809401997426629</v>
      </c>
      <c r="L71" s="8">
        <v>3.5143077243968572</v>
      </c>
      <c r="M71" s="8">
        <v>3.1514275038284842</v>
      </c>
      <c r="N71" s="8">
        <v>2.9537001124227094</v>
      </c>
      <c r="O71" s="8">
        <v>2.7947010288101066</v>
      </c>
      <c r="P71" s="8">
        <v>3.2230157539384852</v>
      </c>
      <c r="Q71" s="8">
        <v>2.9261795689163796</v>
      </c>
      <c r="R71" s="8">
        <v>3.1371462348066617</v>
      </c>
      <c r="S71" s="8">
        <v>3.0123170802110639</v>
      </c>
      <c r="T71" s="8">
        <v>2.7409205325281363</v>
      </c>
      <c r="U71" s="8">
        <v>2.8480605578420723</v>
      </c>
      <c r="V71" s="8">
        <v>3.0383395401803579</v>
      </c>
      <c r="W71" s="8">
        <v>3.074761040938816</v>
      </c>
      <c r="X71" s="8">
        <v>2.91</v>
      </c>
      <c r="Y71" s="8">
        <v>3.7398886190968734</v>
      </c>
      <c r="Z71" s="8">
        <v>2.7652763564371585</v>
      </c>
      <c r="AA71" s="8">
        <v>2.9453233761529245</v>
      </c>
      <c r="AB71" s="8">
        <v>2.9376261653648177</v>
      </c>
      <c r="AC71" s="8">
        <v>2.7475094537993252</v>
      </c>
      <c r="AD71" s="8">
        <v>2.9042616880111094</v>
      </c>
      <c r="AE71" s="8">
        <v>2.8041826645837049</v>
      </c>
      <c r="AF71" s="8">
        <v>2.7742653221581977</v>
      </c>
      <c r="AG71" s="8">
        <v>2.5846671977584266</v>
      </c>
      <c r="AH71" s="8">
        <v>2.6498184932800948</v>
      </c>
      <c r="AI71" s="8">
        <v>2.4479796030609307</v>
      </c>
      <c r="AJ71" s="8">
        <v>2.4199865016536926</v>
      </c>
      <c r="AK71" s="8">
        <v>2.4535880135364128</v>
      </c>
      <c r="AL71" s="8">
        <v>2.4619370063071178</v>
      </c>
      <c r="AM71" s="8">
        <v>2.598708220605729</v>
      </c>
      <c r="AN71" s="8">
        <v>2.7662926704194488</v>
      </c>
      <c r="AO71" s="8">
        <v>2.5564556465068802</v>
      </c>
      <c r="AP71" s="8">
        <v>2.5464579897456612</v>
      </c>
      <c r="AQ71" s="8">
        <v>2.4784714379514119</v>
      </c>
      <c r="AR71" s="8">
        <v>2.4782045614605344</v>
      </c>
      <c r="AS71" s="8">
        <v>2.5650880157861833</v>
      </c>
      <c r="AT71" s="8">
        <v>2.595099969385112</v>
      </c>
      <c r="AU71" s="8">
        <v>2.7489692749476697</v>
      </c>
      <c r="AV71" s="8">
        <v>3.0768840835445475</v>
      </c>
      <c r="AW71" s="8">
        <v>3.0532569824311229</v>
      </c>
      <c r="AX71" s="8">
        <v>3.0920632358526392</v>
      </c>
      <c r="AY71" s="8">
        <v>3.3617973729019699</v>
      </c>
      <c r="AZ71" s="8">
        <v>3.1491235346578268</v>
      </c>
      <c r="BA71" s="8">
        <v>2.8001604096288268</v>
      </c>
      <c r="BB71" s="8">
        <v>3.2257978973990231</v>
      </c>
      <c r="BC71" s="8">
        <v>3.4567611789274264</v>
      </c>
      <c r="BD71" s="8">
        <v>3.7637595408555709</v>
      </c>
      <c r="BE71" s="17"/>
    </row>
    <row r="72" spans="3:57" x14ac:dyDescent="0.2">
      <c r="C72" s="5" t="s">
        <v>69</v>
      </c>
      <c r="D72" s="6" t="s">
        <v>58</v>
      </c>
      <c r="E72" s="8">
        <v>2.7341929595429582</v>
      </c>
      <c r="F72" s="8">
        <v>3.0965536506215501</v>
      </c>
      <c r="G72" s="8">
        <v>3.0375745847329436</v>
      </c>
      <c r="H72" s="8">
        <v>2.0681347909658818</v>
      </c>
      <c r="I72" s="62">
        <v>2.5131884588863991</v>
      </c>
      <c r="J72" s="8">
        <v>1.8632413121492712</v>
      </c>
      <c r="K72" s="8">
        <v>1.4302198536090185</v>
      </c>
      <c r="L72" s="8">
        <v>2.2003755578566198</v>
      </c>
      <c r="M72" s="8">
        <v>1.6070559614333282</v>
      </c>
      <c r="N72" s="8">
        <v>1.9398059684265874</v>
      </c>
      <c r="O72" s="8">
        <v>1.7726350523094003</v>
      </c>
      <c r="P72" s="8">
        <v>1.8158187533252204</v>
      </c>
      <c r="Q72" s="8">
        <v>1.7662665930294483</v>
      </c>
      <c r="R72" s="8">
        <v>1.7609269760066819</v>
      </c>
      <c r="S72" s="8">
        <v>1.5854646849707825</v>
      </c>
      <c r="T72" s="8">
        <v>1.4807224324081312</v>
      </c>
      <c r="U72" s="8">
        <v>1.5066394070090929</v>
      </c>
      <c r="V72" s="8">
        <v>1.5386594460512037</v>
      </c>
      <c r="W72" s="8">
        <v>1.6218970647640831</v>
      </c>
      <c r="X72" s="8">
        <v>1.54</v>
      </c>
      <c r="Y72" s="8">
        <v>1.5737500766824122</v>
      </c>
      <c r="Z72" s="8">
        <v>1.4767079612662197</v>
      </c>
      <c r="AA72" s="8">
        <v>1.7099401205177329</v>
      </c>
      <c r="AB72" s="8">
        <v>1.5640130808909594</v>
      </c>
      <c r="AC72" s="8">
        <v>1.6779376558932602</v>
      </c>
      <c r="AD72" s="8">
        <v>1.7395826670048855</v>
      </c>
      <c r="AE72" s="8">
        <v>2.1201146280136074</v>
      </c>
      <c r="AF72" s="8">
        <v>1.7978254810263856</v>
      </c>
      <c r="AG72" s="8">
        <v>1.7157377808792744</v>
      </c>
      <c r="AH72" s="8">
        <v>1.9629696994271217</v>
      </c>
      <c r="AI72" s="8">
        <v>2.1264851585292348</v>
      </c>
      <c r="AJ72" s="8">
        <v>1.9782448838481936</v>
      </c>
      <c r="AK72" s="8">
        <v>1.9403626052623737</v>
      </c>
      <c r="AL72" s="8">
        <v>1.9516365155539064</v>
      </c>
      <c r="AM72" s="8">
        <v>1.6601688329154543</v>
      </c>
      <c r="AN72" s="8">
        <v>1.928576382775528</v>
      </c>
      <c r="AO72" s="8">
        <v>1.98505875364361</v>
      </c>
      <c r="AP72" s="8">
        <v>1.9869790104192881</v>
      </c>
      <c r="AQ72" s="8">
        <v>2.0785554702110605</v>
      </c>
      <c r="AR72" s="8">
        <v>2.0865900702333207</v>
      </c>
      <c r="AS72" s="8">
        <v>1.9414024795218068</v>
      </c>
      <c r="AT72" s="8">
        <v>2.0407592647120683</v>
      </c>
      <c r="AU72" s="8">
        <v>2.3663273648598002</v>
      </c>
      <c r="AV72" s="8">
        <v>2.5508458483366998</v>
      </c>
      <c r="AW72" s="8">
        <v>2.4232569412385407</v>
      </c>
      <c r="AX72" s="8">
        <v>2.4087826236808807</v>
      </c>
      <c r="AY72" s="8">
        <v>2.1576245886283605</v>
      </c>
      <c r="AZ72" s="8">
        <v>2.0783347923404745</v>
      </c>
      <c r="BA72" s="8">
        <v>2.131491549673612</v>
      </c>
      <c r="BB72" s="8">
        <v>3.0087828897077817</v>
      </c>
      <c r="BC72" s="8">
        <v>2.3957773318078663</v>
      </c>
      <c r="BD72" s="8">
        <v>2.6190718072289161</v>
      </c>
      <c r="BE72" s="17"/>
    </row>
    <row r="73" spans="3:57" x14ac:dyDescent="0.2">
      <c r="C73" s="5" t="s">
        <v>70</v>
      </c>
      <c r="D73" s="6" t="s">
        <v>58</v>
      </c>
      <c r="E73" s="8">
        <v>2.2802869253342024</v>
      </c>
      <c r="F73" s="8">
        <v>2.7146263094853316</v>
      </c>
      <c r="G73" s="8">
        <v>2.9734608420099593</v>
      </c>
      <c r="H73" s="8">
        <v>2.4444650866530426</v>
      </c>
      <c r="I73" s="62">
        <v>2.7375625923124036</v>
      </c>
      <c r="J73" s="8">
        <v>2.5540113144506034</v>
      </c>
      <c r="K73" s="8">
        <v>2.6593456407904288</v>
      </c>
      <c r="L73" s="8">
        <v>2.992673031026253</v>
      </c>
      <c r="M73" s="8">
        <v>1.8945138167852986</v>
      </c>
      <c r="N73" s="8">
        <v>1.6149844311992598</v>
      </c>
      <c r="O73" s="8">
        <v>1.5931460577539438</v>
      </c>
      <c r="P73" s="8">
        <v>1.502790652350007</v>
      </c>
      <c r="Q73" s="8">
        <v>1.6018606882274231</v>
      </c>
      <c r="R73" s="8">
        <v>1.5280338707653287</v>
      </c>
      <c r="S73" s="8">
        <v>1.3815259581329724</v>
      </c>
      <c r="T73" s="8">
        <v>1.6157851429411065</v>
      </c>
      <c r="U73" s="8">
        <v>1.7454838935084902</v>
      </c>
      <c r="V73" s="8">
        <v>2.1773235320166502</v>
      </c>
      <c r="W73" s="8">
        <v>2.3264570586619384</v>
      </c>
      <c r="X73" s="8">
        <v>2.48</v>
      </c>
      <c r="Y73" s="8">
        <v>2.4554529536566041</v>
      </c>
      <c r="Z73" s="8">
        <v>2.5541081888587489</v>
      </c>
      <c r="AA73" s="8">
        <v>2.8819899128312012</v>
      </c>
      <c r="AB73" s="8">
        <v>2.8665885465631629</v>
      </c>
      <c r="AC73" s="8">
        <v>2.8917109381987305</v>
      </c>
      <c r="AD73" s="8">
        <v>2.8278397565922919</v>
      </c>
      <c r="AE73" s="8">
        <v>2.971954091992584</v>
      </c>
      <c r="AF73" s="8">
        <v>2.9498625114573787</v>
      </c>
      <c r="AG73" s="8">
        <v>2.8930544304285766</v>
      </c>
      <c r="AH73" s="8">
        <v>2.8887653000594176</v>
      </c>
      <c r="AI73" s="8">
        <v>2.9699463687472138</v>
      </c>
      <c r="AJ73" s="8">
        <v>2.9130098820529162</v>
      </c>
      <c r="AK73" s="8">
        <v>2.9574443383055331</v>
      </c>
      <c r="AL73" s="8">
        <v>3.3812875915737859</v>
      </c>
      <c r="AM73" s="8">
        <v>3.266503026547829</v>
      </c>
      <c r="AN73" s="8">
        <v>3.3943669591730501</v>
      </c>
      <c r="AO73" s="8">
        <v>3.3018716577540106</v>
      </c>
      <c r="AP73" s="8">
        <v>3.4040278830125774</v>
      </c>
      <c r="AQ73" s="8">
        <v>3.3358071542451664</v>
      </c>
      <c r="AR73" s="8">
        <v>3.4513659116927435</v>
      </c>
      <c r="AS73" s="8">
        <v>3.3700054790072849</v>
      </c>
      <c r="AT73" s="8">
        <v>3.1785622705797634</v>
      </c>
      <c r="AU73" s="8">
        <v>3.1007713648479576</v>
      </c>
      <c r="AV73" s="8">
        <v>3.5134125090383224</v>
      </c>
      <c r="AW73" s="8">
        <v>3.3770863457963234</v>
      </c>
      <c r="AX73" s="8">
        <v>3.3785186349764169</v>
      </c>
      <c r="AY73" s="8">
        <v>3.464699382935418</v>
      </c>
      <c r="AZ73" s="8">
        <v>3.3526876065431068</v>
      </c>
      <c r="BA73" s="8">
        <v>3.1978583636768962</v>
      </c>
      <c r="BB73" s="8">
        <v>3.7928778132084862</v>
      </c>
      <c r="BC73" s="8">
        <v>3.4673687006678811</v>
      </c>
      <c r="BD73" s="8">
        <v>3.6172381497476453</v>
      </c>
      <c r="BE73" s="17"/>
    </row>
    <row r="74" spans="3:57" x14ac:dyDescent="0.2">
      <c r="C74" s="5" t="s">
        <v>101</v>
      </c>
      <c r="D74" s="6" t="s">
        <v>58</v>
      </c>
      <c r="E74" s="8">
        <v>4.4069938423645318</v>
      </c>
      <c r="F74" s="8">
        <v>5.5207831343418245</v>
      </c>
      <c r="G74" s="8">
        <v>4.6484328206518057</v>
      </c>
      <c r="H74" s="8">
        <v>6.1062842775729136</v>
      </c>
      <c r="I74" s="62">
        <v>6.4480702416918421</v>
      </c>
      <c r="J74" s="8">
        <v>5.4121207221773107</v>
      </c>
      <c r="K74" s="8">
        <v>4.7409788696537678</v>
      </c>
      <c r="L74" s="8">
        <v>4.3758604999732347</v>
      </c>
      <c r="M74" s="8">
        <v>4.6064974619289334</v>
      </c>
      <c r="N74" s="8">
        <v>7.1377447018235598</v>
      </c>
      <c r="O74" s="8">
        <v>6.5381972299168982</v>
      </c>
      <c r="P74" s="8">
        <v>7.2453926804174227</v>
      </c>
      <c r="Q74" s="8">
        <v>5.0616137877007441</v>
      </c>
      <c r="R74" s="8">
        <v>7.4760605758195702</v>
      </c>
      <c r="S74" s="8">
        <v>4.9540910322405853</v>
      </c>
      <c r="T74" s="8">
        <v>5.6071340908191143</v>
      </c>
      <c r="U74" s="8">
        <v>6.2058463373896453</v>
      </c>
      <c r="V74" s="8">
        <v>6.1101065353858983</v>
      </c>
      <c r="W74" s="8">
        <v>6.1206294433847752</v>
      </c>
      <c r="X74" s="8">
        <v>7.01</v>
      </c>
      <c r="Y74" s="8">
        <v>6.6682100310341372</v>
      </c>
      <c r="Z74" s="8">
        <v>6.1548469655606883</v>
      </c>
      <c r="AA74" s="8">
        <v>6.0944322642926085</v>
      </c>
      <c r="AB74" s="8">
        <v>6.6605228032728565</v>
      </c>
      <c r="AC74" s="8">
        <v>5.2317345433600719</v>
      </c>
      <c r="AD74" s="8">
        <v>5.3514168597548135</v>
      </c>
      <c r="AE74" s="8">
        <v>5.2606387626188091</v>
      </c>
      <c r="AF74" s="8">
        <v>5.6404993117552209</v>
      </c>
      <c r="AG74" s="8">
        <v>5.5438739402630342</v>
      </c>
      <c r="AH74" s="8">
        <v>5.3997687272826651</v>
      </c>
      <c r="AI74" s="8">
        <v>5.0989389058546939</v>
      </c>
      <c r="AJ74" s="8">
        <v>4.9166706452395088</v>
      </c>
      <c r="AK74" s="8">
        <v>5.1232890134324798</v>
      </c>
      <c r="AL74" s="8">
        <v>5.7316863538809102</v>
      </c>
      <c r="AM74" s="8">
        <v>5.2906565065621409</v>
      </c>
      <c r="AN74" s="8">
        <v>5.0666363789498714</v>
      </c>
      <c r="AO74" s="8">
        <v>5.6194156921836198</v>
      </c>
      <c r="AP74" s="8">
        <v>5.3279022580005293</v>
      </c>
      <c r="AQ74" s="8">
        <v>5.6180170300756247</v>
      </c>
      <c r="AR74" s="8">
        <v>5.7015173146518805</v>
      </c>
      <c r="AS74" s="8">
        <v>5.7604738970019662</v>
      </c>
      <c r="AT74" s="8">
        <v>5.3110385322831668</v>
      </c>
      <c r="AU74" s="8">
        <v>5.2158506265378977</v>
      </c>
      <c r="AV74" s="8">
        <v>5.5408626607477922</v>
      </c>
      <c r="AW74" s="8">
        <v>5.5613331023931174</v>
      </c>
      <c r="AX74" s="8">
        <v>5.3124134343266194</v>
      </c>
      <c r="AY74" s="8">
        <v>5.2742082197117259</v>
      </c>
      <c r="AZ74" s="8">
        <v>5.4918987830790025</v>
      </c>
      <c r="BA74" s="8">
        <v>4.8309990539678358</v>
      </c>
      <c r="BB74" s="8">
        <v>5.1254133303469773</v>
      </c>
      <c r="BC74" s="8">
        <v>5.40318851342988</v>
      </c>
      <c r="BD74" s="8">
        <v>6.361166550360549</v>
      </c>
      <c r="BE74" s="17"/>
    </row>
    <row r="75" spans="3:57" x14ac:dyDescent="0.2">
      <c r="C75" s="5" t="s">
        <v>71</v>
      </c>
      <c r="D75" s="6" t="s">
        <v>58</v>
      </c>
      <c r="E75" s="8">
        <v>3.2624159487076736</v>
      </c>
      <c r="F75" s="8">
        <v>3.5089993137438391</v>
      </c>
      <c r="G75" s="8">
        <v>3.5642409927737915</v>
      </c>
      <c r="H75" s="8">
        <v>3.2537832326574585</v>
      </c>
      <c r="I75" s="62">
        <v>3.3054854239101363</v>
      </c>
      <c r="J75" s="8">
        <v>3.2765974162011173</v>
      </c>
      <c r="K75" s="8">
        <v>3.2756870604781998</v>
      </c>
      <c r="L75" s="8">
        <v>3.9100769200426018</v>
      </c>
      <c r="M75" s="8">
        <v>3.8425981918205463</v>
      </c>
      <c r="N75" s="8">
        <v>3.4076337886953256</v>
      </c>
      <c r="O75" s="8">
        <v>3.4043556120149159</v>
      </c>
      <c r="P75" s="8">
        <v>3.4098467380048323</v>
      </c>
      <c r="Q75" s="8">
        <v>3.7209205893254267</v>
      </c>
      <c r="R75" s="8">
        <v>3.5440471576227393</v>
      </c>
      <c r="S75" s="8">
        <v>3.5141671906542675</v>
      </c>
      <c r="T75" s="8">
        <v>3.6104760523338459</v>
      </c>
      <c r="U75" s="8">
        <v>3.4612032441593028</v>
      </c>
      <c r="V75" s="8">
        <v>3.4354783372365341</v>
      </c>
      <c r="W75" s="8">
        <v>3.4322054747512074</v>
      </c>
      <c r="X75" s="8">
        <v>3.45</v>
      </c>
      <c r="Y75" s="8">
        <v>3.4203018774703557</v>
      </c>
      <c r="Z75" s="8">
        <v>3.7846487444608568</v>
      </c>
      <c r="AA75" s="8">
        <v>3.9323284132841332</v>
      </c>
      <c r="AB75" s="8">
        <v>3.988046107389752</v>
      </c>
      <c r="AC75" s="8">
        <v>4.1249748989521926</v>
      </c>
      <c r="AD75" s="8">
        <v>4.0061080657791708</v>
      </c>
      <c r="AE75" s="8">
        <v>3.801334535298901</v>
      </c>
      <c r="AF75" s="8">
        <v>3.8889746112290511</v>
      </c>
      <c r="AG75" s="8">
        <v>4.03120760602018</v>
      </c>
      <c r="AH75" s="8">
        <v>3.9470939134238727</v>
      </c>
      <c r="AI75" s="8">
        <v>3.9514915927406062</v>
      </c>
      <c r="AJ75" s="8">
        <v>3.805858787076132</v>
      </c>
      <c r="AK75" s="8">
        <v>3.6580374591473741</v>
      </c>
      <c r="AL75" s="8">
        <v>3.7772466326076293</v>
      </c>
      <c r="AM75" s="8">
        <v>3.8728507490520299</v>
      </c>
      <c r="AN75" s="8">
        <v>3.8312021169005694</v>
      </c>
      <c r="AO75" s="8">
        <v>3.7214907804313806</v>
      </c>
      <c r="AP75" s="8">
        <v>4.0917540976051852</v>
      </c>
      <c r="AQ75" s="8">
        <v>3.4944498897329086</v>
      </c>
      <c r="AR75" s="8">
        <v>3.4940282831868879</v>
      </c>
      <c r="AS75" s="8">
        <v>3.491252189755448</v>
      </c>
      <c r="AT75" s="8">
        <v>3.4952680870606372</v>
      </c>
      <c r="AU75" s="8">
        <v>3.4930075269990182</v>
      </c>
      <c r="AV75" s="8">
        <v>3.348863496311425</v>
      </c>
      <c r="AW75" s="8">
        <v>3.4914828139866789</v>
      </c>
      <c r="AX75" s="8">
        <v>3.5198498413970056</v>
      </c>
      <c r="AY75" s="8">
        <v>3.585209003215434</v>
      </c>
      <c r="AZ75" s="8">
        <v>3.5817658708917675</v>
      </c>
      <c r="BA75" s="8">
        <v>3.5760466839570211</v>
      </c>
      <c r="BB75" s="8">
        <v>3.6247825942644716</v>
      </c>
      <c r="BC75" s="8">
        <v>3.6260152709249627</v>
      </c>
      <c r="BD75" s="8">
        <v>3.6111977500533161</v>
      </c>
      <c r="BE75" s="17"/>
    </row>
    <row r="76" spans="3:57" x14ac:dyDescent="0.2">
      <c r="C76" s="5" t="s">
        <v>102</v>
      </c>
      <c r="D76" s="6" t="s">
        <v>58</v>
      </c>
      <c r="E76" s="8">
        <v>5.6133529644852267</v>
      </c>
      <c r="F76" s="8">
        <v>5.6740096723124624</v>
      </c>
      <c r="G76" s="8">
        <v>5.8153167053557091</v>
      </c>
      <c r="H76" s="8">
        <v>5.6643215563949774</v>
      </c>
      <c r="I76" s="62">
        <v>6.0345089502831772</v>
      </c>
      <c r="J76" s="8">
        <v>6.044361486466042</v>
      </c>
      <c r="K76" s="8">
        <v>5.7618470575212051</v>
      </c>
      <c r="L76" s="8">
        <v>5.8226821398099853</v>
      </c>
      <c r="M76" s="8">
        <v>5.6876506551272534</v>
      </c>
      <c r="N76" s="8">
        <v>5.6817434055171443</v>
      </c>
      <c r="O76" s="8">
        <v>5.7473100301252948</v>
      </c>
      <c r="P76" s="8">
        <v>5.7210886693814285</v>
      </c>
      <c r="Q76" s="8">
        <v>5.7907423097156459</v>
      </c>
      <c r="R76" s="8">
        <v>5.8531382509613001</v>
      </c>
      <c r="S76" s="8">
        <v>6.008314698323808</v>
      </c>
      <c r="T76" s="8">
        <v>5.9756924952283192</v>
      </c>
      <c r="U76" s="8">
        <v>6.1199149263707984</v>
      </c>
      <c r="V76" s="8">
        <v>6.2034882201597581</v>
      </c>
      <c r="W76" s="8">
        <v>6.1910498643147909</v>
      </c>
      <c r="X76" s="8">
        <v>6.35</v>
      </c>
      <c r="Y76" s="8">
        <v>6.5485059015225406</v>
      </c>
      <c r="Z76" s="8">
        <v>6.4746517804391877</v>
      </c>
      <c r="AA76" s="8">
        <v>6.5751098987402745</v>
      </c>
      <c r="AB76" s="8">
        <v>6.4406363905676018</v>
      </c>
      <c r="AC76" s="8">
        <v>6.4268781792285559</v>
      </c>
      <c r="AD76" s="8">
        <v>6.4863245283018873</v>
      </c>
      <c r="AE76" s="8">
        <v>6.5607902142241414</v>
      </c>
      <c r="AF76" s="8">
        <v>6.5593340446455546</v>
      </c>
      <c r="AG76" s="8">
        <v>6.5822540488929722</v>
      </c>
      <c r="AH76" s="8">
        <v>6.5641023307277724</v>
      </c>
      <c r="AI76" s="8">
        <v>6.6971899639183583</v>
      </c>
      <c r="AJ76" s="8">
        <v>6.740587779853386</v>
      </c>
      <c r="AK76" s="8">
        <v>6.7241779102573975</v>
      </c>
      <c r="AL76" s="8">
        <v>6.6377237431669318</v>
      </c>
      <c r="AM76" s="8">
        <v>6.6859442409217182</v>
      </c>
      <c r="AN76" s="8">
        <v>6.663946375357523</v>
      </c>
      <c r="AO76" s="8">
        <v>6.5199310367568435</v>
      </c>
      <c r="AP76" s="8">
        <v>6.3946238143302265</v>
      </c>
      <c r="AQ76" s="8">
        <v>6.3963977727535477</v>
      </c>
      <c r="AR76" s="8">
        <v>6.3548791762975423</v>
      </c>
      <c r="AS76" s="8">
        <v>6.3658391224862889</v>
      </c>
      <c r="AT76" s="8">
        <v>6.3189530219102776</v>
      </c>
      <c r="AU76" s="8">
        <v>6.311524478767593</v>
      </c>
      <c r="AV76" s="8">
        <v>6.0241891631315072</v>
      </c>
      <c r="AW76" s="8">
        <v>5.9934453244851067</v>
      </c>
      <c r="AX76" s="8">
        <v>5.8789280806756699</v>
      </c>
      <c r="AY76" s="8">
        <v>5.716508354330597</v>
      </c>
      <c r="AZ76" s="8">
        <v>5.6713504985560306</v>
      </c>
      <c r="BA76" s="8">
        <v>5.5827627123048007</v>
      </c>
      <c r="BB76" s="8">
        <v>5.6232739543345529</v>
      </c>
      <c r="BC76" s="8">
        <v>5.8101548125344769</v>
      </c>
      <c r="BD76" s="8">
        <v>5.800930056807629</v>
      </c>
      <c r="BE76" s="17"/>
    </row>
    <row r="77" spans="3:57" x14ac:dyDescent="0.2">
      <c r="C77" s="5" t="s">
        <v>72</v>
      </c>
      <c r="D77" s="6" t="s">
        <v>58</v>
      </c>
      <c r="E77" s="8">
        <v>6.6984511865759595</v>
      </c>
      <c r="F77" s="8">
        <v>6.2724276356529689</v>
      </c>
      <c r="G77" s="8">
        <v>5.9279558934851142</v>
      </c>
      <c r="H77" s="8">
        <v>5.4843645416260394</v>
      </c>
      <c r="I77" s="62">
        <v>5.152375890990605</v>
      </c>
      <c r="J77" s="8">
        <v>5.3646091712069888</v>
      </c>
      <c r="K77" s="8">
        <v>5.6899475524475527</v>
      </c>
      <c r="L77" s="8">
        <v>5.6869627149556683</v>
      </c>
      <c r="M77" s="8">
        <v>5.4689212183246392</v>
      </c>
      <c r="N77" s="8">
        <v>5.4112245458771318</v>
      </c>
      <c r="O77" s="8">
        <v>5.5060507206613991</v>
      </c>
      <c r="P77" s="8">
        <v>5.3724988325939771</v>
      </c>
      <c r="Q77" s="8">
        <v>5.0181307126195858</v>
      </c>
      <c r="R77" s="8">
        <v>5.29753357168725</v>
      </c>
      <c r="S77" s="8">
        <v>5.27083822052544</v>
      </c>
      <c r="T77" s="8">
        <v>5.0447630717052014</v>
      </c>
      <c r="U77" s="8">
        <v>4.9827791750564252</v>
      </c>
      <c r="V77" s="8">
        <v>4.9685923298603418</v>
      </c>
      <c r="W77" s="8">
        <v>5.3519666965794173</v>
      </c>
      <c r="X77" s="8">
        <v>5.28</v>
      </c>
      <c r="Y77" s="8">
        <v>5.2604039854214983</v>
      </c>
      <c r="Z77" s="8">
        <v>5.0716030555645961</v>
      </c>
      <c r="AA77" s="8">
        <v>5.1104817380748058</v>
      </c>
      <c r="AB77" s="8">
        <v>5.2459965155870849</v>
      </c>
      <c r="AC77" s="8">
        <v>5.5242737427331114</v>
      </c>
      <c r="AD77" s="8">
        <v>5.480805486398209</v>
      </c>
      <c r="AE77" s="8">
        <v>5.4126859382537873</v>
      </c>
      <c r="AF77" s="8">
        <v>5.463344827586206</v>
      </c>
      <c r="AG77" s="8">
        <v>6.0007361833899626</v>
      </c>
      <c r="AH77" s="8">
        <v>6.0892136932464576</v>
      </c>
      <c r="AI77" s="8">
        <v>6.6151722293757071</v>
      </c>
      <c r="AJ77" s="8">
        <v>6.6924720279202514</v>
      </c>
      <c r="AK77" s="8">
        <v>6.5247554294592227</v>
      </c>
      <c r="AL77" s="8">
        <v>6.0476293239824734</v>
      </c>
      <c r="AM77" s="8">
        <v>5.6051461071137858</v>
      </c>
      <c r="AN77" s="8">
        <v>5.980889131529703</v>
      </c>
      <c r="AO77" s="8">
        <v>6.4532537650155355</v>
      </c>
      <c r="AP77" s="8">
        <v>5.8899566134940393</v>
      </c>
      <c r="AQ77" s="8">
        <v>5.0887813024381012</v>
      </c>
      <c r="AR77" s="8">
        <v>5.0194931619926217</v>
      </c>
      <c r="AS77" s="8">
        <v>5.4625682731058047</v>
      </c>
      <c r="AT77" s="8">
        <v>5.3884256068262788</v>
      </c>
      <c r="AU77" s="8">
        <v>5.3590646609806294</v>
      </c>
      <c r="AV77" s="8">
        <v>5.4501564450444588</v>
      </c>
      <c r="AW77" s="8">
        <v>5.1874817642801929</v>
      </c>
      <c r="AX77" s="8">
        <v>5.3017920384284256</v>
      </c>
      <c r="AY77" s="8">
        <v>5.6004538910640198</v>
      </c>
      <c r="AZ77" s="8">
        <v>5.9862329122178446</v>
      </c>
      <c r="BA77" s="8">
        <v>6.2058451138862747</v>
      </c>
      <c r="BB77" s="8">
        <v>6.3054605726514259</v>
      </c>
      <c r="BC77" s="8">
        <v>6.4019479323704385</v>
      </c>
      <c r="BD77" s="8">
        <v>6.6795668525564835</v>
      </c>
      <c r="BE77" s="17"/>
    </row>
    <row r="78" spans="3:57" x14ac:dyDescent="0.2">
      <c r="C78" s="5" t="s">
        <v>73</v>
      </c>
      <c r="D78" s="6" t="s">
        <v>58</v>
      </c>
      <c r="E78" s="8">
        <v>3.5529449812556106</v>
      </c>
      <c r="F78" s="8">
        <v>3.5093844951818731</v>
      </c>
      <c r="G78" s="8">
        <v>3.2152492383390787</v>
      </c>
      <c r="H78" s="8">
        <v>4.5187406720814423</v>
      </c>
      <c r="I78" s="62">
        <v>4.599516318647483</v>
      </c>
      <c r="J78" s="8">
        <v>4.4032105525136886</v>
      </c>
      <c r="K78" s="8">
        <v>4.5610137536282993</v>
      </c>
      <c r="L78" s="8">
        <v>4.5847642778829867</v>
      </c>
      <c r="M78" s="8">
        <v>4.2228491427214943</v>
      </c>
      <c r="N78" s="8">
        <v>4.0158443493890923</v>
      </c>
      <c r="O78" s="8">
        <v>4.3373430459792504</v>
      </c>
      <c r="P78" s="8">
        <v>4.1937668329602147</v>
      </c>
      <c r="Q78" s="8">
        <v>4.495411552346571</v>
      </c>
      <c r="R78" s="8">
        <v>4.9661251536899895</v>
      </c>
      <c r="S78" s="8">
        <v>5.6892603947116305</v>
      </c>
      <c r="T78" s="8">
        <v>5.0882410896820121</v>
      </c>
      <c r="U78" s="8">
        <v>5.0552768670006492</v>
      </c>
      <c r="V78" s="8">
        <v>5.2609652954652173</v>
      </c>
      <c r="W78" s="8">
        <v>5.6424220284163109</v>
      </c>
      <c r="X78" s="8">
        <v>5.56</v>
      </c>
      <c r="Y78" s="8">
        <v>5.4574922625083957</v>
      </c>
      <c r="Z78" s="8">
        <v>5.7934597123428233</v>
      </c>
      <c r="AA78" s="8">
        <v>4.9826456900199005</v>
      </c>
      <c r="AB78" s="8">
        <v>4.8408337949643503</v>
      </c>
      <c r="AC78" s="8">
        <v>4.7416963902940923</v>
      </c>
      <c r="AD78" s="8">
        <v>4.703143599760077</v>
      </c>
      <c r="AE78" s="8">
        <v>4.6393508349432349</v>
      </c>
      <c r="AF78" s="8">
        <v>4.6727248406640962</v>
      </c>
      <c r="AG78" s="8">
        <v>4.4010575891069275</v>
      </c>
      <c r="AH78" s="8">
        <v>4.3909109283415475</v>
      </c>
      <c r="AI78" s="8">
        <v>4.1700023113208164</v>
      </c>
      <c r="AJ78" s="8">
        <v>4.1780764651607916</v>
      </c>
      <c r="AK78" s="8">
        <v>3.9737427030778871</v>
      </c>
      <c r="AL78" s="8">
        <v>4.0112783153407916</v>
      </c>
      <c r="AM78" s="8">
        <v>4.198856543404144</v>
      </c>
      <c r="AN78" s="8">
        <v>4.1797418013448153</v>
      </c>
      <c r="AO78" s="8">
        <v>4.2109103069557872</v>
      </c>
      <c r="AP78" s="8">
        <v>3.8208937074953764</v>
      </c>
      <c r="AQ78" s="8">
        <v>3.769700115185771</v>
      </c>
      <c r="AR78" s="8">
        <v>4.5576235355717003</v>
      </c>
      <c r="AS78" s="8">
        <v>5.0116090778156162</v>
      </c>
      <c r="AT78" s="8">
        <v>5.0168037520885136</v>
      </c>
      <c r="AU78" s="8">
        <v>4.7561032712033215</v>
      </c>
      <c r="AV78" s="8">
        <v>4.9452849580447156</v>
      </c>
      <c r="AW78" s="8">
        <v>5.1854116289631635</v>
      </c>
      <c r="AX78" s="8">
        <v>3.9347120483110762</v>
      </c>
      <c r="AY78" s="8">
        <v>3.723843268537637</v>
      </c>
      <c r="AZ78" s="8">
        <v>4.7941111675987118</v>
      </c>
      <c r="BA78" s="8">
        <v>4.7606490522688114</v>
      </c>
      <c r="BB78" s="8">
        <v>4.4610895230648948</v>
      </c>
      <c r="BC78" s="8">
        <v>4.5066525461320088</v>
      </c>
      <c r="BD78" s="8">
        <v>5.549227237164442</v>
      </c>
      <c r="BE78" s="17"/>
    </row>
    <row r="79" spans="3:57" x14ac:dyDescent="0.2">
      <c r="C79" s="5" t="s">
        <v>74</v>
      </c>
      <c r="D79" s="6" t="s">
        <v>58</v>
      </c>
      <c r="E79" s="8">
        <v>1.5938932169564068</v>
      </c>
      <c r="F79" s="8">
        <v>1.5911653202016485</v>
      </c>
      <c r="G79" s="8">
        <v>1.5925566133327049</v>
      </c>
      <c r="H79" s="8">
        <v>1.6429181742649619</v>
      </c>
      <c r="I79" s="62">
        <v>1.5933827084648773</v>
      </c>
      <c r="J79" s="8">
        <v>1.5022133348568818</v>
      </c>
      <c r="K79" s="8">
        <v>1.5998544255210261</v>
      </c>
      <c r="L79" s="8">
        <v>1.5634571587630952</v>
      </c>
      <c r="M79" s="8">
        <v>1.5603368649823419</v>
      </c>
      <c r="N79" s="8">
        <v>1.5555421575819497</v>
      </c>
      <c r="O79" s="8">
        <v>1.56561298590346</v>
      </c>
      <c r="P79" s="8">
        <v>1.5580337880345552</v>
      </c>
      <c r="Q79" s="8">
        <v>1.5749279023496008</v>
      </c>
      <c r="R79" s="8">
        <v>1.5579680902475246</v>
      </c>
      <c r="S79" s="8">
        <v>1.5568273396452508</v>
      </c>
      <c r="T79" s="8">
        <v>1.5365554239073196</v>
      </c>
      <c r="U79" s="8">
        <v>1.5329018923468802</v>
      </c>
      <c r="V79" s="8">
        <v>1.5377043469606111</v>
      </c>
      <c r="W79" s="8">
        <v>1.5557083248769379</v>
      </c>
      <c r="X79" s="8">
        <v>1.56</v>
      </c>
      <c r="Y79" s="8">
        <v>1.5470743118129642</v>
      </c>
      <c r="Z79" s="8">
        <v>1.5461039819665525</v>
      </c>
      <c r="AA79" s="8">
        <v>1.5596304612942566</v>
      </c>
      <c r="AB79" s="8">
        <v>1.5612063183312093</v>
      </c>
      <c r="AC79" s="8">
        <v>1.5686521642529643</v>
      </c>
      <c r="AD79" s="8">
        <v>1.5558711306548991</v>
      </c>
      <c r="AE79" s="8">
        <v>1.5505979789335294</v>
      </c>
      <c r="AF79" s="8">
        <v>1.4650188541305937</v>
      </c>
      <c r="AG79" s="8">
        <v>1.5374590417731382</v>
      </c>
      <c r="AH79" s="8">
        <v>1.481832043408766</v>
      </c>
      <c r="AI79" s="8">
        <v>1.5494514673051756</v>
      </c>
      <c r="AJ79" s="8">
        <v>1.5364413702797015</v>
      </c>
      <c r="AK79" s="8">
        <v>1.5411640819590657</v>
      </c>
      <c r="AL79" s="8">
        <v>1.5381181391628327</v>
      </c>
      <c r="AM79" s="8">
        <v>1.5515749396435978</v>
      </c>
      <c r="AN79" s="8">
        <v>1.5498988522830484</v>
      </c>
      <c r="AO79" s="8">
        <v>1.5548851022607477</v>
      </c>
      <c r="AP79" s="8">
        <v>1.5600669966158471</v>
      </c>
      <c r="AQ79" s="8">
        <v>1.5520500897345675</v>
      </c>
      <c r="AR79" s="8">
        <v>1.5643884214803143</v>
      </c>
      <c r="AS79" s="8">
        <v>1.5545732367364995</v>
      </c>
      <c r="AT79" s="8">
        <v>1.5467168810061747</v>
      </c>
      <c r="AU79" s="8">
        <v>1.5501365976169708</v>
      </c>
      <c r="AV79" s="8">
        <v>1.5443141449863091</v>
      </c>
      <c r="AW79" s="8">
        <v>1.536758092582498</v>
      </c>
      <c r="AX79" s="8">
        <v>1.5414863405574819</v>
      </c>
      <c r="AY79" s="8">
        <v>1.5491949502070781</v>
      </c>
      <c r="AZ79" s="8">
        <v>1.5326383881407946</v>
      </c>
      <c r="BA79" s="8">
        <v>1.5394948777105575</v>
      </c>
      <c r="BB79" s="8">
        <v>1.5487842053610099</v>
      </c>
      <c r="BC79" s="8">
        <v>1.6220354402184261</v>
      </c>
      <c r="BD79" s="8">
        <v>1.5922023080297047</v>
      </c>
      <c r="BE79" s="17"/>
    </row>
    <row r="80" spans="3:57" x14ac:dyDescent="0.2">
      <c r="C80" s="16" t="s">
        <v>78</v>
      </c>
      <c r="D80" s="6" t="s">
        <v>58</v>
      </c>
      <c r="E80" s="8">
        <v>0.22999549614934678</v>
      </c>
      <c r="F80" s="8">
        <v>0.22657898090194617</v>
      </c>
      <c r="G80" s="8">
        <v>0.22724945040455444</v>
      </c>
      <c r="H80" s="8">
        <v>0.22590107629444511</v>
      </c>
      <c r="I80" s="62">
        <v>0.2354832353596735</v>
      </c>
      <c r="J80" s="8">
        <v>0.23424444244687029</v>
      </c>
      <c r="K80" s="8">
        <v>0.25463870312922049</v>
      </c>
      <c r="L80" s="8">
        <v>0.23302076517826192</v>
      </c>
      <c r="M80" s="8">
        <v>0.2760525326766875</v>
      </c>
      <c r="N80" s="8">
        <v>0.30431757456260644</v>
      </c>
      <c r="O80" s="8">
        <v>0.28494116624965249</v>
      </c>
      <c r="P80" s="8">
        <v>0.30509873332576182</v>
      </c>
      <c r="Q80" s="8">
        <v>0.30083130592259005</v>
      </c>
      <c r="R80" s="8">
        <v>0.29914142758081846</v>
      </c>
      <c r="S80" s="8">
        <v>0.32102270111936393</v>
      </c>
      <c r="T80" s="8">
        <v>0.31528946145919207</v>
      </c>
      <c r="U80" s="8">
        <v>0.34349341333111</v>
      </c>
      <c r="V80" s="8">
        <v>0.37460101188808548</v>
      </c>
      <c r="W80" s="8">
        <v>0.38100415924439007</v>
      </c>
      <c r="X80" s="8">
        <v>0.39</v>
      </c>
      <c r="Y80" s="8">
        <v>0.39440131089562747</v>
      </c>
      <c r="Z80" s="8">
        <v>0.39877263953191039</v>
      </c>
      <c r="AA80" s="39">
        <v>0.39787926852317934</v>
      </c>
      <c r="AB80" s="8">
        <v>0.36934717572690695</v>
      </c>
      <c r="AC80" s="8">
        <v>0.36626391054087887</v>
      </c>
      <c r="AD80" s="8">
        <v>0.34569833623170215</v>
      </c>
      <c r="AE80" s="8">
        <v>0.32416047781389046</v>
      </c>
      <c r="AF80" s="8">
        <v>0.31203436401642193</v>
      </c>
      <c r="AG80" s="8">
        <v>0.30868569254684031</v>
      </c>
      <c r="AH80" s="8">
        <v>0.28405333199673172</v>
      </c>
      <c r="AI80" s="8">
        <v>0.2911122305618849</v>
      </c>
      <c r="AJ80" s="8">
        <v>0.29810173081013175</v>
      </c>
      <c r="AK80" s="8">
        <v>0.286210585603002</v>
      </c>
      <c r="AL80" s="8">
        <v>0.29762970020364848</v>
      </c>
      <c r="AM80" s="8">
        <v>0.30636628936522309</v>
      </c>
      <c r="AN80" s="8">
        <v>0.30879225265263266</v>
      </c>
      <c r="AO80" s="8">
        <v>0.33925999209377383</v>
      </c>
      <c r="AP80" s="8">
        <v>0.34697047265964537</v>
      </c>
      <c r="AQ80" s="8">
        <v>0.3570844048213157</v>
      </c>
      <c r="AR80" s="8">
        <v>0.33970447439711954</v>
      </c>
      <c r="AS80" s="8">
        <v>0.35103536722840639</v>
      </c>
      <c r="AT80" s="8">
        <v>0.38246016730012056</v>
      </c>
      <c r="AU80" s="8">
        <v>0.37716693916378663</v>
      </c>
      <c r="AV80" s="8">
        <v>0.373299186443108</v>
      </c>
      <c r="AW80" s="8">
        <v>0.39873695064375514</v>
      </c>
      <c r="AX80" s="8">
        <v>0.3870944358969366</v>
      </c>
      <c r="AY80" s="8">
        <v>0.39249892543190024</v>
      </c>
      <c r="AZ80" s="8">
        <v>0.38580650286812218</v>
      </c>
      <c r="BA80" s="8">
        <v>0.38094022289615831</v>
      </c>
      <c r="BB80" s="8">
        <v>0.39020118564736811</v>
      </c>
      <c r="BC80" s="8">
        <v>0.39665283273715957</v>
      </c>
      <c r="BD80" s="8">
        <v>0.39580549690337646</v>
      </c>
      <c r="BE80" s="17"/>
    </row>
    <row r="81" spans="3:57" x14ac:dyDescent="0.2">
      <c r="C81" s="16" t="s">
        <v>79</v>
      </c>
      <c r="D81" s="6" t="s">
        <v>58</v>
      </c>
      <c r="E81" s="8">
        <v>0.8487412550193083</v>
      </c>
      <c r="F81" s="8">
        <v>0.82777657698456808</v>
      </c>
      <c r="G81" s="8">
        <v>0.77437191039887932</v>
      </c>
      <c r="H81" s="8">
        <v>0.70149932012120031</v>
      </c>
      <c r="I81" s="62">
        <v>0.78220553130782378</v>
      </c>
      <c r="J81" s="8">
        <v>0.80109110878661094</v>
      </c>
      <c r="K81" s="8">
        <v>0.73289109104222594</v>
      </c>
      <c r="L81" s="8">
        <v>0.66430528568344316</v>
      </c>
      <c r="M81" s="8">
        <v>0.66096016156969439</v>
      </c>
      <c r="N81" s="8">
        <v>0.64919013634674338</v>
      </c>
      <c r="O81" s="8">
        <v>0.61051234214002226</v>
      </c>
      <c r="P81" s="8">
        <v>0.63397014996637802</v>
      </c>
      <c r="Q81" s="8">
        <v>0.64801309792072115</v>
      </c>
      <c r="R81" s="8">
        <v>0.62168794595808641</v>
      </c>
      <c r="S81" s="8">
        <v>0.62245264120401034</v>
      </c>
      <c r="T81" s="8">
        <v>0.60378205271833951</v>
      </c>
      <c r="U81" s="8">
        <v>0.60566263885682037</v>
      </c>
      <c r="V81" s="8">
        <v>0.5804460552633316</v>
      </c>
      <c r="W81" s="8">
        <v>0.53962544972986914</v>
      </c>
      <c r="X81" s="8">
        <v>0.49</v>
      </c>
      <c r="Y81" s="8">
        <v>0.66687061408985338</v>
      </c>
      <c r="Z81" s="8">
        <v>0.57958643661813691</v>
      </c>
      <c r="AA81" s="39">
        <v>0.63311971083156338</v>
      </c>
      <c r="AB81" s="8">
        <v>0.62494255599684834</v>
      </c>
      <c r="AC81" s="8">
        <v>0.63703644119550451</v>
      </c>
      <c r="AD81" s="8">
        <v>0.55918488563614899</v>
      </c>
      <c r="AE81" s="8">
        <v>0.59243426782626252</v>
      </c>
      <c r="AF81" s="8">
        <v>0.60073932978848821</v>
      </c>
      <c r="AG81" s="8">
        <v>0.64209661062605972</v>
      </c>
      <c r="AH81" s="8">
        <v>0.63948889309972889</v>
      </c>
      <c r="AI81" s="8">
        <v>0.6971360348531016</v>
      </c>
      <c r="AJ81" s="8">
        <v>0.70374336964124728</v>
      </c>
      <c r="AK81" s="8">
        <v>0.78912266196516501</v>
      </c>
      <c r="AL81" s="8">
        <v>0.85807027566867133</v>
      </c>
      <c r="AM81" s="8">
        <v>0.79378230397311711</v>
      </c>
      <c r="AN81" s="8">
        <v>0.8329903508599894</v>
      </c>
      <c r="AO81" s="8">
        <v>1.0252522329356362</v>
      </c>
      <c r="AP81" s="8">
        <v>0.92101048236172256</v>
      </c>
      <c r="AQ81" s="8">
        <v>0.81353595026862358</v>
      </c>
      <c r="AR81" s="8">
        <v>0.71062147119089014</v>
      </c>
      <c r="AS81" s="8">
        <v>0.73860934600461114</v>
      </c>
      <c r="AT81" s="8">
        <v>0.63099129865700665</v>
      </c>
      <c r="AU81" s="8">
        <v>0.62247958007190152</v>
      </c>
      <c r="AV81" s="8">
        <v>0.58227975849455738</v>
      </c>
      <c r="AW81" s="8">
        <v>0.51666438146765359</v>
      </c>
      <c r="AX81" s="8">
        <v>0.53764064508547849</v>
      </c>
      <c r="AY81" s="8">
        <v>0.55418624950855033</v>
      </c>
      <c r="AZ81" s="8">
        <v>0.58289297820104879</v>
      </c>
      <c r="BA81" s="8">
        <v>0.57674215013806807</v>
      </c>
      <c r="BB81" s="8">
        <v>0.57117112264336856</v>
      </c>
      <c r="BC81" s="8">
        <v>0.5533818181818182</v>
      </c>
      <c r="BD81" s="8">
        <v>0.55287290153764745</v>
      </c>
      <c r="BE81" s="17"/>
    </row>
    <row r="82" spans="3:57" x14ac:dyDescent="0.2">
      <c r="C82" s="16" t="s">
        <v>80</v>
      </c>
      <c r="D82" s="6" t="s">
        <v>58</v>
      </c>
      <c r="E82" s="8">
        <v>1.6287902804085856</v>
      </c>
      <c r="F82" s="8">
        <v>2.4825284437059896</v>
      </c>
      <c r="G82" s="8">
        <v>2.8218993996451553</v>
      </c>
      <c r="H82" s="8">
        <v>2.0017365043584174</v>
      </c>
      <c r="I82" s="62">
        <v>2.6119106574798225</v>
      </c>
      <c r="J82" s="8">
        <v>2.5063030498211507</v>
      </c>
      <c r="K82" s="8">
        <v>1.969167969599539</v>
      </c>
      <c r="L82" s="8">
        <v>1.314833030709718</v>
      </c>
      <c r="M82" s="8">
        <v>1.3341601638439324</v>
      </c>
      <c r="N82" s="8">
        <v>1.384191479622833</v>
      </c>
      <c r="O82" s="8">
        <v>1.3373719448799406</v>
      </c>
      <c r="P82" s="8">
        <v>1.4227927995244967</v>
      </c>
      <c r="Q82" s="8">
        <v>1.1538053264030745</v>
      </c>
      <c r="R82" s="8">
        <v>0.89116318744302114</v>
      </c>
      <c r="S82" s="8">
        <v>0.99906906805532725</v>
      </c>
      <c r="T82" s="8">
        <v>0.87239872241547012</v>
      </c>
      <c r="U82" s="8">
        <v>0.77692087877566396</v>
      </c>
      <c r="V82" s="8">
        <v>0.64195577471299792</v>
      </c>
      <c r="W82" s="8">
        <v>0.5877510988671325</v>
      </c>
      <c r="X82" s="8">
        <v>0.54</v>
      </c>
      <c r="Y82" s="8">
        <v>0.48063072631236098</v>
      </c>
      <c r="Z82" s="8">
        <v>0.50026753188617024</v>
      </c>
      <c r="AA82" s="39">
        <v>0.55474268811835659</v>
      </c>
      <c r="AB82" s="8">
        <v>0.50510822573445546</v>
      </c>
      <c r="AC82" s="8">
        <v>0.4546434794086589</v>
      </c>
      <c r="AD82" s="8">
        <v>0.37466545218806419</v>
      </c>
      <c r="AE82" s="8">
        <v>0.4274051616627258</v>
      </c>
      <c r="AF82" s="8">
        <v>0.45981437387503216</v>
      </c>
      <c r="AG82" s="8">
        <v>0.46365466756669371</v>
      </c>
      <c r="AH82" s="8">
        <v>0.53170002629170154</v>
      </c>
      <c r="AI82" s="8">
        <v>0.5214702089196247</v>
      </c>
      <c r="AJ82" s="8">
        <v>0.53277870658128113</v>
      </c>
      <c r="AK82" s="8">
        <v>0.50492974044196481</v>
      </c>
      <c r="AL82" s="8">
        <v>0.62980772994460443</v>
      </c>
      <c r="AM82" s="8">
        <v>0.79253202659669564</v>
      </c>
      <c r="AN82" s="8">
        <v>0.86146724868982261</v>
      </c>
      <c r="AO82" s="8">
        <v>0.85764011497070036</v>
      </c>
      <c r="AP82" s="8">
        <v>0.81529377867002295</v>
      </c>
      <c r="AQ82" s="8">
        <v>0.71125853770240566</v>
      </c>
      <c r="AR82" s="8">
        <v>0.78133471966937573</v>
      </c>
      <c r="AS82" s="8">
        <v>0.93104450958452412</v>
      </c>
      <c r="AT82" s="8">
        <v>1.056121818919193</v>
      </c>
      <c r="AU82" s="8">
        <v>1.2085393066285639</v>
      </c>
      <c r="AV82" s="8">
        <v>1.5581715364507698</v>
      </c>
      <c r="AW82" s="8">
        <v>1.1428328287688629</v>
      </c>
      <c r="AX82" s="8">
        <v>0.75348173310225319</v>
      </c>
      <c r="AY82" s="8">
        <v>1.3395622601958432</v>
      </c>
      <c r="AZ82" s="8">
        <v>1.1891246257381278</v>
      </c>
      <c r="BA82" s="8">
        <v>0.97881715694570504</v>
      </c>
      <c r="BB82" s="8">
        <v>0.88628479224285439</v>
      </c>
      <c r="BC82" s="8">
        <v>0.76486212945886378</v>
      </c>
      <c r="BD82" s="8">
        <v>0.70684940108191652</v>
      </c>
      <c r="BE82" s="17"/>
    </row>
    <row r="83" spans="3:57" x14ac:dyDescent="0.2">
      <c r="C83" s="16" t="s">
        <v>122</v>
      </c>
      <c r="D83" s="6" t="s">
        <v>58</v>
      </c>
      <c r="E83" s="8">
        <v>0.20151912710149511</v>
      </c>
      <c r="F83" s="8">
        <v>0.20504233562497653</v>
      </c>
      <c r="G83" s="8">
        <v>0.20042167049039411</v>
      </c>
      <c r="H83" s="8">
        <v>0.20786083783493722</v>
      </c>
      <c r="I83" s="62">
        <v>0.22423139301076636</v>
      </c>
      <c r="J83" s="8">
        <v>0.22904830817390179</v>
      </c>
      <c r="K83" s="8">
        <v>0.22743448748109779</v>
      </c>
      <c r="L83" s="8">
        <v>0.23208004038420804</v>
      </c>
      <c r="M83" s="8">
        <v>0.23877036971506002</v>
      </c>
      <c r="N83" s="8">
        <v>0.20769247035461919</v>
      </c>
      <c r="O83" s="8">
        <v>0.20612243168608999</v>
      </c>
      <c r="P83" s="8">
        <v>0.22029445294825853</v>
      </c>
      <c r="Q83" s="8">
        <v>0.23006599755480367</v>
      </c>
      <c r="R83" s="8">
        <v>0.23477035098572735</v>
      </c>
      <c r="S83" s="8">
        <v>0.25785684298673484</v>
      </c>
      <c r="T83" s="8">
        <v>0.27616651893443872</v>
      </c>
      <c r="U83" s="8">
        <v>0.31669686045640355</v>
      </c>
      <c r="V83" s="8">
        <v>0.34342643185780647</v>
      </c>
      <c r="W83" s="8">
        <v>0.38673830120841202</v>
      </c>
      <c r="X83" s="8">
        <v>0.44</v>
      </c>
      <c r="Y83" s="8">
        <v>0.46376621384764893</v>
      </c>
      <c r="Z83" s="8">
        <v>0.48722463381488756</v>
      </c>
      <c r="AA83" s="39">
        <v>0.47257237045277806</v>
      </c>
      <c r="AB83" s="8">
        <v>0.46977374635662572</v>
      </c>
      <c r="AC83" s="8">
        <v>0.46320089422560939</v>
      </c>
      <c r="AD83" s="8">
        <v>0.44344639670247232</v>
      </c>
      <c r="AE83" s="8">
        <v>0.43746515758578525</v>
      </c>
      <c r="AF83" s="8">
        <v>0.41883457591340861</v>
      </c>
      <c r="AG83" s="8">
        <v>0.34515103215054072</v>
      </c>
      <c r="AH83" s="8">
        <v>0.31545368391679213</v>
      </c>
      <c r="AI83" s="8">
        <v>0.30437691779948023</v>
      </c>
      <c r="AJ83" s="8">
        <v>0.30755713158402237</v>
      </c>
      <c r="AK83" s="8">
        <v>0.30214789866635161</v>
      </c>
      <c r="AL83" s="8">
        <v>0.33172654341612234</v>
      </c>
      <c r="AM83" s="8">
        <v>0.35453268672275751</v>
      </c>
      <c r="AN83" s="8">
        <v>0.35119009992043398</v>
      </c>
      <c r="AO83" s="8">
        <v>0.3637619743530851</v>
      </c>
      <c r="AP83" s="8">
        <v>0.36747229940113679</v>
      </c>
      <c r="AQ83" s="8">
        <v>0.39077427339968501</v>
      </c>
      <c r="AR83" s="8">
        <v>0.39736123430951698</v>
      </c>
      <c r="AS83" s="8">
        <v>0.39653763456222185</v>
      </c>
      <c r="AT83" s="8">
        <v>0.36928581873973648</v>
      </c>
      <c r="AU83" s="8">
        <v>0.42526809032840018</v>
      </c>
      <c r="AV83" s="8">
        <v>0.41619009280397695</v>
      </c>
      <c r="AW83" s="8">
        <v>0.42455913528917655</v>
      </c>
      <c r="AX83" s="8">
        <v>0.43287654100410933</v>
      </c>
      <c r="AY83" s="8">
        <v>0.42833453933501731</v>
      </c>
      <c r="AZ83" s="8">
        <v>0.46260406677312749</v>
      </c>
      <c r="BA83" s="8">
        <v>0.44361392385534998</v>
      </c>
      <c r="BB83" s="8">
        <v>0.45065655932756532</v>
      </c>
      <c r="BC83" s="8">
        <v>0.4268874348063546</v>
      </c>
      <c r="BD83" s="8">
        <v>0.39942500873178233</v>
      </c>
      <c r="BE83" s="17"/>
    </row>
    <row r="84" spans="3:57" x14ac:dyDescent="0.2">
      <c r="C84" s="16" t="s">
        <v>82</v>
      </c>
      <c r="D84" s="6" t="s">
        <v>58</v>
      </c>
      <c r="E84" s="8">
        <v>2.7166652190848004</v>
      </c>
      <c r="F84" s="8">
        <v>3.3114222280790209</v>
      </c>
      <c r="G84" s="8">
        <v>3.6070686749526013</v>
      </c>
      <c r="H84" s="8">
        <v>3.1271270714199697</v>
      </c>
      <c r="I84" s="62">
        <v>3.88</v>
      </c>
      <c r="J84" s="8">
        <v>3.84</v>
      </c>
      <c r="K84" s="8">
        <v>4.2797429734484309</v>
      </c>
      <c r="L84" s="8">
        <v>4.0727832074130745</v>
      </c>
      <c r="M84" s="8">
        <v>3.1073845929277817</v>
      </c>
      <c r="N84" s="8">
        <v>2.8941943074601997</v>
      </c>
      <c r="O84" s="8">
        <v>2.9438258594441784</v>
      </c>
      <c r="P84" s="8">
        <v>3.1009702029481896</v>
      </c>
      <c r="Q84" s="8">
        <v>3.3978863538527766</v>
      </c>
      <c r="R84" s="8">
        <v>2.7162374624946422</v>
      </c>
      <c r="S84" s="8">
        <v>2.3357754790969136</v>
      </c>
      <c r="T84" s="8">
        <v>1.9577780434241434</v>
      </c>
      <c r="U84" s="8">
        <v>2.0237094241054088</v>
      </c>
      <c r="V84" s="8">
        <v>1.9362463966907446</v>
      </c>
      <c r="W84" s="8">
        <v>1.7806589603306637</v>
      </c>
      <c r="X84" s="8">
        <v>1.72</v>
      </c>
      <c r="Y84" s="8">
        <v>1.6748227290149482</v>
      </c>
      <c r="Z84" s="8">
        <v>2.0867313865471182</v>
      </c>
      <c r="AA84" s="39">
        <v>2.3930772424804747</v>
      </c>
      <c r="AB84" s="8">
        <v>2.4592458150121708</v>
      </c>
      <c r="AC84" s="8">
        <v>1.8139055734811504</v>
      </c>
      <c r="AD84" s="8">
        <v>1.2033528509618314</v>
      </c>
      <c r="AE84" s="8">
        <v>1.0194590024692398</v>
      </c>
      <c r="AF84" s="8">
        <v>1.6862084238717241</v>
      </c>
      <c r="AG84" s="8">
        <v>2.5926493580396199</v>
      </c>
      <c r="AH84" s="8">
        <v>3.504549019897484</v>
      </c>
      <c r="AI84" s="8">
        <v>4.1420399568234796</v>
      </c>
      <c r="AJ84" s="8">
        <v>2.9382093746865823</v>
      </c>
      <c r="AK84" s="8">
        <v>2.5949647260987758</v>
      </c>
      <c r="AL84" s="8">
        <v>2.2024186136958757</v>
      </c>
      <c r="AM84" s="8">
        <v>2.0179411429915692</v>
      </c>
      <c r="AN84" s="8">
        <v>2.2123291937184395</v>
      </c>
      <c r="AO84" s="8">
        <v>2.1419222864510767</v>
      </c>
      <c r="AP84" s="8">
        <v>1.991340422387524</v>
      </c>
      <c r="AQ84" s="8">
        <v>2.0702257911426538</v>
      </c>
      <c r="AR84" s="8">
        <v>2.0438721750215074</v>
      </c>
      <c r="AS84" s="8">
        <v>1.7970061712440213</v>
      </c>
      <c r="AT84" s="8">
        <v>1.7471743071125316</v>
      </c>
      <c r="AU84" s="8">
        <v>1.911147406116918</v>
      </c>
      <c r="AV84" s="8">
        <v>2.247374864278803</v>
      </c>
      <c r="AW84" s="8">
        <v>1.8303417161921816</v>
      </c>
      <c r="AX84" s="8">
        <v>1.9888949885384555</v>
      </c>
      <c r="AY84" s="8">
        <v>1.8057773091614888</v>
      </c>
      <c r="AZ84" s="8">
        <v>1.8487304461883576</v>
      </c>
      <c r="BA84" s="8">
        <v>1.9551913616964003</v>
      </c>
      <c r="BB84" s="8">
        <v>2.2147376856165164</v>
      </c>
      <c r="BC84" s="8">
        <v>2.237860154492886</v>
      </c>
      <c r="BD84" s="8">
        <v>2.8082385979034408</v>
      </c>
      <c r="BE84" s="17"/>
    </row>
    <row r="85" spans="3:57" x14ac:dyDescent="0.2">
      <c r="C85" s="16" t="s">
        <v>84</v>
      </c>
      <c r="D85" s="6" t="s">
        <v>85</v>
      </c>
      <c r="E85" s="8">
        <v>0.39388164756333216</v>
      </c>
      <c r="F85" s="8">
        <v>0.47292443202836981</v>
      </c>
      <c r="G85" s="8">
        <v>0.45389739103447801</v>
      </c>
      <c r="H85" s="8">
        <v>0.44031641834017132</v>
      </c>
      <c r="I85" s="62">
        <v>0.38655397937872954</v>
      </c>
      <c r="J85" s="8">
        <v>0.45332335969643517</v>
      </c>
      <c r="K85" s="8">
        <v>0.47306791209466187</v>
      </c>
      <c r="L85" s="8">
        <v>0.45130388347881661</v>
      </c>
      <c r="M85" s="8">
        <v>0.42228420843736586</v>
      </c>
      <c r="N85" s="8">
        <v>0.39480148042370122</v>
      </c>
      <c r="O85" s="8">
        <v>0.36246979207741414</v>
      </c>
      <c r="P85" s="8">
        <v>0.41094244278849024</v>
      </c>
      <c r="Q85" s="8">
        <v>0.37628980569351178</v>
      </c>
      <c r="R85" s="8">
        <v>0.38224344452479453</v>
      </c>
      <c r="S85" s="8">
        <v>0.36542313443598523</v>
      </c>
      <c r="T85" s="8">
        <v>0.36002923912286294</v>
      </c>
      <c r="U85" s="8">
        <v>0.34750255316991435</v>
      </c>
      <c r="V85" s="8">
        <v>0.37448560918571888</v>
      </c>
      <c r="W85" s="8">
        <v>0.35237465343758761</v>
      </c>
      <c r="X85" s="8">
        <v>0.34</v>
      </c>
      <c r="Y85" s="8">
        <v>0.35039107392031621</v>
      </c>
      <c r="Z85" s="8">
        <v>0.35291134204626706</v>
      </c>
      <c r="AA85" s="39">
        <v>0.34639485627564254</v>
      </c>
      <c r="AB85" s="8">
        <v>0.34752105814235146</v>
      </c>
      <c r="AC85" s="8">
        <v>0.35858237190363085</v>
      </c>
      <c r="AD85" s="8">
        <v>0.3446619558729036</v>
      </c>
      <c r="AE85" s="8">
        <v>0.34304410311505934</v>
      </c>
      <c r="AF85" s="8">
        <v>0.38287452545888612</v>
      </c>
      <c r="AG85" s="8">
        <v>0.38341874447642021</v>
      </c>
      <c r="AH85" s="8">
        <v>0.37652276326364958</v>
      </c>
      <c r="AI85" s="8">
        <v>0.42876131196435069</v>
      </c>
      <c r="AJ85" s="8">
        <v>0.44991270218361518</v>
      </c>
      <c r="AK85" s="8">
        <v>0.42476548571419787</v>
      </c>
      <c r="AL85" s="8">
        <v>0.48627377484076878</v>
      </c>
      <c r="AM85" s="8">
        <v>0.50487519050729368</v>
      </c>
      <c r="AN85" s="8">
        <v>0.52624607774796361</v>
      </c>
      <c r="AO85" s="8">
        <v>0.51118752432179493</v>
      </c>
      <c r="AP85" s="8">
        <v>0.4862592777575358</v>
      </c>
      <c r="AQ85" s="8">
        <v>0.51002057698009251</v>
      </c>
      <c r="AR85" s="8">
        <v>0.48649199576555391</v>
      </c>
      <c r="AS85" s="8">
        <v>0.46699815746814444</v>
      </c>
      <c r="AT85" s="8">
        <v>0.45893881159500188</v>
      </c>
      <c r="AU85" s="8">
        <v>0.43291720255676125</v>
      </c>
      <c r="AV85" s="8">
        <v>0.4036214209325279</v>
      </c>
      <c r="AW85" s="8">
        <v>0.40303269432573419</v>
      </c>
      <c r="AX85" s="8">
        <v>0.41855396807561107</v>
      </c>
      <c r="AY85" s="8">
        <v>0.42306324767737763</v>
      </c>
      <c r="AZ85" s="8">
        <v>0.40752913323315093</v>
      </c>
      <c r="BA85" s="8">
        <v>0.3948237843412894</v>
      </c>
      <c r="BB85" s="8">
        <v>0.40726062153365544</v>
      </c>
      <c r="BC85" s="8">
        <v>0.42177594369052196</v>
      </c>
      <c r="BD85" s="8">
        <v>0.41343319972011738</v>
      </c>
      <c r="BE85" s="17"/>
    </row>
    <row r="86" spans="3:57" x14ac:dyDescent="0.2">
      <c r="C86" s="16" t="s">
        <v>118</v>
      </c>
      <c r="D86" s="6" t="s">
        <v>58</v>
      </c>
      <c r="E86" s="8">
        <v>1.3704008151859615</v>
      </c>
      <c r="F86" s="8">
        <v>1.3562005955930252</v>
      </c>
      <c r="G86" s="8">
        <v>1.670552832860156</v>
      </c>
      <c r="H86" s="8">
        <v>1.6859183823415675</v>
      </c>
      <c r="I86" s="62">
        <v>1.6605037358308317</v>
      </c>
      <c r="J86" s="8">
        <v>1.635209753209989</v>
      </c>
      <c r="K86" s="8">
        <v>1.6095128283445326</v>
      </c>
      <c r="L86" s="8">
        <v>1.4155769932932336</v>
      </c>
      <c r="M86" s="8">
        <v>1.3555708889953924</v>
      </c>
      <c r="N86" s="8">
        <v>1.3092131869414649</v>
      </c>
      <c r="O86" s="8">
        <v>1.2911264272355225</v>
      </c>
      <c r="P86" s="8">
        <v>1.3819049742344205</v>
      </c>
      <c r="Q86" s="8">
        <v>1.6554021052845798</v>
      </c>
      <c r="R86" s="8">
        <v>1.6589314623606024</v>
      </c>
      <c r="S86" s="8">
        <v>1.6405271595070694</v>
      </c>
      <c r="T86" s="8">
        <v>1.6136511496742232</v>
      </c>
      <c r="U86" s="8">
        <v>1.6596357762944629</v>
      </c>
      <c r="V86" s="8">
        <v>1.6313807546920174</v>
      </c>
      <c r="W86" s="8">
        <v>1.5937944802354249</v>
      </c>
      <c r="X86" s="8">
        <v>1.05</v>
      </c>
      <c r="Y86" s="8">
        <v>0.83989975636519176</v>
      </c>
      <c r="Z86" s="8">
        <v>0.75614329167493222</v>
      </c>
      <c r="AA86" s="39">
        <v>0.78624648987664036</v>
      </c>
      <c r="AB86" s="8">
        <v>0.68269775641758279</v>
      </c>
      <c r="AC86" s="8">
        <v>0.69639301815762344</v>
      </c>
      <c r="AD86" s="8">
        <v>0.77291929301318663</v>
      </c>
      <c r="AE86" s="8">
        <v>0.89195512190366333</v>
      </c>
      <c r="AF86" s="8">
        <v>0.83155105242002691</v>
      </c>
      <c r="AG86" s="8">
        <v>0.83767582554230191</v>
      </c>
      <c r="AH86" s="8">
        <v>0.75024449368516655</v>
      </c>
      <c r="AI86" s="8">
        <v>0.86870780590798935</v>
      </c>
      <c r="AJ86" s="8">
        <v>0.74521504409361916</v>
      </c>
      <c r="AK86" s="8">
        <v>0.84010048155167028</v>
      </c>
      <c r="AL86" s="8">
        <v>0.97372163009050927</v>
      </c>
      <c r="AM86" s="8">
        <v>1.4301926467643387</v>
      </c>
      <c r="AN86" s="8">
        <v>1.6718610139021783</v>
      </c>
      <c r="AO86" s="8">
        <v>1.3916391990889467</v>
      </c>
      <c r="AP86" s="8">
        <v>1.3769174926605237</v>
      </c>
      <c r="AQ86" s="8">
        <v>1.1723633013499608</v>
      </c>
      <c r="AR86" s="8">
        <v>1.1247459368032597</v>
      </c>
      <c r="AS86" s="8">
        <v>0.92549937251422731</v>
      </c>
      <c r="AT86" s="8">
        <v>0.8279909198337454</v>
      </c>
      <c r="AU86" s="8">
        <v>0.75554866796140796</v>
      </c>
      <c r="AV86" s="8">
        <v>0.87170171282658693</v>
      </c>
      <c r="AW86" s="8">
        <v>0.85636959769549392</v>
      </c>
      <c r="AX86" s="8">
        <v>0.82989583270729794</v>
      </c>
      <c r="AY86" s="8">
        <v>0.91250327542363696</v>
      </c>
      <c r="AZ86" s="8">
        <v>0.92260728352340271</v>
      </c>
      <c r="BA86" s="8">
        <v>1.0661673659062436</v>
      </c>
      <c r="BB86" s="8">
        <v>1.0922644863527957</v>
      </c>
      <c r="BC86" s="8">
        <v>1.0999350574763422</v>
      </c>
      <c r="BD86" s="8">
        <v>1.1192283240021241</v>
      </c>
      <c r="BE86" s="17"/>
    </row>
    <row r="87" spans="3:57" x14ac:dyDescent="0.2">
      <c r="C87" s="16" t="s">
        <v>104</v>
      </c>
      <c r="D87" s="6" t="s">
        <v>58</v>
      </c>
      <c r="E87" s="8">
        <v>0.94465575751181841</v>
      </c>
      <c r="F87" s="8">
        <v>1.0933420576252764</v>
      </c>
      <c r="G87" s="8">
        <v>1.1071796698497587</v>
      </c>
      <c r="H87" s="8">
        <v>1.0020595733331668</v>
      </c>
      <c r="I87" s="62">
        <v>1.0791655689629869</v>
      </c>
      <c r="J87" s="8">
        <v>0.93562089377849933</v>
      </c>
      <c r="K87" s="8">
        <v>0.93778918987682591</v>
      </c>
      <c r="L87" s="8">
        <v>0.8762306468692127</v>
      </c>
      <c r="M87" s="8">
        <v>0.87997840529892313</v>
      </c>
      <c r="N87" s="8">
        <v>0.96105542080591366</v>
      </c>
      <c r="O87" s="8">
        <v>1.0549230577235069</v>
      </c>
      <c r="P87" s="8">
        <v>1.1765566373198164</v>
      </c>
      <c r="Q87" s="8">
        <v>1.1898441151338617</v>
      </c>
      <c r="R87" s="8">
        <v>1.1796730084249687</v>
      </c>
      <c r="S87" s="8">
        <v>1.1318104391035495</v>
      </c>
      <c r="T87" s="8">
        <v>1.1362260713059182</v>
      </c>
      <c r="U87" s="8">
        <v>1.2021716473143964</v>
      </c>
      <c r="V87" s="8">
        <v>1.1930592956623285</v>
      </c>
      <c r="W87" s="8">
        <v>1.1335342351895112</v>
      </c>
      <c r="X87" s="8">
        <v>1.08</v>
      </c>
      <c r="Y87" s="8">
        <v>0.96139974982819987</v>
      </c>
      <c r="Z87" s="8">
        <v>0.95758574320672263</v>
      </c>
      <c r="AA87" s="39">
        <v>0.94631180586680541</v>
      </c>
      <c r="AB87" s="8">
        <v>0.87090604623718137</v>
      </c>
      <c r="AC87" s="8">
        <v>0.81159190798857483</v>
      </c>
      <c r="AD87" s="8">
        <v>0.78778114572650959</v>
      </c>
      <c r="AE87" s="8">
        <v>0.7910483806169526</v>
      </c>
      <c r="AF87" s="8">
        <v>0.75282179244715708</v>
      </c>
      <c r="AG87" s="8">
        <v>0.78323111087242936</v>
      </c>
      <c r="AH87" s="8">
        <v>0.77710722070526284</v>
      </c>
      <c r="AI87" s="8">
        <v>0.80920878064234592</v>
      </c>
      <c r="AJ87" s="8">
        <v>0.91820061247574458</v>
      </c>
      <c r="AK87" s="8">
        <v>1.0436107139267312</v>
      </c>
      <c r="AL87" s="8">
        <v>1.0882257092840038</v>
      </c>
      <c r="AM87" s="8">
        <v>1.309121094831037</v>
      </c>
      <c r="AN87" s="8">
        <v>1.3728929104982104</v>
      </c>
      <c r="AO87" s="8">
        <v>1.683799453214069</v>
      </c>
      <c r="AP87" s="8">
        <v>1.848563839414346</v>
      </c>
      <c r="AQ87" s="8">
        <v>1.6975478093637089</v>
      </c>
      <c r="AR87" s="8">
        <v>1.5912816572416877</v>
      </c>
      <c r="AS87" s="8">
        <v>1.3259210045251029</v>
      </c>
      <c r="AT87" s="8">
        <v>1.2624134925545649</v>
      </c>
      <c r="AU87" s="8">
        <v>1.2707869622625203</v>
      </c>
      <c r="AV87" s="8">
        <v>0.97758414475506017</v>
      </c>
      <c r="AW87" s="8">
        <v>0.93154512881597551</v>
      </c>
      <c r="AX87" s="8">
        <v>0.80792513127563459</v>
      </c>
      <c r="AY87" s="8">
        <v>0.74522837478199522</v>
      </c>
      <c r="AZ87" s="8">
        <v>0.84303560398375965</v>
      </c>
      <c r="BA87" s="8">
        <v>0.86742770974884842</v>
      </c>
      <c r="BB87" s="8">
        <v>0.91688843377291573</v>
      </c>
      <c r="BC87" s="8">
        <v>0.90792469498886841</v>
      </c>
      <c r="BD87" s="8">
        <v>0.8953757608244669</v>
      </c>
      <c r="BE87" s="17"/>
    </row>
    <row r="88" spans="3:57" x14ac:dyDescent="0.2">
      <c r="C88" s="16" t="s">
        <v>87</v>
      </c>
      <c r="D88" s="6" t="s">
        <v>58</v>
      </c>
      <c r="E88" s="8">
        <v>0.31915718143683613</v>
      </c>
      <c r="F88" s="8">
        <v>0.32645324525806213</v>
      </c>
      <c r="G88" s="8">
        <v>0.31690234779027854</v>
      </c>
      <c r="H88" s="8">
        <v>0.3205246234105858</v>
      </c>
      <c r="I88" s="62">
        <v>0.31718518590831979</v>
      </c>
      <c r="J88" s="8">
        <v>0.33524013365781785</v>
      </c>
      <c r="K88" s="8">
        <v>0.33702248580906841</v>
      </c>
      <c r="L88" s="8">
        <v>0.33509520331680825</v>
      </c>
      <c r="M88" s="8">
        <v>0.33225828944492625</v>
      </c>
      <c r="N88" s="8">
        <v>0.33178192447728233</v>
      </c>
      <c r="O88" s="8">
        <v>0.32901471227254414</v>
      </c>
      <c r="P88" s="8">
        <v>0.33247499770817679</v>
      </c>
      <c r="Q88" s="8">
        <v>0.34489911839272858</v>
      </c>
      <c r="R88" s="8">
        <v>0.33404781223222718</v>
      </c>
      <c r="S88" s="8">
        <v>0.33553616544246823</v>
      </c>
      <c r="T88" s="8">
        <v>0.33404208611705849</v>
      </c>
      <c r="U88" s="8">
        <v>0.34463439643774918</v>
      </c>
      <c r="V88" s="8">
        <v>0.3575725003523359</v>
      </c>
      <c r="W88" s="8">
        <v>0.36221494286478517</v>
      </c>
      <c r="X88" s="8">
        <v>0.36</v>
      </c>
      <c r="Y88" s="8">
        <v>0.35987564873336414</v>
      </c>
      <c r="Z88" s="8">
        <v>0.36397183203874744</v>
      </c>
      <c r="AA88" s="39">
        <v>0.3563571779315533</v>
      </c>
      <c r="AB88" s="8">
        <v>0.35602739295040536</v>
      </c>
      <c r="AC88" s="8">
        <v>0.37071943171702854</v>
      </c>
      <c r="AD88" s="8">
        <v>0.38196214736647827</v>
      </c>
      <c r="AE88" s="8">
        <v>0.37140589417738079</v>
      </c>
      <c r="AF88" s="8">
        <v>0.36500479703987532</v>
      </c>
      <c r="AG88" s="8">
        <v>0.35703135190980173</v>
      </c>
      <c r="AH88" s="8">
        <v>0.35308099498722584</v>
      </c>
      <c r="AI88" s="8">
        <v>0.34930497614618028</v>
      </c>
      <c r="AJ88" s="8">
        <v>0.36225504065766034</v>
      </c>
      <c r="AK88" s="8">
        <v>0.51245818642625918</v>
      </c>
      <c r="AL88" s="8">
        <v>0.44365544887738395</v>
      </c>
      <c r="AM88" s="8">
        <v>0.43980295620286047</v>
      </c>
      <c r="AN88" s="8">
        <v>0.44229780577350092</v>
      </c>
      <c r="AO88" s="8">
        <v>0.44767293861465091</v>
      </c>
      <c r="AP88" s="8">
        <v>0.43695954376326873</v>
      </c>
      <c r="AQ88" s="8">
        <v>0.43092496750908593</v>
      </c>
      <c r="AR88" s="8">
        <v>0.47434799148559109</v>
      </c>
      <c r="AS88" s="8">
        <v>0.4602341133433695</v>
      </c>
      <c r="AT88" s="8">
        <v>0.44861118348648826</v>
      </c>
      <c r="AU88" s="8">
        <v>0.46864352498286888</v>
      </c>
      <c r="AV88" s="8">
        <v>0.45694402578519178</v>
      </c>
      <c r="AW88" s="8">
        <v>0.42243932618379543</v>
      </c>
      <c r="AX88" s="8">
        <v>0.42875136538884351</v>
      </c>
      <c r="AY88" s="8">
        <v>0.41917465587928104</v>
      </c>
      <c r="AZ88" s="8">
        <v>0.41624870147760717</v>
      </c>
      <c r="BA88" s="8">
        <v>0.42242323803613491</v>
      </c>
      <c r="BB88" s="8">
        <v>0.42130641024895843</v>
      </c>
      <c r="BC88" s="8">
        <v>0.46072586634179724</v>
      </c>
      <c r="BD88" s="8">
        <v>0.45943407127836916</v>
      </c>
      <c r="BE88" s="17"/>
    </row>
    <row r="89" spans="3:57" x14ac:dyDescent="0.2">
      <c r="C89" s="16" t="s">
        <v>88</v>
      </c>
      <c r="D89" s="6" t="s">
        <v>58</v>
      </c>
      <c r="E89" s="17">
        <v>0.75304761843937207</v>
      </c>
      <c r="F89" s="17">
        <v>0.77792524656621542</v>
      </c>
      <c r="G89" s="17">
        <v>0.71421586144926186</v>
      </c>
      <c r="H89" s="17">
        <v>0.77805989683816068</v>
      </c>
      <c r="I89" s="62">
        <v>0.67765464687447385</v>
      </c>
      <c r="J89" s="17">
        <v>0.66929357517705201</v>
      </c>
      <c r="K89" s="17">
        <v>0.68002210761840998</v>
      </c>
      <c r="L89" s="17">
        <v>0.71385870725355427</v>
      </c>
      <c r="M89" s="17">
        <v>0.72319055940663857</v>
      </c>
      <c r="N89" s="17">
        <v>0.73057732885383742</v>
      </c>
      <c r="O89" s="17">
        <v>0.7510578417077427</v>
      </c>
      <c r="P89" s="17">
        <v>0.73754625165030718</v>
      </c>
      <c r="Q89" s="17">
        <v>0.75531884013366879</v>
      </c>
      <c r="R89" s="17">
        <v>0.75221399566081071</v>
      </c>
      <c r="S89" s="17">
        <v>0.7289127492667179</v>
      </c>
      <c r="T89" s="17">
        <v>0.71263839672415141</v>
      </c>
      <c r="U89" s="17">
        <v>0.74211510748719489</v>
      </c>
      <c r="V89" s="17">
        <v>0.74281729160495169</v>
      </c>
      <c r="W89" s="17">
        <v>0.83817654483062742</v>
      </c>
      <c r="X89" s="17">
        <v>0.99</v>
      </c>
      <c r="Y89" s="17">
        <v>0.99481485567669248</v>
      </c>
      <c r="Z89" s="17">
        <v>0.98570118917278993</v>
      </c>
      <c r="AA89" s="43">
        <v>1.0093423390083591</v>
      </c>
      <c r="AB89" s="17">
        <v>1.0164577664360055</v>
      </c>
      <c r="AC89" s="8">
        <v>1.0336631271016039</v>
      </c>
      <c r="AD89" s="17">
        <v>1.0469120728683672</v>
      </c>
      <c r="AE89" s="17">
        <v>1.0585359417504194</v>
      </c>
      <c r="AF89" s="17">
        <v>1.0919226746412072</v>
      </c>
      <c r="AG89" s="17">
        <v>1.1504988245984122</v>
      </c>
      <c r="AH89" s="17">
        <v>1.2105618334624459</v>
      </c>
      <c r="AI89" s="17">
        <v>1.1971059861791851</v>
      </c>
      <c r="AJ89" s="17">
        <v>1.2210867003898858</v>
      </c>
      <c r="AK89" s="17">
        <v>1.313071696494895</v>
      </c>
      <c r="AL89" s="17">
        <v>1.3781069894132227</v>
      </c>
      <c r="AM89" s="17">
        <v>1.4060297151105807</v>
      </c>
      <c r="AN89" s="17">
        <v>1.4035611558341377</v>
      </c>
      <c r="AO89" s="17">
        <v>1.4169253809282185</v>
      </c>
      <c r="AP89" s="17">
        <v>1.4665274487778377</v>
      </c>
      <c r="AQ89" s="17">
        <v>1.6180446403506039</v>
      </c>
      <c r="AR89" s="17">
        <v>1.6345850788606249</v>
      </c>
      <c r="AS89" s="17">
        <v>1.5774518009883929</v>
      </c>
      <c r="AT89" s="17">
        <v>1.5689097964654477</v>
      </c>
      <c r="AU89" s="17">
        <v>1.5191582048461021</v>
      </c>
      <c r="AV89" s="17">
        <v>1.5122931771634081</v>
      </c>
      <c r="AW89" s="8">
        <v>1.3578756718355638</v>
      </c>
      <c r="AX89" s="17">
        <v>1.2480110687377919</v>
      </c>
      <c r="AY89" s="17">
        <v>1.2157945051788128</v>
      </c>
      <c r="AZ89" s="17">
        <v>1.2373259097406417</v>
      </c>
      <c r="BA89" s="17">
        <v>1.2283361621786559</v>
      </c>
      <c r="BB89" s="17">
        <v>1.2497436309728034</v>
      </c>
      <c r="BC89" s="17">
        <v>1.1935969710456535</v>
      </c>
      <c r="BD89" s="17">
        <v>1.1823640107512829</v>
      </c>
      <c r="BE89" s="17"/>
    </row>
    <row r="90" spans="3:57" x14ac:dyDescent="0.2">
      <c r="C90" s="18" t="s">
        <v>123</v>
      </c>
      <c r="D90" s="6" t="s">
        <v>58</v>
      </c>
      <c r="E90" s="17">
        <v>0.87445433074908852</v>
      </c>
      <c r="F90" s="17">
        <v>1.0131551827053324</v>
      </c>
      <c r="G90" s="17">
        <v>1.0547419202150081</v>
      </c>
      <c r="H90" s="17">
        <v>0.95238036295818362</v>
      </c>
      <c r="I90" s="62">
        <v>0.90984113405841371</v>
      </c>
      <c r="J90" s="17">
        <v>0.92036557374800543</v>
      </c>
      <c r="K90" s="17">
        <v>0.8750216611507543</v>
      </c>
      <c r="L90" s="17">
        <v>0.91196915738482309</v>
      </c>
      <c r="M90" s="17">
        <v>0.94987754697257143</v>
      </c>
      <c r="N90" s="17">
        <v>0.90379646968862459</v>
      </c>
      <c r="O90" s="17">
        <v>0.89679220379310864</v>
      </c>
      <c r="P90" s="17">
        <v>0.96991884834851594</v>
      </c>
      <c r="Q90" s="17">
        <v>0.95221037182693191</v>
      </c>
      <c r="R90" s="17">
        <v>0.99062660277835168</v>
      </c>
      <c r="S90" s="17">
        <v>0.90923947702573049</v>
      </c>
      <c r="T90" s="17">
        <v>0.93459238307524017</v>
      </c>
      <c r="U90" s="17">
        <v>1.1182515889624949</v>
      </c>
      <c r="V90" s="17">
        <v>1.2148752178709683</v>
      </c>
      <c r="W90" s="17">
        <v>1.2549714205066687</v>
      </c>
      <c r="X90" s="17">
        <v>1.22</v>
      </c>
      <c r="Y90" s="17">
        <v>1.1301685176809555</v>
      </c>
      <c r="Z90" s="17">
        <v>1.2086240606989129</v>
      </c>
      <c r="AA90" s="43">
        <v>1.3134353690408243</v>
      </c>
      <c r="AB90" s="17">
        <v>1.2570798501791336</v>
      </c>
      <c r="AC90" s="8">
        <v>1.284659548014335</v>
      </c>
      <c r="AD90" s="17">
        <v>1.2700114825210511</v>
      </c>
      <c r="AE90" s="17">
        <v>1.3092113044290206</v>
      </c>
      <c r="AF90" s="17">
        <v>1.3991057397291027</v>
      </c>
      <c r="AG90" s="17">
        <v>1.348817407757805</v>
      </c>
      <c r="AH90" s="17">
        <v>1.425088460221436</v>
      </c>
      <c r="AI90" s="17">
        <v>1.4240072544760538</v>
      </c>
      <c r="AJ90" s="17">
        <v>1.3790586073105984</v>
      </c>
      <c r="AK90" s="17">
        <v>1</v>
      </c>
      <c r="AL90" s="17">
        <v>1.1467549445451861</v>
      </c>
      <c r="AM90" s="17">
        <v>1.1686640035508211</v>
      </c>
      <c r="AN90" s="17">
        <v>1.000163758347473</v>
      </c>
      <c r="AO90" s="17">
        <v>0.95186726868440397</v>
      </c>
      <c r="AP90" s="17">
        <v>1.2631375286013968</v>
      </c>
      <c r="AQ90" s="17">
        <v>1.2820295399529105</v>
      </c>
      <c r="AR90" s="17">
        <v>1.4509950691020208</v>
      </c>
      <c r="AS90" s="17">
        <v>1.2708876607479327</v>
      </c>
      <c r="AT90" s="17">
        <v>1.1532842188787211</v>
      </c>
      <c r="AU90" s="17">
        <v>1.0370916343596144</v>
      </c>
      <c r="AV90" s="17">
        <v>0.95603067824014976</v>
      </c>
      <c r="AW90" s="8">
        <v>0.90041055909743117</v>
      </c>
      <c r="AX90" s="17">
        <v>0.90029993762511362</v>
      </c>
      <c r="AY90" s="17">
        <v>0.92538129359548371</v>
      </c>
      <c r="AZ90" s="17">
        <v>0.89215698964878898</v>
      </c>
      <c r="BA90" s="17">
        <v>0.72601538308419322</v>
      </c>
      <c r="BB90" s="17">
        <v>0.67378361896811134</v>
      </c>
      <c r="BC90" s="17">
        <v>0.75917651501169925</v>
      </c>
      <c r="BD90" s="17">
        <v>0.86506277658120445</v>
      </c>
      <c r="BE90" s="17"/>
    </row>
    <row r="91" spans="3:57" x14ac:dyDescent="0.2">
      <c r="C91" s="18" t="s">
        <v>100</v>
      </c>
      <c r="D91" s="6" t="s">
        <v>58</v>
      </c>
      <c r="E91" s="8">
        <v>0.77843347397982243</v>
      </c>
      <c r="F91" s="8">
        <v>0.80618590969705584</v>
      </c>
      <c r="G91" s="8">
        <v>0.81547649884111439</v>
      </c>
      <c r="H91" s="8">
        <v>0.84876880470574756</v>
      </c>
      <c r="I91" s="62">
        <v>0.70328234063683259</v>
      </c>
      <c r="J91" s="8">
        <v>0.68004178355018929</v>
      </c>
      <c r="K91" s="8">
        <v>0.6867875043185826</v>
      </c>
      <c r="L91" s="8">
        <v>0.68531495373754725</v>
      </c>
      <c r="M91" s="8">
        <v>0.66086565833420652</v>
      </c>
      <c r="N91" s="8">
        <v>0.76977074171889914</v>
      </c>
      <c r="O91" s="8">
        <v>0.76383862431585359</v>
      </c>
      <c r="P91" s="8">
        <v>0.75022991149822804</v>
      </c>
      <c r="Q91" s="8">
        <v>0.77620123058222223</v>
      </c>
      <c r="R91" s="8">
        <v>0.72388740820565789</v>
      </c>
      <c r="S91" s="8">
        <v>0.68340647323763704</v>
      </c>
      <c r="T91" s="8">
        <v>0.66861806792132883</v>
      </c>
      <c r="U91" s="8">
        <v>0.70514984214896625</v>
      </c>
      <c r="V91" s="8">
        <v>0.75935097461566825</v>
      </c>
      <c r="W91" s="8">
        <v>0.80724068764962897</v>
      </c>
      <c r="X91" s="8">
        <v>0.8</v>
      </c>
      <c r="Y91" s="8">
        <v>0.76435073221448202</v>
      </c>
      <c r="Z91" s="8">
        <v>0.7689068492652692</v>
      </c>
      <c r="AA91" s="39">
        <v>0.8348336366792205</v>
      </c>
      <c r="AB91" s="8">
        <v>0.81590916484970388</v>
      </c>
      <c r="AC91" s="8">
        <v>0.79135651331132451</v>
      </c>
      <c r="AD91" s="8">
        <v>0.77004530493321388</v>
      </c>
      <c r="AE91" s="8">
        <v>0.78251461183529847</v>
      </c>
      <c r="AF91" s="8">
        <v>0.79029393936995374</v>
      </c>
      <c r="AG91" s="8">
        <v>0.80084714259305145</v>
      </c>
      <c r="AH91" s="8">
        <v>0.80997484377401596</v>
      </c>
      <c r="AI91" s="8">
        <v>0.78478799296700874</v>
      </c>
      <c r="AJ91" s="8">
        <v>0.83833370815972419</v>
      </c>
      <c r="AK91" s="8">
        <v>0.81722275706334668</v>
      </c>
      <c r="AL91" s="8">
        <v>1.0035159554654467</v>
      </c>
      <c r="AM91" s="8">
        <v>1.0452082596556838</v>
      </c>
      <c r="AN91" s="8">
        <v>1.0077957985941395</v>
      </c>
      <c r="AO91" s="8">
        <v>0.97334903368751124</v>
      </c>
      <c r="AP91" s="8">
        <v>0.97416611604952619</v>
      </c>
      <c r="AQ91" s="8">
        <v>0.97879201103088975</v>
      </c>
      <c r="AR91" s="8">
        <v>0.95706742510660781</v>
      </c>
      <c r="AS91" s="8">
        <v>0.97320399491280629</v>
      </c>
      <c r="AT91" s="8">
        <v>0.94393416823952403</v>
      </c>
      <c r="AU91" s="8">
        <v>0.9011497750737969</v>
      </c>
      <c r="AV91" s="8">
        <v>0.87631434466934444</v>
      </c>
      <c r="AW91" s="8">
        <v>0.83555567055144142</v>
      </c>
      <c r="AX91" s="8">
        <v>0.76508435884587878</v>
      </c>
      <c r="AY91" s="8">
        <v>0.74460260706404013</v>
      </c>
      <c r="AZ91" s="8">
        <v>0.75192033793428459</v>
      </c>
      <c r="BA91" s="8">
        <v>0.68670285226416949</v>
      </c>
      <c r="BB91" s="8">
        <v>0.70957393768300203</v>
      </c>
      <c r="BC91" s="8">
        <v>0.67962297249280545</v>
      </c>
      <c r="BD91" s="8">
        <v>0.61774499571220554</v>
      </c>
      <c r="BE91" s="17"/>
    </row>
    <row r="92" spans="3:57" x14ac:dyDescent="0.2">
      <c r="C92" s="16" t="s">
        <v>89</v>
      </c>
      <c r="D92" s="6" t="s">
        <v>58</v>
      </c>
      <c r="E92" s="8">
        <v>0.71045271201766191</v>
      </c>
      <c r="F92" s="8">
        <v>0.78007553249430084</v>
      </c>
      <c r="G92" s="8">
        <v>0.72608537254307282</v>
      </c>
      <c r="H92" s="8">
        <v>0.78116408176101371</v>
      </c>
      <c r="I92" s="62">
        <v>0.79343412416085457</v>
      </c>
      <c r="J92" s="8">
        <v>0.76089950083461744</v>
      </c>
      <c r="K92" s="8">
        <v>0.74130980227290011</v>
      </c>
      <c r="L92" s="8">
        <v>0.77353120918040041</v>
      </c>
      <c r="M92" s="8">
        <v>0.76647655382549651</v>
      </c>
      <c r="N92" s="8">
        <v>0.77554359348256618</v>
      </c>
      <c r="O92" s="8">
        <v>0.77380637769786853</v>
      </c>
      <c r="P92" s="8">
        <v>0.76469680480836155</v>
      </c>
      <c r="Q92" s="8">
        <v>0.80885767859967805</v>
      </c>
      <c r="R92" s="8">
        <v>0.79943423754140119</v>
      </c>
      <c r="S92" s="8">
        <v>0.7856192774800963</v>
      </c>
      <c r="T92" s="8">
        <v>0.76222710611619404</v>
      </c>
      <c r="U92" s="8">
        <v>0.77699625842335884</v>
      </c>
      <c r="V92" s="8">
        <v>0.78343787887468319</v>
      </c>
      <c r="W92" s="8">
        <v>0.75508566488383178</v>
      </c>
      <c r="X92" s="8">
        <v>0.79</v>
      </c>
      <c r="Y92" s="8">
        <v>0.79373925922277666</v>
      </c>
      <c r="Z92" s="8">
        <v>0.78451567314279846</v>
      </c>
      <c r="AA92" s="39">
        <v>0.75434763678482741</v>
      </c>
      <c r="AB92" s="8">
        <v>0.80481695631134997</v>
      </c>
      <c r="AC92" s="8">
        <v>0.81873550895065528</v>
      </c>
      <c r="AD92" s="8">
        <v>0.81342824977118122</v>
      </c>
      <c r="AE92" s="8">
        <v>0.82984879878080109</v>
      </c>
      <c r="AF92" s="8">
        <v>0.77078590076962916</v>
      </c>
      <c r="AG92" s="8">
        <v>0.78542194038220958</v>
      </c>
      <c r="AH92" s="8">
        <v>0.79481835732454009</v>
      </c>
      <c r="AI92" s="8">
        <v>0.75700406087016048</v>
      </c>
      <c r="AJ92" s="8">
        <v>0.74346451957777571</v>
      </c>
      <c r="AK92" s="8">
        <v>0.70734117436013233</v>
      </c>
      <c r="AL92" s="8">
        <v>0.7368716365553496</v>
      </c>
      <c r="AM92" s="8">
        <v>0.86962488538913763</v>
      </c>
      <c r="AN92" s="8">
        <v>0.88255377054440598</v>
      </c>
      <c r="AO92" s="8">
        <v>0.89003821480493284</v>
      </c>
      <c r="AP92" s="8">
        <v>0.83733921537771927</v>
      </c>
      <c r="AQ92" s="8">
        <v>0.83960208151806426</v>
      </c>
      <c r="AR92" s="8">
        <v>0.80942495758221367</v>
      </c>
      <c r="AS92" s="8">
        <v>0.8025716717815462</v>
      </c>
      <c r="AT92" s="8">
        <v>0.85036869601871734</v>
      </c>
      <c r="AU92" s="8">
        <v>0.82898821032775283</v>
      </c>
      <c r="AV92" s="8">
        <v>0.75102330772753101</v>
      </c>
      <c r="AW92" s="8">
        <v>0.76082650938080021</v>
      </c>
      <c r="AX92" s="8">
        <v>0.75015857378534179</v>
      </c>
      <c r="AY92" s="8">
        <v>0.75780268947993723</v>
      </c>
      <c r="AZ92" s="8">
        <v>0.79033964239124488</v>
      </c>
      <c r="BA92" s="8">
        <v>0.77041444607700671</v>
      </c>
      <c r="BB92" s="8">
        <v>0.77331190838547037</v>
      </c>
      <c r="BC92" s="8">
        <v>0.77977328499085241</v>
      </c>
      <c r="BD92" s="8">
        <v>0.78322693844028823</v>
      </c>
      <c r="BE92" s="17"/>
    </row>
    <row r="93" spans="3:57" x14ac:dyDescent="0.2">
      <c r="C93" s="16" t="s">
        <v>95</v>
      </c>
      <c r="D93" s="6" t="s">
        <v>58</v>
      </c>
      <c r="E93" s="8">
        <v>0.8627787384740544</v>
      </c>
      <c r="F93" s="8">
        <v>0.93092402777072059</v>
      </c>
      <c r="G93" s="8">
        <v>0.93805111063994318</v>
      </c>
      <c r="H93" s="8">
        <v>0.88960325407577578</v>
      </c>
      <c r="I93" s="62">
        <v>0.92967149274330363</v>
      </c>
      <c r="J93" s="8">
        <v>0.90883573045055832</v>
      </c>
      <c r="K93" s="8">
        <v>0.9199691752003879</v>
      </c>
      <c r="L93" s="8">
        <v>0.8324127449108133</v>
      </c>
      <c r="M93" s="8">
        <v>0.73391922894585349</v>
      </c>
      <c r="N93" s="8">
        <v>0.75779038691788358</v>
      </c>
      <c r="O93" s="8">
        <v>0.77143772060292581</v>
      </c>
      <c r="P93" s="8">
        <v>0.74347255944295287</v>
      </c>
      <c r="Q93" s="8">
        <v>0.74122110279525799</v>
      </c>
      <c r="R93" s="8">
        <v>0.74410107013040772</v>
      </c>
      <c r="S93" s="8">
        <v>0.91582110347569179</v>
      </c>
      <c r="T93" s="8">
        <v>0.94308790899715622</v>
      </c>
      <c r="U93" s="8">
        <v>0.95601082572515661</v>
      </c>
      <c r="V93" s="8">
        <v>1.0044962830284985</v>
      </c>
      <c r="W93" s="8">
        <v>1.0295674556600496</v>
      </c>
      <c r="X93" s="8">
        <v>1.1000000000000001</v>
      </c>
      <c r="Y93" s="8">
        <v>1.1009382941787886</v>
      </c>
      <c r="Z93" s="8">
        <v>1.1183210313041683</v>
      </c>
      <c r="AA93" s="39">
        <v>1.1879629162613634</v>
      </c>
      <c r="AB93" s="8">
        <v>1.1050226120323421</v>
      </c>
      <c r="AC93" s="8">
        <v>1.1674417116576685</v>
      </c>
      <c r="AD93" s="8">
        <v>1.1532095273118157</v>
      </c>
      <c r="AE93" s="8">
        <v>1.1637054685727253</v>
      </c>
      <c r="AF93" s="8">
        <v>1.283811981153242</v>
      </c>
      <c r="AG93" s="8">
        <v>1.4525157232704404</v>
      </c>
      <c r="AH93" s="8">
        <v>1.32828733621336</v>
      </c>
      <c r="AI93" s="8">
        <v>1.0299618433071098</v>
      </c>
      <c r="AJ93" s="8">
        <v>1.1714216561520452</v>
      </c>
      <c r="AK93" s="8">
        <v>1.1304844419249183</v>
      </c>
      <c r="AL93" s="8">
        <v>1.1827553240896251</v>
      </c>
      <c r="AM93" s="8">
        <v>1.1746446630166738</v>
      </c>
      <c r="AN93" s="8">
        <v>1.1146465604711977</v>
      </c>
      <c r="AO93" s="8">
        <v>1.1911637816745804</v>
      </c>
      <c r="AP93" s="8">
        <v>1.1510491785459176</v>
      </c>
      <c r="AQ93" s="8">
        <v>1.0758451576128496</v>
      </c>
      <c r="AR93" s="8">
        <v>1.0858191619476454</v>
      </c>
      <c r="AS93" s="8">
        <v>1.1616455090278974</v>
      </c>
      <c r="AT93" s="8">
        <v>1.1352766442973172</v>
      </c>
      <c r="AU93" s="8">
        <v>1.1549623515760485</v>
      </c>
      <c r="AV93" s="8">
        <v>1.0351883542597933</v>
      </c>
      <c r="AW93" s="8">
        <v>1.0129163347402066</v>
      </c>
      <c r="AX93" s="8">
        <v>1.0743247483156853</v>
      </c>
      <c r="AY93" s="8">
        <v>1.0311193637429183</v>
      </c>
      <c r="AZ93" s="8">
        <v>1.0578655324595838</v>
      </c>
      <c r="BA93" s="8">
        <v>1.0455228145796727</v>
      </c>
      <c r="BB93" s="8">
        <v>1.0516374220349509</v>
      </c>
      <c r="BC93" s="8">
        <v>1.017108040152688</v>
      </c>
      <c r="BD93" s="8">
        <v>1.1176412190545113</v>
      </c>
      <c r="BE93" s="17"/>
    </row>
    <row r="94" spans="3:57" x14ac:dyDescent="0.2">
      <c r="C94" s="23" t="s">
        <v>96</v>
      </c>
      <c r="D94" s="6" t="s">
        <v>58</v>
      </c>
      <c r="E94" s="17">
        <v>1.0869680258894185</v>
      </c>
      <c r="F94" s="17">
        <v>1.0325060948674434</v>
      </c>
      <c r="G94" s="17">
        <v>1.0792376052676904</v>
      </c>
      <c r="H94" s="17">
        <v>1.176462782319563</v>
      </c>
      <c r="I94" s="62">
        <v>1.0196403249758592</v>
      </c>
      <c r="J94" s="17">
        <v>1.0482163263176942</v>
      </c>
      <c r="K94" s="17">
        <v>1.0525229966191294</v>
      </c>
      <c r="L94" s="17">
        <v>1.0746535210542376</v>
      </c>
      <c r="M94" s="17">
        <v>1.0618555154848139</v>
      </c>
      <c r="N94" s="17">
        <v>1.0528941214892558</v>
      </c>
      <c r="O94" s="17">
        <v>1.0163957106692416</v>
      </c>
      <c r="P94" s="17">
        <v>1.0597802899792546</v>
      </c>
      <c r="Q94" s="17">
        <v>1.0647952218555377</v>
      </c>
      <c r="R94" s="17">
        <v>1.0725995781527531</v>
      </c>
      <c r="S94" s="17">
        <v>1.0356007424891529</v>
      </c>
      <c r="T94" s="17">
        <v>0.95997832656460258</v>
      </c>
      <c r="U94" s="17">
        <v>0.93472968753551555</v>
      </c>
      <c r="V94" s="17">
        <v>0.93202322312765062</v>
      </c>
      <c r="W94" s="17">
        <v>0.98565369044847195</v>
      </c>
      <c r="X94" s="17">
        <v>0.97</v>
      </c>
      <c r="Y94" s="17">
        <v>0.95590965771702308</v>
      </c>
      <c r="Z94" s="17">
        <v>0.96061380720270284</v>
      </c>
      <c r="AA94" s="43">
        <v>0.95831422357496832</v>
      </c>
      <c r="AB94" s="17">
        <v>0.95884039983636682</v>
      </c>
      <c r="AC94" s="8">
        <v>0.92610431274041816</v>
      </c>
      <c r="AD94" s="17">
        <v>0.8636547474856654</v>
      </c>
      <c r="AE94" s="17">
        <v>0.86276371929275297</v>
      </c>
      <c r="AF94" s="17">
        <v>0.88016771643649705</v>
      </c>
      <c r="AG94" s="17">
        <v>0.80529406920853719</v>
      </c>
      <c r="AH94" s="17">
        <v>0.85417155371136932</v>
      </c>
      <c r="AI94" s="17">
        <v>0.8781526674329192</v>
      </c>
      <c r="AJ94" s="17">
        <v>0.8782638164661335</v>
      </c>
      <c r="AK94" s="17">
        <v>0.8967495045014241</v>
      </c>
      <c r="AL94" s="17">
        <v>0.90755325581727253</v>
      </c>
      <c r="AM94" s="17">
        <v>0.98592333861531434</v>
      </c>
      <c r="AN94" s="17">
        <v>0.99627785597402163</v>
      </c>
      <c r="AO94" s="17">
        <v>1.1398829422283132</v>
      </c>
      <c r="AP94" s="17">
        <v>1.2051846467346017</v>
      </c>
      <c r="AQ94" s="17">
        <v>1.2559038852885005</v>
      </c>
      <c r="AR94" s="17">
        <v>1.334905290808295</v>
      </c>
      <c r="AS94" s="17">
        <v>1.4152314271067317</v>
      </c>
      <c r="AT94" s="17">
        <v>1.45511007942443</v>
      </c>
      <c r="AU94" s="17">
        <v>1.4750287350221134</v>
      </c>
      <c r="AV94" s="17">
        <v>1.4869019984252219</v>
      </c>
      <c r="AW94" s="8">
        <v>1.5055245413845442</v>
      </c>
      <c r="AX94" s="17">
        <v>1.5291141174766529</v>
      </c>
      <c r="AY94" s="17">
        <v>1.5269734565557829</v>
      </c>
      <c r="AZ94" s="17">
        <v>1.5094444652961618</v>
      </c>
      <c r="BA94" s="17">
        <v>1.4618549971560921</v>
      </c>
      <c r="BB94" s="17">
        <v>1.337909804127636</v>
      </c>
      <c r="BC94" s="17">
        <v>1.2457736118841929</v>
      </c>
      <c r="BD94" s="17">
        <v>1.1787757546233115</v>
      </c>
      <c r="BE94" s="23"/>
    </row>
    <row r="95" spans="3:57" x14ac:dyDescent="0.2">
      <c r="C95" s="67"/>
      <c r="D95" s="64"/>
      <c r="E95" s="65"/>
      <c r="F95" s="65"/>
      <c r="G95" s="65"/>
      <c r="H95" s="65"/>
      <c r="J95" s="65"/>
      <c r="K95" s="65"/>
      <c r="L95" s="65"/>
      <c r="M95" s="65"/>
      <c r="N95" s="65"/>
      <c r="O95" s="65"/>
      <c r="P95" s="65"/>
      <c r="Q95" s="65"/>
      <c r="R95" s="65"/>
      <c r="S95" s="65"/>
      <c r="T95" s="65"/>
      <c r="U95" s="65"/>
      <c r="V95" s="65"/>
      <c r="W95" s="65"/>
      <c r="X95" s="65"/>
      <c r="Y95" s="65"/>
      <c r="Z95" s="65"/>
      <c r="AA95" s="65"/>
      <c r="AB95" s="65"/>
      <c r="AC95" s="65"/>
      <c r="AD95" s="65"/>
      <c r="AE95" s="65"/>
      <c r="AG95" s="65"/>
      <c r="AH95" s="65"/>
      <c r="AO95" s="65"/>
      <c r="AQ95" s="65"/>
      <c r="AR95" s="65"/>
      <c r="AS95" s="65"/>
      <c r="AT95" s="65"/>
      <c r="AU95" s="65"/>
      <c r="AV95" s="65"/>
      <c r="AW95" s="65"/>
      <c r="AX95" s="65"/>
      <c r="AY95" s="65"/>
      <c r="AZ95" s="65"/>
      <c r="BA95" s="65"/>
      <c r="BB95" s="65"/>
      <c r="BC95" s="65"/>
    </row>
    <row r="96" spans="3:57" x14ac:dyDescent="0.2">
      <c r="D96" s="64"/>
      <c r="E96" s="65"/>
      <c r="F96" s="65"/>
      <c r="G96" s="65"/>
      <c r="H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7" x14ac:dyDescent="0.2">
      <c r="C97" s="23" t="s">
        <v>106</v>
      </c>
      <c r="D97" s="6" t="s">
        <v>58</v>
      </c>
      <c r="E97" s="17">
        <v>6.35</v>
      </c>
      <c r="F97" s="17">
        <v>6.31</v>
      </c>
      <c r="G97" s="17">
        <v>6.28</v>
      </c>
      <c r="H97" s="17">
        <v>6.18</v>
      </c>
      <c r="I97" s="62">
        <v>6.33</v>
      </c>
      <c r="J97" s="17">
        <v>6.37</v>
      </c>
      <c r="K97" s="17">
        <v>6.22</v>
      </c>
      <c r="L97" s="17">
        <v>6.43</v>
      </c>
      <c r="M97" s="17">
        <v>6.44</v>
      </c>
      <c r="N97" s="17">
        <v>6.37</v>
      </c>
      <c r="O97" s="17">
        <v>6.43</v>
      </c>
      <c r="P97" s="17">
        <v>6.54</v>
      </c>
      <c r="Q97" s="17">
        <v>6.33</v>
      </c>
      <c r="R97" s="17">
        <v>6.43</v>
      </c>
      <c r="S97" s="17">
        <v>6.34</v>
      </c>
      <c r="T97" s="17">
        <v>6.77</v>
      </c>
      <c r="U97" s="17">
        <v>6.3</v>
      </c>
      <c r="V97" s="17">
        <v>6.51</v>
      </c>
      <c r="W97" s="17">
        <v>6.39</v>
      </c>
      <c r="X97" s="17">
        <v>6.31</v>
      </c>
      <c r="Y97" s="17">
        <v>6.26</v>
      </c>
      <c r="Z97" s="17">
        <v>6.54</v>
      </c>
      <c r="AA97" s="17">
        <v>6.49</v>
      </c>
      <c r="AB97" s="17">
        <v>6.52</v>
      </c>
      <c r="AC97" s="17">
        <v>6.58</v>
      </c>
      <c r="AD97" s="17">
        <v>6.52</v>
      </c>
      <c r="AE97" s="20">
        <v>7.06</v>
      </c>
      <c r="AF97" s="17">
        <v>7.02</v>
      </c>
      <c r="AG97" s="17">
        <v>6.79</v>
      </c>
      <c r="AH97" s="17">
        <v>6.52</v>
      </c>
      <c r="AI97" s="17">
        <v>6.76</v>
      </c>
      <c r="AJ97" s="17">
        <v>6.76</v>
      </c>
      <c r="AK97" s="17">
        <v>6.75</v>
      </c>
      <c r="AL97" s="105">
        <v>6.62</v>
      </c>
      <c r="AM97" s="17">
        <v>6.51</v>
      </c>
      <c r="AN97" s="17">
        <v>7.11</v>
      </c>
      <c r="AO97" s="17">
        <v>7.59</v>
      </c>
      <c r="AP97" s="17">
        <v>7.59</v>
      </c>
      <c r="AQ97" s="17">
        <v>7.12</v>
      </c>
      <c r="AR97" s="17">
        <v>7.61</v>
      </c>
      <c r="AS97" s="17">
        <v>7.45</v>
      </c>
      <c r="AT97" s="17">
        <v>7.58</v>
      </c>
      <c r="AU97" s="17">
        <v>7.54</v>
      </c>
      <c r="AV97" s="17">
        <v>7.7</v>
      </c>
      <c r="AW97" s="17">
        <v>7.5</v>
      </c>
      <c r="AX97" s="17">
        <v>7.5</v>
      </c>
      <c r="AY97" s="17">
        <v>7.37</v>
      </c>
      <c r="AZ97" s="17">
        <v>7.37</v>
      </c>
      <c r="BA97" s="17">
        <v>7.33</v>
      </c>
      <c r="BB97" s="17">
        <v>7.68</v>
      </c>
      <c r="BC97" s="17">
        <v>7.68</v>
      </c>
      <c r="BD97" s="17">
        <v>7.74</v>
      </c>
      <c r="BE97" s="23"/>
    </row>
    <row r="98" spans="3:57" x14ac:dyDescent="0.2">
      <c r="D98" s="64"/>
      <c r="E98" s="65"/>
      <c r="F98" s="65"/>
      <c r="G98" s="65"/>
      <c r="H98" s="65"/>
      <c r="K98" s="65"/>
      <c r="L98" s="65"/>
      <c r="M98" s="65"/>
      <c r="N98" s="65"/>
      <c r="O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102" spans="3:57" x14ac:dyDescent="0.2">
      <c r="C102" s="1" t="s">
        <v>97</v>
      </c>
      <c r="E102" s="2">
        <v>2015</v>
      </c>
      <c r="F102" s="1"/>
      <c r="G102" s="1"/>
      <c r="H102" s="1"/>
      <c r="I102" s="1"/>
      <c r="J102" s="1"/>
      <c r="K102" s="1"/>
      <c r="L102" s="1"/>
      <c r="M102" s="1"/>
    </row>
    <row r="103" spans="3:57" x14ac:dyDescent="0.2">
      <c r="C103" s="3" t="s">
        <v>2</v>
      </c>
      <c r="D103" s="3" t="s">
        <v>3</v>
      </c>
      <c r="E103" s="4" t="s">
        <v>15</v>
      </c>
      <c r="F103" s="4" t="s">
        <v>16</v>
      </c>
      <c r="G103" s="4" t="s">
        <v>17</v>
      </c>
      <c r="H103" s="4" t="s">
        <v>18</v>
      </c>
      <c r="I103" s="4" t="s">
        <v>19</v>
      </c>
      <c r="J103" s="4" t="s">
        <v>20</v>
      </c>
      <c r="K103" s="4" t="s">
        <v>21</v>
      </c>
      <c r="L103" s="4" t="s">
        <v>22</v>
      </c>
      <c r="M103" s="4" t="s">
        <v>23</v>
      </c>
      <c r="N103" s="4" t="s">
        <v>24</v>
      </c>
      <c r="O103" s="4" t="s">
        <v>25</v>
      </c>
      <c r="P103" s="4" t="s">
        <v>26</v>
      </c>
      <c r="Q103" s="4" t="s">
        <v>27</v>
      </c>
      <c r="R103" s="4" t="s">
        <v>28</v>
      </c>
      <c r="S103" s="4" t="s">
        <v>29</v>
      </c>
      <c r="T103" s="4" t="s">
        <v>30</v>
      </c>
      <c r="U103" s="4" t="s">
        <v>31</v>
      </c>
      <c r="V103" s="4" t="s">
        <v>32</v>
      </c>
      <c r="W103" s="4" t="s">
        <v>33</v>
      </c>
      <c r="X103" s="4" t="s">
        <v>34</v>
      </c>
      <c r="Y103" s="4" t="s">
        <v>35</v>
      </c>
      <c r="Z103" s="4" t="s">
        <v>36</v>
      </c>
      <c r="AA103" s="4" t="s">
        <v>37</v>
      </c>
      <c r="AB103" s="4" t="s">
        <v>38</v>
      </c>
      <c r="AC103" s="26" t="s">
        <v>39</v>
      </c>
      <c r="AD103" s="4" t="s">
        <v>40</v>
      </c>
      <c r="AE103" s="4" t="s">
        <v>41</v>
      </c>
      <c r="AF103" s="4" t="s">
        <v>42</v>
      </c>
      <c r="AG103" s="4" t="s">
        <v>43</v>
      </c>
      <c r="AH103" s="4" t="s">
        <v>44</v>
      </c>
      <c r="AI103" s="4" t="s">
        <v>45</v>
      </c>
      <c r="AJ103" s="4" t="s">
        <v>46</v>
      </c>
      <c r="AK103" s="4" t="s">
        <v>47</v>
      </c>
      <c r="AL103" s="4" t="s">
        <v>48</v>
      </c>
      <c r="AM103" s="4" t="s">
        <v>49</v>
      </c>
      <c r="AN103" s="4" t="s">
        <v>50</v>
      </c>
      <c r="AO103" s="4" t="s">
        <v>51</v>
      </c>
      <c r="AP103" s="4" t="s">
        <v>52</v>
      </c>
      <c r="AQ103" s="4" t="s">
        <v>53</v>
      </c>
      <c r="AR103" s="4" t="s">
        <v>54</v>
      </c>
      <c r="AS103" s="4" t="s">
        <v>55</v>
      </c>
      <c r="AT103" s="4" t="s">
        <v>4</v>
      </c>
      <c r="AU103" s="4" t="s">
        <v>5</v>
      </c>
      <c r="AV103" s="4" t="s">
        <v>6</v>
      </c>
      <c r="AW103" s="4" t="s">
        <v>7</v>
      </c>
      <c r="AX103" s="4" t="s">
        <v>8</v>
      </c>
      <c r="AY103" s="4" t="s">
        <v>9</v>
      </c>
      <c r="AZ103" s="4" t="s">
        <v>10</v>
      </c>
      <c r="BA103" s="4" t="s">
        <v>11</v>
      </c>
      <c r="BB103" s="4" t="s">
        <v>12</v>
      </c>
      <c r="BC103" s="4" t="s">
        <v>13</v>
      </c>
      <c r="BD103" s="4" t="s">
        <v>14</v>
      </c>
      <c r="BE103" s="4" t="s">
        <v>56</v>
      </c>
    </row>
    <row r="104" spans="3:57" x14ac:dyDescent="0.2">
      <c r="C104" s="5" t="s">
        <v>57</v>
      </c>
      <c r="D104" s="6" t="s">
        <v>58</v>
      </c>
      <c r="E104" s="8">
        <v>16.41</v>
      </c>
      <c r="F104" s="8">
        <v>16.510000000000002</v>
      </c>
      <c r="G104" s="8">
        <v>16.600000000000001</v>
      </c>
      <c r="H104" s="8">
        <v>16.54</v>
      </c>
      <c r="I104" s="62">
        <v>16.52</v>
      </c>
      <c r="J104" s="8">
        <v>16.37</v>
      </c>
      <c r="K104" s="8">
        <v>16.18</v>
      </c>
      <c r="L104" s="8">
        <v>16.23</v>
      </c>
      <c r="M104" s="8">
        <v>16.14</v>
      </c>
      <c r="N104" s="8">
        <v>16.22</v>
      </c>
      <c r="O104" s="8">
        <v>16.309999999999999</v>
      </c>
      <c r="P104" s="8">
        <v>16.12</v>
      </c>
      <c r="Q104" s="8">
        <v>16.09</v>
      </c>
      <c r="R104" s="8">
        <v>16.23</v>
      </c>
      <c r="S104" s="8">
        <v>16.260000000000002</v>
      </c>
      <c r="T104" s="8">
        <v>16.27</v>
      </c>
      <c r="U104" s="8">
        <v>16.260000000000002</v>
      </c>
      <c r="V104" s="8">
        <v>16.07</v>
      </c>
      <c r="W104" s="8">
        <v>16.09</v>
      </c>
      <c r="X104" s="8">
        <v>16.14</v>
      </c>
      <c r="Y104" s="8">
        <v>16.12</v>
      </c>
      <c r="Z104" s="8">
        <v>16.03</v>
      </c>
      <c r="AA104" s="8">
        <v>15.92</v>
      </c>
      <c r="AB104" s="8">
        <v>16.22</v>
      </c>
      <c r="AC104" s="8">
        <v>12.11</v>
      </c>
      <c r="AD104" s="8">
        <v>16.29</v>
      </c>
      <c r="AE104" s="8">
        <v>16.3</v>
      </c>
      <c r="AF104" s="8">
        <v>16.36</v>
      </c>
      <c r="AG104" s="8">
        <v>16.3</v>
      </c>
      <c r="AH104" s="8">
        <v>16.170000000000002</v>
      </c>
      <c r="AI104" s="8">
        <v>16.190000000000001</v>
      </c>
      <c r="AJ104" s="8">
        <v>16.11</v>
      </c>
      <c r="AK104" s="8">
        <v>16.190000000000001</v>
      </c>
      <c r="AL104" s="8">
        <v>12.61</v>
      </c>
      <c r="AM104" s="8">
        <v>16.190000000000001</v>
      </c>
      <c r="AN104" s="8">
        <v>16.14</v>
      </c>
      <c r="AO104" s="8">
        <v>16.14</v>
      </c>
      <c r="AP104" s="8">
        <v>16.18</v>
      </c>
      <c r="AQ104" s="8">
        <v>15.92</v>
      </c>
      <c r="AR104" s="8">
        <v>15.91</v>
      </c>
      <c r="AS104" s="8">
        <v>16.02</v>
      </c>
      <c r="AT104" s="8">
        <v>16.09</v>
      </c>
      <c r="AU104" s="8">
        <v>16.059999999999999</v>
      </c>
      <c r="AV104" s="8">
        <v>16.010000000000002</v>
      </c>
      <c r="AW104" s="8">
        <v>16.16</v>
      </c>
      <c r="AX104" s="8">
        <v>16.16</v>
      </c>
      <c r="AY104" s="8">
        <v>16.14</v>
      </c>
      <c r="AZ104" s="8">
        <v>16.079999999999998</v>
      </c>
      <c r="BA104" s="8">
        <v>16.25</v>
      </c>
      <c r="BB104" s="8">
        <v>16.25</v>
      </c>
      <c r="BC104" s="8">
        <v>16.3</v>
      </c>
      <c r="BD104" s="8">
        <v>16.3</v>
      </c>
      <c r="BE104" s="17"/>
    </row>
    <row r="105" spans="3:57" x14ac:dyDescent="0.2">
      <c r="C105" s="5" t="s">
        <v>59</v>
      </c>
      <c r="D105" s="6" t="s">
        <v>58</v>
      </c>
      <c r="E105" s="8">
        <v>11.15</v>
      </c>
      <c r="F105" s="8">
        <v>11.18</v>
      </c>
      <c r="G105" s="8">
        <v>11.2</v>
      </c>
      <c r="H105" s="8">
        <v>11.04</v>
      </c>
      <c r="I105" s="62">
        <v>11.02</v>
      </c>
      <c r="J105" s="8">
        <v>11.04</v>
      </c>
      <c r="K105" s="8">
        <v>11.02</v>
      </c>
      <c r="L105" s="8">
        <v>11.04</v>
      </c>
      <c r="M105" s="8">
        <v>10.98</v>
      </c>
      <c r="N105" s="8">
        <v>11.09</v>
      </c>
      <c r="O105" s="8">
        <v>11.09</v>
      </c>
      <c r="P105" s="8">
        <v>11.2</v>
      </c>
      <c r="Q105" s="8">
        <v>11.2</v>
      </c>
      <c r="R105" s="8">
        <v>11.2</v>
      </c>
      <c r="S105" s="8">
        <v>11.19</v>
      </c>
      <c r="T105" s="8">
        <v>11.13</v>
      </c>
      <c r="U105" s="8">
        <v>11.12</v>
      </c>
      <c r="V105" s="8">
        <v>11.11</v>
      </c>
      <c r="W105" s="8">
        <v>11.16</v>
      </c>
      <c r="X105" s="8">
        <v>11.14</v>
      </c>
      <c r="Y105" s="8">
        <v>11.14</v>
      </c>
      <c r="Z105" s="8">
        <v>11.1</v>
      </c>
      <c r="AA105" s="8">
        <v>11.02</v>
      </c>
      <c r="AB105" s="8">
        <v>11.02</v>
      </c>
      <c r="AC105" s="8">
        <v>10.95</v>
      </c>
      <c r="AD105" s="8">
        <v>10.91</v>
      </c>
      <c r="AE105" s="8">
        <v>10.81</v>
      </c>
      <c r="AF105" s="8">
        <v>10.84</v>
      </c>
      <c r="AG105" s="8">
        <v>10.84</v>
      </c>
      <c r="AH105" s="8">
        <v>10.91</v>
      </c>
      <c r="AI105" s="8">
        <v>10.95</v>
      </c>
      <c r="AJ105" s="8">
        <v>10.84</v>
      </c>
      <c r="AK105" s="8">
        <v>10.82</v>
      </c>
      <c r="AL105" s="8">
        <v>10.81</v>
      </c>
      <c r="AM105" s="8">
        <v>10.91</v>
      </c>
      <c r="AN105" s="8">
        <v>10.76</v>
      </c>
      <c r="AO105" s="8">
        <v>10.83</v>
      </c>
      <c r="AP105" s="8">
        <v>10.95</v>
      </c>
      <c r="AQ105" s="8">
        <v>11.04</v>
      </c>
      <c r="AR105" s="8">
        <v>11.03</v>
      </c>
      <c r="AS105" s="8">
        <v>11.16</v>
      </c>
      <c r="AT105" s="8">
        <v>11.21</v>
      </c>
      <c r="AU105" s="8">
        <v>11.18</v>
      </c>
      <c r="AV105" s="8">
        <v>11.21</v>
      </c>
      <c r="AW105" s="8">
        <v>11.18</v>
      </c>
      <c r="AX105" s="8">
        <v>11.2</v>
      </c>
      <c r="AY105" s="8">
        <v>11.19</v>
      </c>
      <c r="AZ105" s="8">
        <v>11.22</v>
      </c>
      <c r="BA105" s="8">
        <v>11.17</v>
      </c>
      <c r="BB105" s="8">
        <v>11.17</v>
      </c>
      <c r="BC105" s="8">
        <v>11.41</v>
      </c>
      <c r="BD105" s="8">
        <v>11.4</v>
      </c>
      <c r="BE105" s="17"/>
    </row>
    <row r="106" spans="3:57" x14ac:dyDescent="0.2">
      <c r="C106" s="5" t="s">
        <v>60</v>
      </c>
      <c r="D106" s="6" t="s">
        <v>58</v>
      </c>
      <c r="E106" s="8">
        <v>5.27</v>
      </c>
      <c r="F106" s="8">
        <v>5.26</v>
      </c>
      <c r="G106" s="8">
        <v>5.25</v>
      </c>
      <c r="H106" s="8">
        <v>5.24</v>
      </c>
      <c r="I106" s="62">
        <v>5.18</v>
      </c>
      <c r="J106" s="8">
        <v>5.2</v>
      </c>
      <c r="K106" s="8">
        <v>5.21</v>
      </c>
      <c r="L106" s="8">
        <v>5.19</v>
      </c>
      <c r="M106" s="8">
        <v>5.19</v>
      </c>
      <c r="N106" s="8">
        <v>5.2</v>
      </c>
      <c r="O106" s="8">
        <v>5.21</v>
      </c>
      <c r="P106" s="8">
        <v>5.26</v>
      </c>
      <c r="Q106" s="8">
        <v>5.28</v>
      </c>
      <c r="R106" s="8">
        <v>5.28</v>
      </c>
      <c r="S106" s="8">
        <v>5.28</v>
      </c>
      <c r="T106" s="8">
        <v>5.3</v>
      </c>
      <c r="U106" s="8">
        <v>5.3</v>
      </c>
      <c r="V106" s="8">
        <v>5.3</v>
      </c>
      <c r="W106" s="8">
        <v>5.29</v>
      </c>
      <c r="X106" s="8">
        <v>5.29</v>
      </c>
      <c r="Y106" s="8">
        <v>5.28</v>
      </c>
      <c r="Z106" s="8">
        <v>5.29</v>
      </c>
      <c r="AA106" s="8">
        <v>5.29</v>
      </c>
      <c r="AB106" s="8">
        <v>5.34</v>
      </c>
      <c r="AC106" s="8">
        <v>5.3</v>
      </c>
      <c r="AD106" s="8">
        <v>5.32</v>
      </c>
      <c r="AE106" s="8">
        <v>5.31</v>
      </c>
      <c r="AF106" s="8">
        <v>5.32</v>
      </c>
      <c r="AG106" s="8">
        <v>5.32</v>
      </c>
      <c r="AH106" s="8">
        <v>5.33</v>
      </c>
      <c r="AI106" s="8">
        <v>5.33</v>
      </c>
      <c r="AJ106" s="8">
        <v>5.31</v>
      </c>
      <c r="AK106" s="8">
        <v>5.29</v>
      </c>
      <c r="AL106" s="8">
        <v>5.32</v>
      </c>
      <c r="AM106" s="8">
        <v>5.32</v>
      </c>
      <c r="AN106" s="8">
        <v>5.34</v>
      </c>
      <c r="AO106" s="8">
        <v>5.35</v>
      </c>
      <c r="AP106" s="8">
        <v>5.32</v>
      </c>
      <c r="AQ106" s="8">
        <v>5.26</v>
      </c>
      <c r="AR106" s="8">
        <v>5.29</v>
      </c>
      <c r="AS106" s="8">
        <v>5.3</v>
      </c>
      <c r="AT106" s="8">
        <v>5.29</v>
      </c>
      <c r="AU106" s="8">
        <v>5.31</v>
      </c>
      <c r="AV106" s="8">
        <v>5.32</v>
      </c>
      <c r="AW106" s="8">
        <v>5.31</v>
      </c>
      <c r="AX106" s="8">
        <v>5.3</v>
      </c>
      <c r="AY106" s="8">
        <v>5.27</v>
      </c>
      <c r="AZ106" s="8">
        <v>5.25</v>
      </c>
      <c r="BA106" s="8">
        <v>5.26</v>
      </c>
      <c r="BB106" s="8">
        <v>5.26</v>
      </c>
      <c r="BC106" s="8">
        <v>5.27</v>
      </c>
      <c r="BD106" s="8">
        <v>5.27</v>
      </c>
      <c r="BE106" s="17"/>
    </row>
    <row r="107" spans="3:57" x14ac:dyDescent="0.2">
      <c r="C107" s="5" t="s">
        <v>61</v>
      </c>
      <c r="D107" s="6" t="s">
        <v>58</v>
      </c>
      <c r="E107" s="8">
        <v>2.88</v>
      </c>
      <c r="F107" s="8">
        <v>2.88</v>
      </c>
      <c r="G107" s="8">
        <v>2.89</v>
      </c>
      <c r="H107" s="8">
        <v>2.9</v>
      </c>
      <c r="I107" s="62">
        <v>2.89</v>
      </c>
      <c r="J107" s="8">
        <v>2.89</v>
      </c>
      <c r="K107" s="8">
        <v>2.89</v>
      </c>
      <c r="L107" s="8">
        <v>2.89</v>
      </c>
      <c r="M107" s="8">
        <v>2.9</v>
      </c>
      <c r="N107" s="8">
        <v>2.91</v>
      </c>
      <c r="O107" s="8">
        <v>2.91</v>
      </c>
      <c r="P107" s="8">
        <v>2.95</v>
      </c>
      <c r="Q107" s="8">
        <v>2.94</v>
      </c>
      <c r="R107" s="8">
        <v>2.94</v>
      </c>
      <c r="S107" s="8">
        <v>2.95</v>
      </c>
      <c r="T107" s="8">
        <v>2.95</v>
      </c>
      <c r="U107" s="8">
        <v>2.96</v>
      </c>
      <c r="V107" s="8">
        <v>2.96</v>
      </c>
      <c r="W107" s="8">
        <v>2.96</v>
      </c>
      <c r="X107" s="8">
        <v>2.96</v>
      </c>
      <c r="Y107" s="8">
        <v>2.96</v>
      </c>
      <c r="Z107" s="8">
        <v>2.96</v>
      </c>
      <c r="AA107" s="8">
        <v>2.96</v>
      </c>
      <c r="AB107" s="8">
        <v>2.96</v>
      </c>
      <c r="AC107" s="8">
        <v>2.97</v>
      </c>
      <c r="AD107" s="8">
        <v>2.98</v>
      </c>
      <c r="AE107" s="8">
        <v>2.98</v>
      </c>
      <c r="AF107" s="8">
        <v>2.98</v>
      </c>
      <c r="AG107" s="8">
        <v>2.98</v>
      </c>
      <c r="AH107" s="8">
        <v>3</v>
      </c>
      <c r="AI107" s="8">
        <v>3</v>
      </c>
      <c r="AJ107" s="8">
        <v>2.98</v>
      </c>
      <c r="AK107" s="8">
        <v>2.96</v>
      </c>
      <c r="AL107" s="8">
        <v>2.96</v>
      </c>
      <c r="AM107" s="8">
        <v>2.98</v>
      </c>
      <c r="AN107" s="8">
        <v>2.98</v>
      </c>
      <c r="AO107" s="8">
        <v>2.97</v>
      </c>
      <c r="AP107" s="8">
        <v>2.97</v>
      </c>
      <c r="AQ107" s="8">
        <v>2.97</v>
      </c>
      <c r="AR107" s="8">
        <v>2.97</v>
      </c>
      <c r="AS107" s="8">
        <v>2.96</v>
      </c>
      <c r="AT107" s="8">
        <v>2.94</v>
      </c>
      <c r="AU107" s="8">
        <v>2.95</v>
      </c>
      <c r="AV107" s="8">
        <v>2.95</v>
      </c>
      <c r="AW107" s="8">
        <v>2.94</v>
      </c>
      <c r="AX107" s="8">
        <v>2.94</v>
      </c>
      <c r="AY107" s="8">
        <v>2.93</v>
      </c>
      <c r="AZ107" s="8">
        <v>2.93</v>
      </c>
      <c r="BA107" s="8">
        <v>2.93</v>
      </c>
      <c r="BB107" s="8">
        <v>2.93</v>
      </c>
      <c r="BC107" s="8">
        <v>2.92</v>
      </c>
      <c r="BD107" s="8">
        <v>2.93</v>
      </c>
      <c r="BE107" s="17"/>
    </row>
    <row r="108" spans="3:57" x14ac:dyDescent="0.2">
      <c r="C108" s="5" t="s">
        <v>62</v>
      </c>
      <c r="D108" s="6" t="s">
        <v>58</v>
      </c>
      <c r="E108" s="8">
        <v>5.29</v>
      </c>
      <c r="F108" s="8">
        <v>5.27</v>
      </c>
      <c r="G108" s="8">
        <v>5.19</v>
      </c>
      <c r="H108" s="8">
        <v>5.2</v>
      </c>
      <c r="I108" s="62">
        <v>5.2</v>
      </c>
      <c r="J108" s="8">
        <v>5.19</v>
      </c>
      <c r="K108" s="8">
        <v>5.25</v>
      </c>
      <c r="L108" s="8">
        <v>5.26</v>
      </c>
      <c r="M108" s="8">
        <v>5.28</v>
      </c>
      <c r="N108" s="8">
        <v>5.27</v>
      </c>
      <c r="O108" s="8">
        <v>5.27</v>
      </c>
      <c r="P108" s="8">
        <v>5.33</v>
      </c>
      <c r="Q108" s="8">
        <v>5.32</v>
      </c>
      <c r="R108" s="8">
        <v>5.31</v>
      </c>
      <c r="S108" s="8">
        <v>5.37</v>
      </c>
      <c r="T108" s="8">
        <v>5.34</v>
      </c>
      <c r="U108" s="8">
        <v>5.33</v>
      </c>
      <c r="V108" s="8">
        <v>5.31</v>
      </c>
      <c r="W108" s="8">
        <v>5.32</v>
      </c>
      <c r="X108" s="8">
        <v>5.3</v>
      </c>
      <c r="Y108" s="8">
        <v>5.31</v>
      </c>
      <c r="Z108" s="8">
        <v>5.29</v>
      </c>
      <c r="AA108" s="8">
        <v>5.25</v>
      </c>
      <c r="AB108" s="8">
        <v>5.22</v>
      </c>
      <c r="AC108" s="8">
        <v>5.2</v>
      </c>
      <c r="AD108" s="8">
        <v>5.26</v>
      </c>
      <c r="AE108" s="8">
        <v>5.23</v>
      </c>
      <c r="AF108" s="8">
        <v>5.19</v>
      </c>
      <c r="AG108" s="8">
        <v>5.19</v>
      </c>
      <c r="AH108" s="8">
        <v>5.23</v>
      </c>
      <c r="AI108" s="8">
        <v>5.23</v>
      </c>
      <c r="AJ108" s="8">
        <v>5.17</v>
      </c>
      <c r="AK108" s="8">
        <v>5.17</v>
      </c>
      <c r="AL108" s="8">
        <v>5.15</v>
      </c>
      <c r="AM108" s="8">
        <v>5.16</v>
      </c>
      <c r="AN108" s="8">
        <v>5.16</v>
      </c>
      <c r="AO108" s="8">
        <v>5.18</v>
      </c>
      <c r="AP108" s="8">
        <v>5.2</v>
      </c>
      <c r="AQ108" s="8">
        <v>5.23</v>
      </c>
      <c r="AR108" s="8">
        <v>5.25</v>
      </c>
      <c r="AS108" s="8">
        <v>5.25</v>
      </c>
      <c r="AT108" s="8">
        <v>5.25</v>
      </c>
      <c r="AU108" s="8">
        <v>5.3</v>
      </c>
      <c r="AV108" s="8">
        <v>5.33</v>
      </c>
      <c r="AW108" s="8">
        <v>5.38</v>
      </c>
      <c r="AX108" s="8">
        <v>5.38</v>
      </c>
      <c r="AY108" s="8">
        <v>5.37</v>
      </c>
      <c r="AZ108" s="8">
        <v>5.35</v>
      </c>
      <c r="BA108" s="8">
        <v>5.4</v>
      </c>
      <c r="BB108" s="8">
        <v>5.4</v>
      </c>
      <c r="BC108" s="8">
        <v>5.42</v>
      </c>
      <c r="BD108" s="8">
        <v>5.43</v>
      </c>
      <c r="BE108" s="17"/>
    </row>
    <row r="109" spans="3:57" x14ac:dyDescent="0.2">
      <c r="C109" s="5" t="s">
        <v>75</v>
      </c>
      <c r="D109" s="20" t="s">
        <v>76</v>
      </c>
      <c r="E109" s="8">
        <v>1.43</v>
      </c>
      <c r="F109" s="8">
        <v>1.44</v>
      </c>
      <c r="G109" s="8">
        <v>1.44</v>
      </c>
      <c r="H109" s="8">
        <v>1.43</v>
      </c>
      <c r="I109" s="62">
        <v>1.43</v>
      </c>
      <c r="J109" s="8">
        <v>1.43</v>
      </c>
      <c r="K109" s="8">
        <v>1.43</v>
      </c>
      <c r="L109" s="8">
        <v>1.43</v>
      </c>
      <c r="M109" s="8">
        <v>1.43</v>
      </c>
      <c r="N109" s="8">
        <v>1.43</v>
      </c>
      <c r="O109" s="8">
        <v>1.43</v>
      </c>
      <c r="P109" s="8">
        <v>1.42</v>
      </c>
      <c r="Q109" s="8">
        <v>1.42</v>
      </c>
      <c r="R109" s="8">
        <v>1.42</v>
      </c>
      <c r="S109" s="8">
        <v>1.42</v>
      </c>
      <c r="T109" s="8">
        <v>1.42</v>
      </c>
      <c r="U109" s="8">
        <v>1.42</v>
      </c>
      <c r="V109" s="8">
        <v>1.42</v>
      </c>
      <c r="W109" s="8">
        <v>1.42</v>
      </c>
      <c r="X109" s="8">
        <v>1.42</v>
      </c>
      <c r="Y109" s="8">
        <v>1.42</v>
      </c>
      <c r="Z109" s="8">
        <v>1.42</v>
      </c>
      <c r="AA109" s="8">
        <v>1.42</v>
      </c>
      <c r="AB109" s="8">
        <v>1.42</v>
      </c>
      <c r="AC109" s="8">
        <v>1.42</v>
      </c>
      <c r="AD109" s="8">
        <v>1.41</v>
      </c>
      <c r="AE109" s="8">
        <v>1.41</v>
      </c>
      <c r="AF109" s="8">
        <v>1.41</v>
      </c>
      <c r="AG109" s="8">
        <v>1.42</v>
      </c>
      <c r="AH109" s="8">
        <v>1.42</v>
      </c>
      <c r="AI109" s="8">
        <v>1.42</v>
      </c>
      <c r="AJ109" s="8">
        <v>1.42</v>
      </c>
      <c r="AK109" s="8">
        <v>1.42</v>
      </c>
      <c r="AL109" s="8">
        <v>1.42</v>
      </c>
      <c r="AM109" s="8">
        <v>1.42</v>
      </c>
      <c r="AN109" s="8">
        <v>1.42</v>
      </c>
      <c r="AO109" s="8">
        <v>1.42</v>
      </c>
      <c r="AP109" s="8">
        <v>1.42</v>
      </c>
      <c r="AQ109" s="8">
        <v>1.41</v>
      </c>
      <c r="AR109" s="8">
        <v>1.41</v>
      </c>
      <c r="AS109" s="8">
        <v>1.42</v>
      </c>
      <c r="AT109" s="8">
        <v>1.42</v>
      </c>
      <c r="AU109" s="8">
        <v>1.42</v>
      </c>
      <c r="AV109" s="8">
        <v>1.42</v>
      </c>
      <c r="AW109" s="8">
        <v>1.42</v>
      </c>
      <c r="AX109" s="8">
        <v>1.42</v>
      </c>
      <c r="AY109" s="8">
        <v>1.42</v>
      </c>
      <c r="AZ109" s="8">
        <v>1.43</v>
      </c>
      <c r="BA109" s="8">
        <v>1.43</v>
      </c>
      <c r="BB109" s="8">
        <v>1.43</v>
      </c>
      <c r="BC109" s="8">
        <v>1.43</v>
      </c>
      <c r="BD109" s="8">
        <v>1.43</v>
      </c>
      <c r="BE109" s="17"/>
    </row>
    <row r="110" spans="3:57" x14ac:dyDescent="0.2">
      <c r="C110" s="5" t="s">
        <v>63</v>
      </c>
      <c r="D110" s="6" t="s">
        <v>58</v>
      </c>
      <c r="E110" s="8">
        <v>14.96</v>
      </c>
      <c r="F110" s="8">
        <v>14.91</v>
      </c>
      <c r="G110" s="8">
        <v>14.9</v>
      </c>
      <c r="H110" s="8">
        <v>14.8</v>
      </c>
      <c r="I110" s="62">
        <v>14.49</v>
      </c>
      <c r="J110" s="8">
        <v>14.47</v>
      </c>
      <c r="K110" s="8">
        <v>15</v>
      </c>
      <c r="L110" s="8">
        <v>14.8</v>
      </c>
      <c r="M110" s="8">
        <v>14.95</v>
      </c>
      <c r="N110" s="8">
        <v>14.97</v>
      </c>
      <c r="O110" s="8">
        <v>15.02</v>
      </c>
      <c r="P110" s="8">
        <v>14.56</v>
      </c>
      <c r="Q110" s="8">
        <v>14.45</v>
      </c>
      <c r="R110" s="8">
        <v>14.45</v>
      </c>
      <c r="S110" s="8">
        <v>14.3</v>
      </c>
      <c r="T110" s="8">
        <v>14.16</v>
      </c>
      <c r="U110" s="8">
        <v>14.55</v>
      </c>
      <c r="V110" s="8">
        <v>14.57</v>
      </c>
      <c r="W110" s="8">
        <v>14.64</v>
      </c>
      <c r="X110" s="8">
        <v>14.47</v>
      </c>
      <c r="Y110" s="8">
        <v>14.62</v>
      </c>
      <c r="Z110" s="8">
        <v>14.65</v>
      </c>
      <c r="AA110" s="8">
        <v>14.59</v>
      </c>
      <c r="AB110" s="8">
        <v>14.69</v>
      </c>
      <c r="AC110" s="8">
        <v>14.66</v>
      </c>
      <c r="AD110" s="8">
        <v>14.73</v>
      </c>
      <c r="AE110" s="8">
        <v>14.78</v>
      </c>
      <c r="AF110" s="8">
        <v>15.07</v>
      </c>
      <c r="AG110" s="8">
        <v>15.15</v>
      </c>
      <c r="AH110" s="8">
        <v>15</v>
      </c>
      <c r="AI110" s="8">
        <v>15.2</v>
      </c>
      <c r="AJ110" s="8">
        <v>15.2</v>
      </c>
      <c r="AK110" s="8">
        <v>15.33</v>
      </c>
      <c r="AL110" s="8">
        <v>15.27</v>
      </c>
      <c r="AM110" s="8">
        <v>15.46</v>
      </c>
      <c r="AN110" s="8">
        <v>15.5</v>
      </c>
      <c r="AO110" s="8">
        <v>15.4</v>
      </c>
      <c r="AP110" s="8">
        <v>15.7</v>
      </c>
      <c r="AQ110" s="8">
        <v>15.34</v>
      </c>
      <c r="AR110" s="8">
        <v>15.45</v>
      </c>
      <c r="AS110" s="8">
        <v>15.44</v>
      </c>
      <c r="AT110" s="8">
        <v>15.28</v>
      </c>
      <c r="AU110" s="8">
        <v>15.24</v>
      </c>
      <c r="AV110" s="8">
        <v>15.31</v>
      </c>
      <c r="AW110" s="8">
        <v>15.35</v>
      </c>
      <c r="AX110" s="8">
        <v>15.25</v>
      </c>
      <c r="AY110" s="8">
        <v>15.13</v>
      </c>
      <c r="AZ110" s="8">
        <v>15.46</v>
      </c>
      <c r="BA110" s="8">
        <v>15.8</v>
      </c>
      <c r="BB110" s="8">
        <v>15.8</v>
      </c>
      <c r="BC110" s="8">
        <v>16.22</v>
      </c>
      <c r="BD110" s="8">
        <v>16.32</v>
      </c>
      <c r="BE110" s="17"/>
    </row>
    <row r="111" spans="3:57" x14ac:dyDescent="0.2">
      <c r="C111" s="5" t="s">
        <v>64</v>
      </c>
      <c r="D111" s="6" t="s">
        <v>58</v>
      </c>
      <c r="E111" s="8">
        <v>9.5299999999999994</v>
      </c>
      <c r="F111" s="8">
        <v>9.35</v>
      </c>
      <c r="G111" s="8">
        <v>9.26</v>
      </c>
      <c r="H111" s="8">
        <v>9.11</v>
      </c>
      <c r="I111" s="62">
        <v>9.0299999999999994</v>
      </c>
      <c r="J111" s="8">
        <v>9.01</v>
      </c>
      <c r="K111" s="8">
        <v>8.92</v>
      </c>
      <c r="L111" s="8">
        <v>8.81</v>
      </c>
      <c r="M111" s="8">
        <v>8.85</v>
      </c>
      <c r="N111" s="8">
        <v>8.92</v>
      </c>
      <c r="O111" s="8">
        <v>9</v>
      </c>
      <c r="P111" s="8">
        <v>9.41</v>
      </c>
      <c r="Q111" s="8">
        <v>9.3699999999999992</v>
      </c>
      <c r="R111" s="8">
        <v>9.23</v>
      </c>
      <c r="S111" s="8">
        <v>9.17</v>
      </c>
      <c r="T111" s="8">
        <v>9.1999999999999993</v>
      </c>
      <c r="U111" s="8">
        <v>9.15</v>
      </c>
      <c r="V111" s="8">
        <v>8.92</v>
      </c>
      <c r="W111" s="8">
        <v>8.9600000000000009</v>
      </c>
      <c r="X111" s="8">
        <v>8.9499999999999993</v>
      </c>
      <c r="Y111" s="8">
        <v>8.92</v>
      </c>
      <c r="Z111" s="8">
        <v>8.8800000000000008</v>
      </c>
      <c r="AA111" s="8">
        <v>8.89</v>
      </c>
      <c r="AB111" s="8">
        <v>9.07</v>
      </c>
      <c r="AC111" s="8">
        <v>9.0399999999999991</v>
      </c>
      <c r="AD111" s="8">
        <v>9.02</v>
      </c>
      <c r="AE111" s="8">
        <v>8.98</v>
      </c>
      <c r="AF111" s="8">
        <v>8.99</v>
      </c>
      <c r="AG111" s="8">
        <v>8.9700000000000006</v>
      </c>
      <c r="AH111" s="8">
        <v>8.84</v>
      </c>
      <c r="AI111" s="8">
        <v>8.91</v>
      </c>
      <c r="AJ111" s="8">
        <v>8.92</v>
      </c>
      <c r="AK111" s="8">
        <v>8.9499999999999993</v>
      </c>
      <c r="AL111" s="8">
        <v>8.9600000000000009</v>
      </c>
      <c r="AM111" s="8">
        <v>9.07</v>
      </c>
      <c r="AN111" s="8">
        <v>9.1</v>
      </c>
      <c r="AO111" s="8">
        <v>9.0500000000000007</v>
      </c>
      <c r="AP111" s="8">
        <v>9.0299999999999994</v>
      </c>
      <c r="AQ111" s="8">
        <v>8.89</v>
      </c>
      <c r="AR111" s="8">
        <v>8.9</v>
      </c>
      <c r="AS111" s="8">
        <v>8.92</v>
      </c>
      <c r="AT111" s="8">
        <v>8.9</v>
      </c>
      <c r="AU111" s="8">
        <v>8.84</v>
      </c>
      <c r="AV111" s="8">
        <v>8.8699999999999992</v>
      </c>
      <c r="AW111" s="8">
        <v>8.9700000000000006</v>
      </c>
      <c r="AX111" s="8">
        <v>8.99</v>
      </c>
      <c r="AY111" s="8">
        <v>8.9600000000000009</v>
      </c>
      <c r="AZ111" s="8">
        <v>8.98</v>
      </c>
      <c r="BA111" s="8">
        <v>9.52</v>
      </c>
      <c r="BB111" s="8">
        <v>9.52</v>
      </c>
      <c r="BC111" s="8">
        <v>9.99</v>
      </c>
      <c r="BD111" s="8">
        <v>10.050000000000001</v>
      </c>
      <c r="BE111" s="17"/>
    </row>
    <row r="112" spans="3:57" x14ac:dyDescent="0.2">
      <c r="C112" s="5" t="s">
        <v>65</v>
      </c>
      <c r="D112" s="6" t="s">
        <v>58</v>
      </c>
      <c r="E112" s="8">
        <v>5.5</v>
      </c>
      <c r="F112" s="8">
        <v>5.59</v>
      </c>
      <c r="G112" s="8">
        <v>5.65</v>
      </c>
      <c r="H112" s="8">
        <v>5.51</v>
      </c>
      <c r="I112" s="62">
        <v>5.52</v>
      </c>
      <c r="J112" s="8">
        <v>5.51</v>
      </c>
      <c r="K112" s="8">
        <v>5.36</v>
      </c>
      <c r="L112" s="8">
        <v>5.37</v>
      </c>
      <c r="M112" s="8">
        <v>5.32</v>
      </c>
      <c r="N112" s="8">
        <v>5.24</v>
      </c>
      <c r="O112" s="8">
        <v>5.17</v>
      </c>
      <c r="P112" s="8">
        <v>4.92</v>
      </c>
      <c r="Q112" s="8">
        <v>5.05</v>
      </c>
      <c r="R112" s="8">
        <v>5.0199999999999996</v>
      </c>
      <c r="S112" s="8">
        <v>4.8</v>
      </c>
      <c r="T112" s="8">
        <v>4.8099999999999996</v>
      </c>
      <c r="U112" s="8">
        <v>4.88</v>
      </c>
      <c r="V112" s="8">
        <v>4.84</v>
      </c>
      <c r="W112" s="8">
        <v>4.74</v>
      </c>
      <c r="X112" s="8">
        <v>4.83</v>
      </c>
      <c r="Y112" s="8">
        <v>4.83</v>
      </c>
      <c r="Z112" s="8">
        <v>5.08</v>
      </c>
      <c r="AA112" s="8">
        <v>5.21</v>
      </c>
      <c r="AB112" s="8">
        <v>5.22</v>
      </c>
      <c r="AC112" s="8">
        <v>5.32</v>
      </c>
      <c r="AD112" s="8">
        <v>5.42</v>
      </c>
      <c r="AE112" s="8">
        <v>5.52</v>
      </c>
      <c r="AF112" s="8">
        <v>5.4</v>
      </c>
      <c r="AG112" s="8">
        <v>5.42</v>
      </c>
      <c r="AH112" s="8">
        <v>5.49</v>
      </c>
      <c r="AI112" s="8">
        <v>5.55</v>
      </c>
      <c r="AJ112" s="8">
        <v>5.57</v>
      </c>
      <c r="AK112" s="8">
        <v>5.69</v>
      </c>
      <c r="AL112" s="8">
        <v>5.65</v>
      </c>
      <c r="AM112" s="8">
        <v>5.82</v>
      </c>
      <c r="AN112" s="8">
        <v>5.63</v>
      </c>
      <c r="AO112" s="8">
        <v>5.56</v>
      </c>
      <c r="AP112" s="8">
        <v>5.44</v>
      </c>
      <c r="AQ112" s="8">
        <v>5.46</v>
      </c>
      <c r="AR112" s="8">
        <v>5.34</v>
      </c>
      <c r="AS112" s="8">
        <v>5.22</v>
      </c>
      <c r="AT112" s="8">
        <v>4.96</v>
      </c>
      <c r="AU112" s="8">
        <v>4.96</v>
      </c>
      <c r="AV112" s="8">
        <v>4.99</v>
      </c>
      <c r="AW112" s="8">
        <v>4.91</v>
      </c>
      <c r="AX112" s="8">
        <v>4.79</v>
      </c>
      <c r="AY112" s="8">
        <v>4.9400000000000004</v>
      </c>
      <c r="AZ112" s="8">
        <v>4.87</v>
      </c>
      <c r="BA112" s="8">
        <v>4.8899999999999997</v>
      </c>
      <c r="BB112" s="8">
        <v>4.8899999999999997</v>
      </c>
      <c r="BC112" s="8">
        <v>5.05</v>
      </c>
      <c r="BD112" s="8">
        <v>5.0599999999999996</v>
      </c>
      <c r="BE112" s="17"/>
    </row>
    <row r="113" spans="3:57" x14ac:dyDescent="0.2">
      <c r="C113" s="5" t="s">
        <v>66</v>
      </c>
      <c r="D113" s="6" t="s">
        <v>58</v>
      </c>
      <c r="E113" s="8">
        <v>6.81</v>
      </c>
      <c r="F113" s="8">
        <v>6.51</v>
      </c>
      <c r="G113" s="8">
        <v>6.45</v>
      </c>
      <c r="H113" s="8">
        <v>6.74</v>
      </c>
      <c r="I113" s="62">
        <v>6.75</v>
      </c>
      <c r="J113" s="8">
        <v>6.9</v>
      </c>
      <c r="K113" s="8">
        <v>6.84</v>
      </c>
      <c r="L113" s="8">
        <v>6.81</v>
      </c>
      <c r="M113" s="8">
        <v>6.52</v>
      </c>
      <c r="N113" s="8">
        <v>6.23</v>
      </c>
      <c r="O113" s="8">
        <v>6.35</v>
      </c>
      <c r="P113" s="8">
        <v>6.46</v>
      </c>
      <c r="Q113" s="8">
        <v>6.45</v>
      </c>
      <c r="R113" s="8">
        <v>6.62</v>
      </c>
      <c r="S113" s="8">
        <v>6.06</v>
      </c>
      <c r="T113" s="8">
        <v>6.02</v>
      </c>
      <c r="U113" s="8">
        <v>6.11</v>
      </c>
      <c r="V113" s="8">
        <v>5.82</v>
      </c>
      <c r="W113" s="8">
        <v>5.74</v>
      </c>
      <c r="X113" s="8">
        <v>5.65</v>
      </c>
      <c r="Y113" s="8">
        <v>5.67</v>
      </c>
      <c r="Z113" s="8">
        <v>5.82</v>
      </c>
      <c r="AA113" s="8">
        <v>5.78</v>
      </c>
      <c r="AB113" s="8">
        <v>5.68</v>
      </c>
      <c r="AC113" s="8">
        <v>5.79</v>
      </c>
      <c r="AD113" s="8">
        <v>5.82</v>
      </c>
      <c r="AE113" s="8">
        <v>5.66</v>
      </c>
      <c r="AF113" s="8">
        <v>5.51</v>
      </c>
      <c r="AG113" s="8">
        <v>5.62</v>
      </c>
      <c r="AH113" s="8">
        <v>5.63</v>
      </c>
      <c r="AI113" s="8">
        <v>5.74</v>
      </c>
      <c r="AJ113" s="8">
        <v>5.71</v>
      </c>
      <c r="AK113" s="8">
        <v>5.75</v>
      </c>
      <c r="AL113" s="8">
        <v>5.91</v>
      </c>
      <c r="AM113" s="8">
        <v>6.05</v>
      </c>
      <c r="AN113" s="8">
        <v>5.91</v>
      </c>
      <c r="AO113" s="8">
        <v>6.08</v>
      </c>
      <c r="AP113" s="8">
        <v>5.91</v>
      </c>
      <c r="AQ113" s="8">
        <v>6.16</v>
      </c>
      <c r="AR113" s="8">
        <v>6.12</v>
      </c>
      <c r="AS113" s="8">
        <v>5.98</v>
      </c>
      <c r="AT113" s="8">
        <v>5.95</v>
      </c>
      <c r="AU113" s="8">
        <v>5.92</v>
      </c>
      <c r="AV113" s="8">
        <v>6.05</v>
      </c>
      <c r="AW113" s="8">
        <v>5.84</v>
      </c>
      <c r="AX113" s="8">
        <v>5.58</v>
      </c>
      <c r="AY113" s="8">
        <v>5.86</v>
      </c>
      <c r="AZ113" s="8">
        <v>5.88</v>
      </c>
      <c r="BA113" s="8">
        <v>6.04</v>
      </c>
      <c r="BB113" s="8">
        <v>6.04</v>
      </c>
      <c r="BC113" s="8">
        <v>6.21</v>
      </c>
      <c r="BD113" s="8">
        <v>6.23</v>
      </c>
      <c r="BE113" s="17"/>
    </row>
    <row r="114" spans="3:57" x14ac:dyDescent="0.2">
      <c r="C114" s="5" t="s">
        <v>116</v>
      </c>
      <c r="D114" s="6" t="s">
        <v>58</v>
      </c>
      <c r="E114" s="8">
        <v>11.62</v>
      </c>
      <c r="F114" s="8">
        <v>11.87</v>
      </c>
      <c r="G114" s="8">
        <v>12.42</v>
      </c>
      <c r="H114" s="8">
        <v>12.31</v>
      </c>
      <c r="I114" s="62">
        <v>11.92</v>
      </c>
      <c r="J114" s="8">
        <v>12.01</v>
      </c>
      <c r="K114" s="8">
        <v>11.39</v>
      </c>
      <c r="L114" s="8">
        <v>10.84</v>
      </c>
      <c r="M114" s="8">
        <v>11.15</v>
      </c>
      <c r="N114" s="8">
        <v>11.26</v>
      </c>
      <c r="O114" s="8">
        <v>10.98</v>
      </c>
      <c r="P114" s="8">
        <v>10.78</v>
      </c>
      <c r="Q114" s="8">
        <v>10.46</v>
      </c>
      <c r="R114" s="8">
        <v>10.5</v>
      </c>
      <c r="S114" s="8">
        <v>10.38</v>
      </c>
      <c r="T114" s="8">
        <v>10.35</v>
      </c>
      <c r="U114" s="8">
        <v>10.24</v>
      </c>
      <c r="V114" s="8">
        <v>10.25</v>
      </c>
      <c r="W114" s="8">
        <v>10.31</v>
      </c>
      <c r="X114" s="8">
        <v>10.55</v>
      </c>
      <c r="Y114" s="8">
        <v>10.85</v>
      </c>
      <c r="Z114" s="8">
        <v>10.92</v>
      </c>
      <c r="AA114" s="8">
        <v>10.9</v>
      </c>
      <c r="AB114" s="8">
        <v>11.06</v>
      </c>
      <c r="AC114" s="8">
        <v>10.76</v>
      </c>
      <c r="AD114" s="8">
        <v>10.58</v>
      </c>
      <c r="AE114" s="8">
        <v>10.76</v>
      </c>
      <c r="AF114" s="8">
        <v>10.76</v>
      </c>
      <c r="AG114" s="8">
        <v>10.91</v>
      </c>
      <c r="AH114" s="8">
        <v>10.92</v>
      </c>
      <c r="AI114" s="8">
        <v>10.97</v>
      </c>
      <c r="AJ114" s="8">
        <v>11.01</v>
      </c>
      <c r="AK114" s="8">
        <v>10.99</v>
      </c>
      <c r="AL114" s="8">
        <v>10.91</v>
      </c>
      <c r="AM114" s="8">
        <v>10.98</v>
      </c>
      <c r="AN114" s="8">
        <v>10.87</v>
      </c>
      <c r="AO114" s="8">
        <v>10.88</v>
      </c>
      <c r="AP114" s="8">
        <v>10.79</v>
      </c>
      <c r="AQ114" s="8">
        <v>10.65</v>
      </c>
      <c r="AR114" s="8">
        <v>10.53</v>
      </c>
      <c r="AS114" s="8">
        <v>10.71</v>
      </c>
      <c r="AT114" s="8">
        <v>10.74</v>
      </c>
      <c r="AU114" s="8">
        <v>10.72</v>
      </c>
      <c r="AV114" s="8">
        <v>10.87</v>
      </c>
      <c r="AW114" s="8">
        <v>11.1</v>
      </c>
      <c r="AX114" s="8">
        <v>11.37</v>
      </c>
      <c r="AY114" s="8">
        <v>11.56</v>
      </c>
      <c r="AZ114" s="8">
        <v>11.66</v>
      </c>
      <c r="BA114" s="8">
        <v>11.85</v>
      </c>
      <c r="BB114" s="8">
        <v>11.85</v>
      </c>
      <c r="BC114" s="8">
        <v>11.93</v>
      </c>
      <c r="BD114" s="8">
        <v>11.97</v>
      </c>
      <c r="BE114" s="17"/>
    </row>
    <row r="115" spans="3:57" x14ac:dyDescent="0.2">
      <c r="C115" s="5" t="s">
        <v>68</v>
      </c>
      <c r="D115" s="6" t="s">
        <v>58</v>
      </c>
      <c r="E115" s="8">
        <v>4.9000000000000004</v>
      </c>
      <c r="F115" s="8">
        <v>4.8</v>
      </c>
      <c r="G115" s="8">
        <v>4.78</v>
      </c>
      <c r="H115" s="8">
        <v>4.88</v>
      </c>
      <c r="I115" s="62">
        <v>4.92</v>
      </c>
      <c r="J115" s="8">
        <v>4.93</v>
      </c>
      <c r="K115" s="8">
        <v>4.9000000000000004</v>
      </c>
      <c r="L115" s="8">
        <v>5.01</v>
      </c>
      <c r="M115" s="8">
        <v>5.05</v>
      </c>
      <c r="N115" s="8">
        <v>5.1100000000000003</v>
      </c>
      <c r="O115" s="8">
        <v>4.95</v>
      </c>
      <c r="P115" s="8">
        <v>5.17</v>
      </c>
      <c r="Q115" s="8">
        <v>4.92</v>
      </c>
      <c r="R115" s="8">
        <v>4.87</v>
      </c>
      <c r="S115" s="8">
        <v>4.8499999999999996</v>
      </c>
      <c r="T115" s="8">
        <v>4.9400000000000004</v>
      </c>
      <c r="U115" s="8">
        <v>4.93</v>
      </c>
      <c r="V115" s="8">
        <v>5</v>
      </c>
      <c r="W115" s="8">
        <v>4.97</v>
      </c>
      <c r="X115" s="8">
        <v>5.3</v>
      </c>
      <c r="Y115" s="8">
        <v>5.01</v>
      </c>
      <c r="Z115" s="8">
        <v>5.05</v>
      </c>
      <c r="AA115" s="8">
        <v>4.9400000000000004</v>
      </c>
      <c r="AB115" s="8">
        <v>4.9000000000000004</v>
      </c>
      <c r="AC115" s="8">
        <v>4.87</v>
      </c>
      <c r="AD115" s="8">
        <v>4.8899999999999997</v>
      </c>
      <c r="AE115" s="8">
        <v>4.79</v>
      </c>
      <c r="AF115" s="8">
        <v>4.79</v>
      </c>
      <c r="AG115" s="8">
        <v>4.79</v>
      </c>
      <c r="AH115" s="8">
        <v>4.84</v>
      </c>
      <c r="AI115" s="8">
        <v>4.83</v>
      </c>
      <c r="AJ115" s="8">
        <v>4.8499999999999996</v>
      </c>
      <c r="AK115" s="8">
        <v>4.87</v>
      </c>
      <c r="AL115" s="8">
        <v>4.8499999999999996</v>
      </c>
      <c r="AM115" s="8">
        <v>4.83</v>
      </c>
      <c r="AN115" s="8">
        <v>4.8600000000000003</v>
      </c>
      <c r="AO115" s="8">
        <v>4.88</v>
      </c>
      <c r="AP115" s="8">
        <v>4.82</v>
      </c>
      <c r="AQ115" s="8">
        <v>4.7300000000000004</v>
      </c>
      <c r="AR115" s="8">
        <v>4.78</v>
      </c>
      <c r="AS115" s="8">
        <v>4.7300000000000004</v>
      </c>
      <c r="AT115" s="8">
        <v>4.71</v>
      </c>
      <c r="AU115" s="8">
        <v>4.72</v>
      </c>
      <c r="AV115" s="8">
        <v>4.78</v>
      </c>
      <c r="AW115" s="8">
        <v>4.68</v>
      </c>
      <c r="AX115" s="8">
        <v>4.63</v>
      </c>
      <c r="AY115" s="8">
        <v>4.6900000000000004</v>
      </c>
      <c r="AZ115" s="8">
        <v>4.8</v>
      </c>
      <c r="BA115" s="8">
        <v>4.82</v>
      </c>
      <c r="BB115" s="8">
        <v>4.82</v>
      </c>
      <c r="BC115" s="8">
        <v>4.83</v>
      </c>
      <c r="BD115" s="8">
        <v>4.83</v>
      </c>
      <c r="BE115" s="17"/>
    </row>
    <row r="116" spans="3:57" x14ac:dyDescent="0.2">
      <c r="C116" s="5" t="s">
        <v>69</v>
      </c>
      <c r="D116" s="6" t="s">
        <v>58</v>
      </c>
      <c r="E116" s="8">
        <v>4.43</v>
      </c>
      <c r="F116" s="8">
        <v>4.47</v>
      </c>
      <c r="G116" s="8">
        <v>4.62</v>
      </c>
      <c r="H116" s="8">
        <v>6.64</v>
      </c>
      <c r="I116" s="62">
        <v>4.72</v>
      </c>
      <c r="J116" s="8">
        <v>4.38</v>
      </c>
      <c r="K116" s="8">
        <v>4.0599999999999996</v>
      </c>
      <c r="L116" s="8">
        <v>3.92</v>
      </c>
      <c r="M116" s="8">
        <v>3.92</v>
      </c>
      <c r="N116" s="8">
        <v>3.85</v>
      </c>
      <c r="O116" s="8">
        <v>4.03</v>
      </c>
      <c r="P116" s="8">
        <v>4.18</v>
      </c>
      <c r="Q116" s="8">
        <v>4.1100000000000003</v>
      </c>
      <c r="R116" s="8">
        <v>4.09</v>
      </c>
      <c r="S116" s="8">
        <v>4.04</v>
      </c>
      <c r="T116" s="8">
        <v>3.97</v>
      </c>
      <c r="U116" s="8">
        <v>4.01</v>
      </c>
      <c r="V116" s="8">
        <v>3.94</v>
      </c>
      <c r="W116" s="8">
        <v>3.89</v>
      </c>
      <c r="X116" s="8">
        <v>3.83</v>
      </c>
      <c r="Y116" s="8">
        <v>3.8</v>
      </c>
      <c r="Z116" s="8">
        <v>3.78</v>
      </c>
      <c r="AA116" s="8">
        <v>3.79</v>
      </c>
      <c r="AB116" s="8">
        <v>3.84</v>
      </c>
      <c r="AC116" s="8">
        <v>3.86</v>
      </c>
      <c r="AD116" s="8">
        <v>3.79</v>
      </c>
      <c r="AE116" s="8">
        <v>3.78</v>
      </c>
      <c r="AF116" s="8">
        <v>3.65</v>
      </c>
      <c r="AG116" s="8">
        <v>3.71</v>
      </c>
      <c r="AH116" s="8">
        <v>3.79</v>
      </c>
      <c r="AI116" s="8">
        <v>3.83</v>
      </c>
      <c r="AJ116" s="8">
        <v>3.81</v>
      </c>
      <c r="AK116" s="8">
        <v>3.86</v>
      </c>
      <c r="AL116" s="8">
        <v>3.9</v>
      </c>
      <c r="AM116" s="8">
        <v>3.93</v>
      </c>
      <c r="AN116" s="8">
        <v>4</v>
      </c>
      <c r="AO116" s="8">
        <v>3.99</v>
      </c>
      <c r="AP116" s="8">
        <v>3.98</v>
      </c>
      <c r="AQ116" s="8">
        <v>3.85</v>
      </c>
      <c r="AR116" s="8">
        <v>3.93</v>
      </c>
      <c r="AS116" s="8">
        <v>3.87</v>
      </c>
      <c r="AT116" s="8">
        <v>3.81</v>
      </c>
      <c r="AU116" s="8">
        <v>3.84</v>
      </c>
      <c r="AV116" s="8">
        <v>3.92</v>
      </c>
      <c r="AW116" s="8">
        <v>3.95</v>
      </c>
      <c r="AX116" s="8">
        <v>4.05</v>
      </c>
      <c r="AY116" s="8">
        <v>3.96</v>
      </c>
      <c r="AZ116" s="8">
        <v>3.97</v>
      </c>
      <c r="BA116" s="8">
        <v>4.0199999999999996</v>
      </c>
      <c r="BB116" s="8">
        <v>4.0199999999999996</v>
      </c>
      <c r="BC116" s="8">
        <v>4.22</v>
      </c>
      <c r="BD116" s="8">
        <v>4.2300000000000004</v>
      </c>
      <c r="BE116" s="17"/>
    </row>
    <row r="117" spans="3:57" x14ac:dyDescent="0.2">
      <c r="C117" s="5" t="s">
        <v>70</v>
      </c>
      <c r="D117" s="6" t="s">
        <v>58</v>
      </c>
      <c r="E117" s="8">
        <v>4.45</v>
      </c>
      <c r="F117" s="8">
        <v>4.46</v>
      </c>
      <c r="G117" s="8">
        <v>4.63</v>
      </c>
      <c r="H117" s="8">
        <v>4.71</v>
      </c>
      <c r="I117" s="62">
        <v>4.7300000000000004</v>
      </c>
      <c r="J117" s="8">
        <v>4.75</v>
      </c>
      <c r="K117" s="8">
        <v>4.71</v>
      </c>
      <c r="L117" s="8">
        <v>4.5</v>
      </c>
      <c r="M117" s="8">
        <v>4.47</v>
      </c>
      <c r="N117" s="8">
        <v>4.08</v>
      </c>
      <c r="O117" s="8">
        <v>3.87</v>
      </c>
      <c r="P117" s="8">
        <v>3.89</v>
      </c>
      <c r="Q117" s="8">
        <v>3.98</v>
      </c>
      <c r="R117" s="8">
        <v>4</v>
      </c>
      <c r="S117" s="8">
        <v>3.85</v>
      </c>
      <c r="T117" s="8">
        <v>3.81</v>
      </c>
      <c r="U117" s="8">
        <v>4.01</v>
      </c>
      <c r="V117" s="8">
        <v>4.26</v>
      </c>
      <c r="W117" s="8">
        <v>4.2699999999999996</v>
      </c>
      <c r="X117" s="8">
        <v>4.4000000000000004</v>
      </c>
      <c r="Y117" s="8">
        <v>4.45</v>
      </c>
      <c r="Z117" s="8">
        <v>4.6100000000000003</v>
      </c>
      <c r="AA117" s="8">
        <v>4.6900000000000004</v>
      </c>
      <c r="AB117" s="8">
        <v>4.6500000000000004</v>
      </c>
      <c r="AC117" s="8">
        <v>4.6100000000000003</v>
      </c>
      <c r="AD117" s="8">
        <v>4.5199999999999996</v>
      </c>
      <c r="AE117" s="8">
        <v>4.51</v>
      </c>
      <c r="AF117" s="8">
        <v>4.5</v>
      </c>
      <c r="AG117" s="8">
        <v>4.5</v>
      </c>
      <c r="AH117" s="8">
        <v>4.63</v>
      </c>
      <c r="AI117" s="8">
        <v>4.6100000000000003</v>
      </c>
      <c r="AJ117" s="8">
        <v>4.63</v>
      </c>
      <c r="AK117" s="8">
        <v>4.63</v>
      </c>
      <c r="AL117" s="8">
        <v>4.68</v>
      </c>
      <c r="AM117" s="8">
        <v>4.6500000000000004</v>
      </c>
      <c r="AN117" s="8">
        <v>4.5999999999999996</v>
      </c>
      <c r="AO117" s="8">
        <v>4.54</v>
      </c>
      <c r="AP117" s="8">
        <v>4.5599999999999996</v>
      </c>
      <c r="AQ117" s="8">
        <v>4.4400000000000004</v>
      </c>
      <c r="AR117" s="8">
        <v>4.46</v>
      </c>
      <c r="AS117" s="8">
        <v>4.42</v>
      </c>
      <c r="AT117" s="8">
        <v>4.41</v>
      </c>
      <c r="AU117" s="8">
        <v>4.49</v>
      </c>
      <c r="AV117" s="8">
        <v>4.46</v>
      </c>
      <c r="AW117" s="8">
        <v>4.5</v>
      </c>
      <c r="AX117" s="8">
        <v>4.42</v>
      </c>
      <c r="AY117" s="8">
        <v>4.45</v>
      </c>
      <c r="AZ117" s="8">
        <v>4.45</v>
      </c>
      <c r="BA117" s="8">
        <v>4.49</v>
      </c>
      <c r="BB117" s="8">
        <v>4.49</v>
      </c>
      <c r="BC117" s="8">
        <v>4.54</v>
      </c>
      <c r="BD117" s="8">
        <v>4.55</v>
      </c>
      <c r="BE117" s="17"/>
    </row>
    <row r="118" spans="3:57" x14ac:dyDescent="0.2">
      <c r="C118" s="5" t="s">
        <v>101</v>
      </c>
      <c r="D118" s="6" t="s">
        <v>58</v>
      </c>
      <c r="E118" s="8">
        <v>10.48</v>
      </c>
      <c r="F118" s="8">
        <v>10.45</v>
      </c>
      <c r="G118" s="8">
        <v>10.39</v>
      </c>
      <c r="H118" s="8">
        <v>10.11</v>
      </c>
      <c r="I118" s="62">
        <v>10.119999999999999</v>
      </c>
      <c r="J118" s="8">
        <v>10.34</v>
      </c>
      <c r="K118" s="8">
        <v>10.59</v>
      </c>
      <c r="L118" s="8">
        <v>10.73</v>
      </c>
      <c r="M118" s="8">
        <v>10.75</v>
      </c>
      <c r="N118" s="8">
        <v>10.7</v>
      </c>
      <c r="O118" s="8">
        <v>10.77</v>
      </c>
      <c r="P118" s="8">
        <v>11.19</v>
      </c>
      <c r="Q118" s="8">
        <v>11.26</v>
      </c>
      <c r="R118" s="8">
        <v>11.1</v>
      </c>
      <c r="S118" s="8">
        <v>10.86</v>
      </c>
      <c r="T118" s="8">
        <v>11.13</v>
      </c>
      <c r="U118" s="8">
        <v>11.84</v>
      </c>
      <c r="V118" s="8">
        <v>11.61</v>
      </c>
      <c r="W118" s="8">
        <v>11.41</v>
      </c>
      <c r="X118" s="8">
        <v>11.55</v>
      </c>
      <c r="Y118" s="8">
        <v>11.39</v>
      </c>
      <c r="Z118" s="8">
        <v>11.34</v>
      </c>
      <c r="AA118" s="8">
        <v>11.5</v>
      </c>
      <c r="AB118" s="8">
        <v>11.78</v>
      </c>
      <c r="AC118" s="8">
        <v>11.32</v>
      </c>
      <c r="AD118" s="8">
        <v>11.08</v>
      </c>
      <c r="AE118" s="8">
        <v>10.71</v>
      </c>
      <c r="AF118" s="8">
        <v>10.81</v>
      </c>
      <c r="AG118" s="8">
        <v>10.77</v>
      </c>
      <c r="AH118" s="8">
        <v>10.38</v>
      </c>
      <c r="AI118" s="8">
        <v>10.27</v>
      </c>
      <c r="AJ118" s="8">
        <v>10.51</v>
      </c>
      <c r="AK118" s="8">
        <v>10.54</v>
      </c>
      <c r="AL118" s="8">
        <v>10.55</v>
      </c>
      <c r="AM118" s="8">
        <v>10.53</v>
      </c>
      <c r="AN118" s="8">
        <v>10.51</v>
      </c>
      <c r="AO118" s="8">
        <v>10.55</v>
      </c>
      <c r="AP118" s="8">
        <v>10.59</v>
      </c>
      <c r="AQ118" s="8">
        <v>10.51</v>
      </c>
      <c r="AR118" s="8">
        <v>10.210000000000001</v>
      </c>
      <c r="AS118" s="8">
        <v>10.119999999999999</v>
      </c>
      <c r="AT118" s="8">
        <v>10.210000000000001</v>
      </c>
      <c r="AU118" s="8">
        <v>10.41</v>
      </c>
      <c r="AV118" s="8">
        <v>10.39</v>
      </c>
      <c r="AW118" s="8">
        <v>10.28</v>
      </c>
      <c r="AX118" s="8">
        <v>10.51</v>
      </c>
      <c r="AY118" s="8">
        <v>10.87</v>
      </c>
      <c r="AZ118" s="8">
        <v>10.81</v>
      </c>
      <c r="BA118" s="8">
        <v>10.41</v>
      </c>
      <c r="BB118" s="8">
        <v>10.41</v>
      </c>
      <c r="BC118" s="8">
        <v>10.67</v>
      </c>
      <c r="BD118" s="8">
        <v>10.62</v>
      </c>
      <c r="BE118" s="17"/>
    </row>
    <row r="119" spans="3:57" x14ac:dyDescent="0.2">
      <c r="C119" s="5" t="s">
        <v>71</v>
      </c>
      <c r="D119" s="6" t="s">
        <v>58</v>
      </c>
      <c r="E119" s="8">
        <v>5.73</v>
      </c>
      <c r="F119" s="8">
        <v>5.69</v>
      </c>
      <c r="G119" s="8">
        <v>5.73</v>
      </c>
      <c r="H119" s="8">
        <v>5.71</v>
      </c>
      <c r="I119" s="62">
        <v>5.76</v>
      </c>
      <c r="J119" s="8">
        <v>5.79</v>
      </c>
      <c r="K119" s="8">
        <v>5.7</v>
      </c>
      <c r="L119" s="8">
        <v>5.73</v>
      </c>
      <c r="M119" s="8">
        <v>5.73</v>
      </c>
      <c r="N119" s="8">
        <v>5.72</v>
      </c>
      <c r="O119" s="8">
        <v>5.68</v>
      </c>
      <c r="P119" s="8">
        <v>5.75</v>
      </c>
      <c r="Q119" s="8">
        <v>5.65</v>
      </c>
      <c r="R119" s="8">
        <v>5.68</v>
      </c>
      <c r="S119" s="8">
        <v>5.59</v>
      </c>
      <c r="T119" s="8">
        <v>5.58</v>
      </c>
      <c r="U119" s="8">
        <v>5.6</v>
      </c>
      <c r="V119" s="8">
        <v>5.64</v>
      </c>
      <c r="W119" s="8">
        <v>5.6</v>
      </c>
      <c r="X119" s="8">
        <v>5.6</v>
      </c>
      <c r="Y119" s="8">
        <v>5.6</v>
      </c>
      <c r="Z119" s="8">
        <v>5.6</v>
      </c>
      <c r="AA119" s="8">
        <v>5.6</v>
      </c>
      <c r="AB119" s="8">
        <v>5.62</v>
      </c>
      <c r="AC119" s="8">
        <v>5.61</v>
      </c>
      <c r="AD119" s="8">
        <v>5.63</v>
      </c>
      <c r="AE119" s="8">
        <v>5.64</v>
      </c>
      <c r="AF119" s="8">
        <v>5.64</v>
      </c>
      <c r="AG119" s="8">
        <v>5.64</v>
      </c>
      <c r="AH119" s="8">
        <v>5.7</v>
      </c>
      <c r="AI119" s="8">
        <v>5.7</v>
      </c>
      <c r="AJ119" s="8">
        <v>5.74</v>
      </c>
      <c r="AK119" s="8">
        <v>5.74</v>
      </c>
      <c r="AL119" s="8">
        <v>5.72</v>
      </c>
      <c r="AM119" s="8">
        <v>5.75</v>
      </c>
      <c r="AN119" s="8">
        <v>5.69</v>
      </c>
      <c r="AO119" s="8">
        <v>5.61</v>
      </c>
      <c r="AP119" s="8">
        <v>5.58</v>
      </c>
      <c r="AQ119" s="8">
        <v>5.68</v>
      </c>
      <c r="AR119" s="8">
        <v>5.69</v>
      </c>
      <c r="AS119" s="8">
        <v>5.61</v>
      </c>
      <c r="AT119" s="8">
        <v>5.56</v>
      </c>
      <c r="AU119" s="8">
        <v>5.62</v>
      </c>
      <c r="AV119" s="8">
        <v>5.6</v>
      </c>
      <c r="AW119" s="8">
        <v>5.59</v>
      </c>
      <c r="AX119" s="8">
        <v>5.68</v>
      </c>
      <c r="AY119" s="8">
        <v>5.68</v>
      </c>
      <c r="AZ119" s="8">
        <v>5.71</v>
      </c>
      <c r="BA119" s="8">
        <v>5.75</v>
      </c>
      <c r="BB119" s="8">
        <v>5.75</v>
      </c>
      <c r="BC119" s="8">
        <v>5.72</v>
      </c>
      <c r="BD119" s="8">
        <v>5.74</v>
      </c>
      <c r="BE119" s="17"/>
    </row>
    <row r="120" spans="3:57" x14ac:dyDescent="0.2">
      <c r="C120" s="5" t="s">
        <v>102</v>
      </c>
      <c r="D120" s="6" t="s">
        <v>58</v>
      </c>
      <c r="E120" s="17">
        <v>9.19</v>
      </c>
      <c r="F120" s="17">
        <v>9.0299999999999994</v>
      </c>
      <c r="G120" s="17">
        <v>9.1999999999999993</v>
      </c>
      <c r="H120" s="17">
        <v>9.1199999999999992</v>
      </c>
      <c r="I120" s="62">
        <v>9.18</v>
      </c>
      <c r="J120" s="17">
        <v>9.1199999999999992</v>
      </c>
      <c r="K120" s="17">
        <v>9.11</v>
      </c>
      <c r="L120" s="17">
        <v>9.16</v>
      </c>
      <c r="M120" s="17">
        <v>9.0500000000000007</v>
      </c>
      <c r="N120" s="17">
        <v>8.98</v>
      </c>
      <c r="O120" s="17">
        <v>8.98</v>
      </c>
      <c r="P120" s="17">
        <v>9.06</v>
      </c>
      <c r="Q120" s="17">
        <v>9.07</v>
      </c>
      <c r="R120" s="17">
        <v>9.14</v>
      </c>
      <c r="S120" s="17">
        <v>9.26</v>
      </c>
      <c r="T120" s="17">
        <v>9.34</v>
      </c>
      <c r="U120" s="17">
        <v>9.32</v>
      </c>
      <c r="V120" s="17">
        <v>9.3000000000000007</v>
      </c>
      <c r="W120" s="17">
        <v>9.2899999999999991</v>
      </c>
      <c r="X120" s="17">
        <v>9.52</v>
      </c>
      <c r="Y120" s="17">
        <v>9.3699999999999992</v>
      </c>
      <c r="Z120" s="17">
        <v>9.3699999999999992</v>
      </c>
      <c r="AA120" s="17">
        <v>9.39</v>
      </c>
      <c r="AB120" s="17">
        <v>9.43</v>
      </c>
      <c r="AC120" s="8">
        <v>9.44</v>
      </c>
      <c r="AD120" s="17">
        <v>9.44</v>
      </c>
      <c r="AE120" s="17">
        <v>9.4499999999999993</v>
      </c>
      <c r="AF120" s="17">
        <v>9.48</v>
      </c>
      <c r="AG120" s="17">
        <v>9.4700000000000006</v>
      </c>
      <c r="AH120" s="17">
        <v>9.4</v>
      </c>
      <c r="AI120" s="17">
        <v>9.42</v>
      </c>
      <c r="AJ120" s="17">
        <v>9.44</v>
      </c>
      <c r="AK120" s="17">
        <v>9.5</v>
      </c>
      <c r="AL120" s="17">
        <v>9.5299999999999994</v>
      </c>
      <c r="AM120" s="17">
        <v>9.56</v>
      </c>
      <c r="AN120" s="17">
        <v>9.61</v>
      </c>
      <c r="AO120" s="17">
        <v>9.57</v>
      </c>
      <c r="AP120" s="17">
        <v>9.5500000000000007</v>
      </c>
      <c r="AQ120" s="17">
        <v>9.52</v>
      </c>
      <c r="AR120" s="17">
        <v>9.52</v>
      </c>
      <c r="AS120" s="17">
        <v>9.51</v>
      </c>
      <c r="AT120" s="17">
        <v>9.57</v>
      </c>
      <c r="AU120" s="17">
        <v>9.56</v>
      </c>
      <c r="AV120" s="17">
        <v>9.49</v>
      </c>
      <c r="AW120" s="8">
        <v>9.6</v>
      </c>
      <c r="AX120" s="17">
        <v>9.73</v>
      </c>
      <c r="AY120" s="17">
        <v>9.69</v>
      </c>
      <c r="AZ120" s="17">
        <v>9.65</v>
      </c>
      <c r="BA120" s="17">
        <v>9.7799999999999994</v>
      </c>
      <c r="BB120" s="17">
        <v>9.7799999999999994</v>
      </c>
      <c r="BC120" s="17">
        <v>10.33</v>
      </c>
      <c r="BD120" s="17">
        <v>10.34</v>
      </c>
      <c r="BE120" s="17"/>
    </row>
    <row r="121" spans="3:57" x14ac:dyDescent="0.2">
      <c r="C121" s="5" t="s">
        <v>72</v>
      </c>
      <c r="D121" s="6" t="s">
        <v>58</v>
      </c>
      <c r="E121" s="8">
        <v>11.18</v>
      </c>
      <c r="F121" s="8">
        <v>11.39</v>
      </c>
      <c r="G121" s="8">
        <v>11.31</v>
      </c>
      <c r="H121" s="8">
        <v>11.22</v>
      </c>
      <c r="I121" s="62">
        <v>11.06</v>
      </c>
      <c r="J121" s="8">
        <v>11.11</v>
      </c>
      <c r="K121" s="8">
        <v>11.16</v>
      </c>
      <c r="L121" s="8">
        <v>11.06</v>
      </c>
      <c r="M121" s="8">
        <v>11.2</v>
      </c>
      <c r="N121" s="8">
        <v>11.07</v>
      </c>
      <c r="O121" s="8">
        <v>11.02</v>
      </c>
      <c r="P121" s="8">
        <v>11.19</v>
      </c>
      <c r="Q121" s="8">
        <v>11.29</v>
      </c>
      <c r="R121" s="8">
        <v>11.19</v>
      </c>
      <c r="S121" s="8">
        <v>11.21</v>
      </c>
      <c r="T121" s="8">
        <v>11.12</v>
      </c>
      <c r="U121" s="8">
        <v>11.15</v>
      </c>
      <c r="V121" s="8">
        <v>11.14</v>
      </c>
      <c r="W121" s="8">
        <v>11.07</v>
      </c>
      <c r="X121" s="8">
        <v>11.23</v>
      </c>
      <c r="Y121" s="8">
        <v>11.2</v>
      </c>
      <c r="Z121" s="8">
        <v>11.21</v>
      </c>
      <c r="AA121" s="8">
        <v>11.12</v>
      </c>
      <c r="AB121" s="8">
        <v>11.09</v>
      </c>
      <c r="AC121" s="8">
        <v>11.08</v>
      </c>
      <c r="AD121" s="8">
        <v>11.09</v>
      </c>
      <c r="AE121" s="8">
        <v>11.17</v>
      </c>
      <c r="AF121" s="8">
        <v>11.15</v>
      </c>
      <c r="AG121" s="8">
        <v>11.23</v>
      </c>
      <c r="AH121" s="8">
        <v>11.18</v>
      </c>
      <c r="AI121" s="8">
        <v>11.12</v>
      </c>
      <c r="AJ121" s="8">
        <v>11.17</v>
      </c>
      <c r="AK121" s="8">
        <v>11.29</v>
      </c>
      <c r="AL121" s="8">
        <v>11.27</v>
      </c>
      <c r="AM121" s="8">
        <v>11.21</v>
      </c>
      <c r="AN121" s="8">
        <v>11.08</v>
      </c>
      <c r="AO121" s="8">
        <v>11.1</v>
      </c>
      <c r="AP121" s="8">
        <v>11.14</v>
      </c>
      <c r="AQ121" s="8">
        <v>11.07</v>
      </c>
      <c r="AR121" s="8">
        <v>11.09</v>
      </c>
      <c r="AS121" s="8">
        <v>10.99</v>
      </c>
      <c r="AT121" s="8">
        <v>10.79</v>
      </c>
      <c r="AU121" s="8">
        <v>10.82</v>
      </c>
      <c r="AV121" s="8">
        <v>10.85</v>
      </c>
      <c r="AW121" s="8">
        <v>10.83</v>
      </c>
      <c r="AX121" s="8">
        <v>10.8</v>
      </c>
      <c r="AY121" s="8">
        <v>10.85</v>
      </c>
      <c r="AZ121" s="8">
        <v>10.9</v>
      </c>
      <c r="BA121" s="8">
        <v>10.89</v>
      </c>
      <c r="BB121" s="8">
        <v>10.89</v>
      </c>
      <c r="BC121" s="8">
        <v>10.91</v>
      </c>
      <c r="BD121" s="8">
        <v>10.92</v>
      </c>
      <c r="BE121" s="17"/>
    </row>
    <row r="122" spans="3:57" x14ac:dyDescent="0.2">
      <c r="C122" s="5" t="s">
        <v>73</v>
      </c>
      <c r="D122" s="6" t="s">
        <v>58</v>
      </c>
      <c r="E122" s="8">
        <v>8.67</v>
      </c>
      <c r="F122" s="8">
        <v>8.5500000000000007</v>
      </c>
      <c r="G122" s="8">
        <v>8.35</v>
      </c>
      <c r="H122" s="8">
        <v>8.4499999999999993</v>
      </c>
      <c r="I122" s="62">
        <v>8.52</v>
      </c>
      <c r="J122" s="8">
        <v>8.4499999999999993</v>
      </c>
      <c r="K122" s="8">
        <v>8.6999999999999993</v>
      </c>
      <c r="L122" s="8">
        <v>8.52</v>
      </c>
      <c r="M122" s="8">
        <v>8.56</v>
      </c>
      <c r="N122" s="8">
        <v>8.64</v>
      </c>
      <c r="O122" s="8">
        <v>8.6199999999999992</v>
      </c>
      <c r="P122" s="8">
        <v>9.06</v>
      </c>
      <c r="Q122" s="8">
        <v>9.0500000000000007</v>
      </c>
      <c r="R122" s="8">
        <v>9.1199999999999992</v>
      </c>
      <c r="S122" s="8">
        <v>9.19</v>
      </c>
      <c r="T122" s="8">
        <v>9.1199999999999992</v>
      </c>
      <c r="U122" s="8">
        <v>8.94</v>
      </c>
      <c r="V122" s="8">
        <v>9.0500000000000007</v>
      </c>
      <c r="W122" s="8">
        <v>9.1300000000000008</v>
      </c>
      <c r="X122" s="8">
        <v>9.15</v>
      </c>
      <c r="Y122" s="8">
        <v>9.23</v>
      </c>
      <c r="Z122" s="8">
        <v>9.35</v>
      </c>
      <c r="AA122" s="8">
        <v>9.33</v>
      </c>
      <c r="AB122" s="8">
        <v>9.33</v>
      </c>
      <c r="AC122" s="8">
        <v>9.25</v>
      </c>
      <c r="AD122" s="8">
        <v>9.17</v>
      </c>
      <c r="AE122" s="8">
        <v>9.0299999999999994</v>
      </c>
      <c r="AF122" s="8">
        <v>8.8000000000000007</v>
      </c>
      <c r="AG122" s="8">
        <v>8.85</v>
      </c>
      <c r="AH122" s="8">
        <v>8.85</v>
      </c>
      <c r="AI122" s="8">
        <v>8.7799999999999994</v>
      </c>
      <c r="AJ122" s="8">
        <v>8.7799999999999994</v>
      </c>
      <c r="AK122" s="8">
        <v>8.82</v>
      </c>
      <c r="AL122" s="8">
        <v>8.84</v>
      </c>
      <c r="AM122" s="8">
        <v>8.9600000000000009</v>
      </c>
      <c r="AN122" s="8">
        <v>8.91</v>
      </c>
      <c r="AO122" s="8">
        <v>8.7799999999999994</v>
      </c>
      <c r="AP122" s="8">
        <v>8.77</v>
      </c>
      <c r="AQ122" s="8">
        <v>8.59</v>
      </c>
      <c r="AR122" s="8">
        <v>8.7799999999999994</v>
      </c>
      <c r="AS122" s="8">
        <v>8.7799999999999994</v>
      </c>
      <c r="AT122" s="8">
        <v>8.84</v>
      </c>
      <c r="AU122" s="8">
        <v>8.82</v>
      </c>
      <c r="AV122" s="8">
        <v>8.9</v>
      </c>
      <c r="AW122" s="8">
        <v>8.9</v>
      </c>
      <c r="AX122" s="8">
        <v>8.83</v>
      </c>
      <c r="AY122" s="8">
        <v>8.83</v>
      </c>
      <c r="AZ122" s="8">
        <v>8.85</v>
      </c>
      <c r="BA122" s="8">
        <v>8.81</v>
      </c>
      <c r="BB122" s="8">
        <v>8.81</v>
      </c>
      <c r="BC122" s="8">
        <v>9.15</v>
      </c>
      <c r="BD122" s="8">
        <v>9.17</v>
      </c>
      <c r="BE122" s="17"/>
    </row>
    <row r="123" spans="3:57" x14ac:dyDescent="0.2">
      <c r="C123" s="5" t="s">
        <v>74</v>
      </c>
      <c r="D123" s="6" t="s">
        <v>58</v>
      </c>
      <c r="E123" s="8">
        <v>2.88</v>
      </c>
      <c r="F123" s="8">
        <v>2.87</v>
      </c>
      <c r="G123" s="8">
        <v>2.87</v>
      </c>
      <c r="H123" s="8">
        <v>2.85</v>
      </c>
      <c r="I123" s="62">
        <v>2.85</v>
      </c>
      <c r="J123" s="8">
        <v>2.86</v>
      </c>
      <c r="K123" s="8">
        <v>2.84</v>
      </c>
      <c r="L123" s="8">
        <v>2.84</v>
      </c>
      <c r="M123" s="8">
        <v>2.86</v>
      </c>
      <c r="N123" s="8">
        <v>2.85</v>
      </c>
      <c r="O123" s="8">
        <v>2.84</v>
      </c>
      <c r="P123" s="8">
        <v>2.9</v>
      </c>
      <c r="Q123" s="8">
        <v>2.92</v>
      </c>
      <c r="R123" s="8">
        <v>2.91</v>
      </c>
      <c r="S123" s="8">
        <v>2.91</v>
      </c>
      <c r="T123" s="8">
        <v>2.89</v>
      </c>
      <c r="U123" s="8">
        <v>2.9</v>
      </c>
      <c r="V123" s="8">
        <v>2.95</v>
      </c>
      <c r="W123" s="8">
        <v>2.98</v>
      </c>
      <c r="X123" s="8">
        <v>3.02</v>
      </c>
      <c r="Y123" s="8">
        <v>3.06</v>
      </c>
      <c r="Z123" s="8">
        <v>2.99</v>
      </c>
      <c r="AA123" s="8">
        <v>2.96</v>
      </c>
      <c r="AB123" s="8">
        <v>2.97</v>
      </c>
      <c r="AC123" s="8">
        <v>2.94</v>
      </c>
      <c r="AD123" s="8">
        <v>2.98</v>
      </c>
      <c r="AE123" s="8">
        <v>2.97</v>
      </c>
      <c r="AF123" s="8">
        <v>2.99</v>
      </c>
      <c r="AG123" s="8">
        <v>3</v>
      </c>
      <c r="AH123" s="8">
        <v>3.03</v>
      </c>
      <c r="AI123" s="8">
        <v>3.04</v>
      </c>
      <c r="AJ123" s="8">
        <v>3.04</v>
      </c>
      <c r="AK123" s="8">
        <v>3.03</v>
      </c>
      <c r="AL123" s="8">
        <v>3.01</v>
      </c>
      <c r="AM123" s="8">
        <v>3.04</v>
      </c>
      <c r="AN123" s="8">
        <v>3.02</v>
      </c>
      <c r="AO123" s="8">
        <v>3.01</v>
      </c>
      <c r="AP123" s="8">
        <v>2.95</v>
      </c>
      <c r="AQ123" s="8">
        <v>2.91</v>
      </c>
      <c r="AR123" s="8">
        <v>2.93</v>
      </c>
      <c r="AS123" s="8">
        <v>2.92</v>
      </c>
      <c r="AT123" s="8">
        <v>2.94</v>
      </c>
      <c r="AU123" s="8">
        <v>2.94</v>
      </c>
      <c r="AV123" s="8">
        <v>2.96</v>
      </c>
      <c r="AW123" s="8">
        <v>2.91</v>
      </c>
      <c r="AX123" s="8">
        <v>2.91</v>
      </c>
      <c r="AY123" s="8">
        <v>2.91</v>
      </c>
      <c r="AZ123" s="8">
        <v>2.89</v>
      </c>
      <c r="BA123" s="8">
        <v>2.9</v>
      </c>
      <c r="BB123" s="8">
        <v>2.9</v>
      </c>
      <c r="BC123" s="8">
        <v>2.9</v>
      </c>
      <c r="BD123" s="8">
        <v>2.9</v>
      </c>
      <c r="BE123" s="17"/>
    </row>
    <row r="124" spans="3:57" x14ac:dyDescent="0.2">
      <c r="C124" s="16" t="s">
        <v>78</v>
      </c>
      <c r="D124" s="6" t="s">
        <v>58</v>
      </c>
      <c r="E124" s="8">
        <v>0.88</v>
      </c>
      <c r="F124" s="8">
        <v>0.88</v>
      </c>
      <c r="G124" s="8">
        <v>0.88</v>
      </c>
      <c r="H124" s="8">
        <v>0.89</v>
      </c>
      <c r="I124" s="62">
        <v>0.88</v>
      </c>
      <c r="J124" s="8">
        <v>0.88</v>
      </c>
      <c r="K124" s="8">
        <v>0.88</v>
      </c>
      <c r="L124" s="8">
        <v>0.88</v>
      </c>
      <c r="M124" s="8">
        <v>0.88</v>
      </c>
      <c r="N124" s="8">
        <v>0.88</v>
      </c>
      <c r="O124" s="8">
        <v>0.88</v>
      </c>
      <c r="P124" s="8">
        <v>0.87</v>
      </c>
      <c r="Q124" s="8">
        <v>0.88</v>
      </c>
      <c r="R124" s="8">
        <v>0.88</v>
      </c>
      <c r="S124" s="8">
        <v>0.87</v>
      </c>
      <c r="T124" s="8">
        <v>0.88</v>
      </c>
      <c r="U124" s="8">
        <v>0.88</v>
      </c>
      <c r="V124" s="8">
        <v>0.88</v>
      </c>
      <c r="W124" s="8">
        <v>0.89</v>
      </c>
      <c r="X124" s="8">
        <v>0.89</v>
      </c>
      <c r="Y124" s="8">
        <v>0.89</v>
      </c>
      <c r="Z124" s="8">
        <v>0.9</v>
      </c>
      <c r="AA124" s="8">
        <v>0.92</v>
      </c>
      <c r="AB124" s="8">
        <v>0.92</v>
      </c>
      <c r="AC124" s="8">
        <v>0.92</v>
      </c>
      <c r="AD124" s="8">
        <v>0.94</v>
      </c>
      <c r="AE124" s="8">
        <v>0.94</v>
      </c>
      <c r="AF124" s="8">
        <v>0.94</v>
      </c>
      <c r="AG124" s="8">
        <v>0.94</v>
      </c>
      <c r="AH124" s="8">
        <v>0.94</v>
      </c>
      <c r="AI124" s="8">
        <v>0.94</v>
      </c>
      <c r="AJ124" s="8">
        <v>0.94</v>
      </c>
      <c r="AK124" s="8">
        <v>0.94</v>
      </c>
      <c r="AL124" s="8">
        <v>0.94</v>
      </c>
      <c r="AM124" s="8">
        <v>0.93</v>
      </c>
      <c r="AN124" s="8">
        <v>0.93</v>
      </c>
      <c r="AO124" s="8">
        <v>0.93</v>
      </c>
      <c r="AP124" s="8">
        <v>0.93</v>
      </c>
      <c r="AQ124" s="8">
        <v>0.94</v>
      </c>
      <c r="AR124" s="8">
        <v>0.94</v>
      </c>
      <c r="AS124" s="8">
        <v>0.93</v>
      </c>
      <c r="AT124" s="8">
        <v>0.93</v>
      </c>
      <c r="AU124" s="8">
        <v>0.94</v>
      </c>
      <c r="AV124" s="8">
        <v>0.94</v>
      </c>
      <c r="AW124" s="8">
        <v>0.94</v>
      </c>
      <c r="AX124" s="8">
        <v>0.95</v>
      </c>
      <c r="AY124" s="8">
        <v>0.96</v>
      </c>
      <c r="AZ124" s="8">
        <v>0.96</v>
      </c>
      <c r="BA124" s="8">
        <v>0.96</v>
      </c>
      <c r="BB124" s="8">
        <v>0.96</v>
      </c>
      <c r="BC124" s="8">
        <v>0.96</v>
      </c>
      <c r="BD124" s="8">
        <v>0.96</v>
      </c>
      <c r="BE124" s="17"/>
    </row>
    <row r="125" spans="3:57" x14ac:dyDescent="0.2">
      <c r="C125" s="16" t="s">
        <v>79</v>
      </c>
      <c r="D125" s="6" t="s">
        <v>58</v>
      </c>
      <c r="E125" s="8">
        <v>1.86</v>
      </c>
      <c r="F125" s="8">
        <v>1.85</v>
      </c>
      <c r="G125" s="8">
        <v>1.88</v>
      </c>
      <c r="H125" s="8">
        <v>1.88</v>
      </c>
      <c r="I125" s="62">
        <v>1.88</v>
      </c>
      <c r="J125" s="8">
        <v>1.89</v>
      </c>
      <c r="K125" s="8">
        <v>1.9</v>
      </c>
      <c r="L125" s="8">
        <v>1.89</v>
      </c>
      <c r="M125" s="8">
        <v>1.89</v>
      </c>
      <c r="N125" s="8">
        <v>1.88</v>
      </c>
      <c r="O125" s="8">
        <v>1.88</v>
      </c>
      <c r="P125" s="8">
        <v>1.74</v>
      </c>
      <c r="Q125" s="8">
        <v>1.74</v>
      </c>
      <c r="R125" s="8">
        <v>1.74</v>
      </c>
      <c r="S125" s="8">
        <v>1.79</v>
      </c>
      <c r="T125" s="8">
        <v>1.78</v>
      </c>
      <c r="U125" s="8">
        <v>1.77</v>
      </c>
      <c r="V125" s="8">
        <v>1.77</v>
      </c>
      <c r="W125" s="8">
        <v>1.76</v>
      </c>
      <c r="X125" s="8">
        <v>1.77</v>
      </c>
      <c r="Y125" s="8">
        <v>1.77</v>
      </c>
      <c r="Z125" s="8">
        <v>1.78</v>
      </c>
      <c r="AA125" s="8">
        <v>1.8</v>
      </c>
      <c r="AB125" s="8">
        <v>1.81</v>
      </c>
      <c r="AC125" s="8">
        <v>1.79</v>
      </c>
      <c r="AD125" s="8">
        <v>1.76</v>
      </c>
      <c r="AE125" s="8">
        <v>1.77</v>
      </c>
      <c r="AF125" s="8">
        <v>1.77</v>
      </c>
      <c r="AG125" s="8">
        <v>1.77</v>
      </c>
      <c r="AH125" s="8">
        <v>1.73</v>
      </c>
      <c r="AI125" s="8">
        <v>1.73</v>
      </c>
      <c r="AJ125" s="8">
        <v>1.73</v>
      </c>
      <c r="AK125" s="8">
        <v>1.74</v>
      </c>
      <c r="AL125" s="8">
        <v>1.75</v>
      </c>
      <c r="AM125" s="8">
        <v>1.8</v>
      </c>
      <c r="AN125" s="8">
        <v>1.88</v>
      </c>
      <c r="AO125" s="8">
        <v>1.87</v>
      </c>
      <c r="AP125" s="8">
        <v>1.88</v>
      </c>
      <c r="AQ125" s="8">
        <v>1.94</v>
      </c>
      <c r="AR125" s="8">
        <v>1.95</v>
      </c>
      <c r="AS125" s="8">
        <v>1.91</v>
      </c>
      <c r="AT125" s="8">
        <v>1.9</v>
      </c>
      <c r="AU125" s="8">
        <v>1.9</v>
      </c>
      <c r="AV125" s="8">
        <v>1.9</v>
      </c>
      <c r="AW125" s="8">
        <v>1.88</v>
      </c>
      <c r="AX125" s="8">
        <v>1.85</v>
      </c>
      <c r="AY125" s="8">
        <v>1.87</v>
      </c>
      <c r="AZ125" s="8">
        <v>1.87</v>
      </c>
      <c r="BA125" s="8">
        <v>1.86</v>
      </c>
      <c r="BB125" s="8">
        <v>1.86</v>
      </c>
      <c r="BC125" s="8">
        <v>1.85</v>
      </c>
      <c r="BD125" s="8">
        <v>1.85</v>
      </c>
      <c r="BE125" s="17"/>
    </row>
    <row r="126" spans="3:57" x14ac:dyDescent="0.2">
      <c r="C126" s="16" t="s">
        <v>80</v>
      </c>
      <c r="D126" s="6" t="s">
        <v>58</v>
      </c>
      <c r="E126" s="8">
        <v>1.73</v>
      </c>
      <c r="F126" s="8">
        <v>2</v>
      </c>
      <c r="G126" s="8">
        <v>2.6</v>
      </c>
      <c r="H126" s="8">
        <v>2.74</v>
      </c>
      <c r="I126" s="62">
        <v>2.84</v>
      </c>
      <c r="J126" s="8">
        <v>2.95</v>
      </c>
      <c r="K126" s="8">
        <v>3.08</v>
      </c>
      <c r="L126" s="8">
        <v>3.06</v>
      </c>
      <c r="M126" s="8">
        <v>2.74</v>
      </c>
      <c r="N126" s="8">
        <v>2.58</v>
      </c>
      <c r="O126" s="8">
        <v>2.44</v>
      </c>
      <c r="P126" s="8">
        <v>2.42</v>
      </c>
      <c r="Q126" s="8">
        <v>2.39</v>
      </c>
      <c r="R126" s="8">
        <v>2.27</v>
      </c>
      <c r="S126" s="8">
        <v>2.16</v>
      </c>
      <c r="T126" s="8">
        <v>2.11</v>
      </c>
      <c r="U126" s="8">
        <v>2.02</v>
      </c>
      <c r="V126" s="8">
        <v>1.81</v>
      </c>
      <c r="W126" s="8">
        <v>1.74</v>
      </c>
      <c r="X126" s="8">
        <v>1.64</v>
      </c>
      <c r="Y126" s="8">
        <v>1.58</v>
      </c>
      <c r="Z126" s="8">
        <v>1.47</v>
      </c>
      <c r="AA126" s="8">
        <v>1.43</v>
      </c>
      <c r="AB126" s="8">
        <v>1.42</v>
      </c>
      <c r="AC126" s="8">
        <v>1.38</v>
      </c>
      <c r="AD126" s="8">
        <v>1.38</v>
      </c>
      <c r="AE126" s="8">
        <v>1.36</v>
      </c>
      <c r="AF126" s="8">
        <v>1.36</v>
      </c>
      <c r="AG126" s="8">
        <v>1.38</v>
      </c>
      <c r="AH126" s="8">
        <v>1.37</v>
      </c>
      <c r="AI126" s="8">
        <v>1.37</v>
      </c>
      <c r="AJ126" s="8">
        <v>1.37</v>
      </c>
      <c r="AK126" s="8">
        <v>1.38</v>
      </c>
      <c r="AL126" s="8">
        <v>1.39</v>
      </c>
      <c r="AM126" s="8">
        <v>1.4</v>
      </c>
      <c r="AN126" s="8">
        <v>1.42</v>
      </c>
      <c r="AO126" s="8">
        <v>1.56</v>
      </c>
      <c r="AP126" s="8">
        <v>1.59</v>
      </c>
      <c r="AQ126" s="8">
        <v>1.61</v>
      </c>
      <c r="AR126" s="8">
        <v>1.59</v>
      </c>
      <c r="AS126" s="8">
        <v>1.53</v>
      </c>
      <c r="AT126" s="8">
        <v>1.57</v>
      </c>
      <c r="AU126" s="8">
        <v>1.65</v>
      </c>
      <c r="AV126" s="8">
        <v>1.76</v>
      </c>
      <c r="AW126" s="8">
        <v>1.9</v>
      </c>
      <c r="AX126" s="8">
        <v>1.89</v>
      </c>
      <c r="AY126" s="8">
        <v>1.81</v>
      </c>
      <c r="AZ126" s="8">
        <v>1.84</v>
      </c>
      <c r="BA126" s="8">
        <v>1.81</v>
      </c>
      <c r="BB126" s="8">
        <v>1.81</v>
      </c>
      <c r="BC126" s="8">
        <v>1.8</v>
      </c>
      <c r="BD126" s="8">
        <v>1.79</v>
      </c>
      <c r="BE126" s="17"/>
    </row>
    <row r="127" spans="3:57" x14ac:dyDescent="0.2">
      <c r="C127" s="16" t="s">
        <v>122</v>
      </c>
      <c r="D127" s="6" t="s">
        <v>58</v>
      </c>
      <c r="E127" s="8">
        <v>0.99</v>
      </c>
      <c r="F127" s="8">
        <v>0.99</v>
      </c>
      <c r="G127" s="8">
        <v>0.98</v>
      </c>
      <c r="H127" s="8">
        <v>0.99</v>
      </c>
      <c r="I127" s="62">
        <v>0.99</v>
      </c>
      <c r="J127" s="8">
        <v>0.99</v>
      </c>
      <c r="K127" s="8">
        <v>0.99</v>
      </c>
      <c r="L127" s="8">
        <v>1</v>
      </c>
      <c r="M127" s="8">
        <v>1.01</v>
      </c>
      <c r="N127" s="8">
        <v>1</v>
      </c>
      <c r="O127" s="8">
        <v>1.01</v>
      </c>
      <c r="P127" s="8">
        <v>1.01</v>
      </c>
      <c r="Q127" s="8">
        <v>1.01</v>
      </c>
      <c r="R127" s="8">
        <v>1.02</v>
      </c>
      <c r="S127" s="8">
        <v>1.03</v>
      </c>
      <c r="T127" s="8">
        <v>1.01</v>
      </c>
      <c r="U127" s="8">
        <v>1.03</v>
      </c>
      <c r="V127" s="8">
        <v>1.03</v>
      </c>
      <c r="W127" s="8">
        <v>1.03</v>
      </c>
      <c r="X127" s="8">
        <v>1.02</v>
      </c>
      <c r="Y127" s="8">
        <v>1.03</v>
      </c>
      <c r="Z127" s="8">
        <v>1.03</v>
      </c>
      <c r="AA127" s="8">
        <v>1.02</v>
      </c>
      <c r="AB127" s="8">
        <v>1.02</v>
      </c>
      <c r="AC127" s="8">
        <v>1.03</v>
      </c>
      <c r="AD127" s="8">
        <v>1.03</v>
      </c>
      <c r="AE127" s="8">
        <v>1.02</v>
      </c>
      <c r="AF127" s="8">
        <v>1.03</v>
      </c>
      <c r="AG127" s="8">
        <v>1.02</v>
      </c>
      <c r="AH127" s="8">
        <v>1.01</v>
      </c>
      <c r="AI127" s="8">
        <v>1.01</v>
      </c>
      <c r="AJ127" s="8">
        <v>1.01</v>
      </c>
      <c r="AK127" s="8">
        <v>1.01</v>
      </c>
      <c r="AL127" s="8">
        <v>1.01</v>
      </c>
      <c r="AM127" s="8">
        <v>1.01</v>
      </c>
      <c r="AN127" s="8">
        <v>1.01</v>
      </c>
      <c r="AO127" s="8">
        <v>1.01</v>
      </c>
      <c r="AP127" s="8">
        <v>1.01</v>
      </c>
      <c r="AQ127" s="8">
        <v>1.01</v>
      </c>
      <c r="AR127" s="8">
        <v>1.02</v>
      </c>
      <c r="AS127" s="8">
        <v>1.02</v>
      </c>
      <c r="AT127" s="8">
        <v>1.03</v>
      </c>
      <c r="AU127" s="8">
        <v>1.02</v>
      </c>
      <c r="AV127" s="8">
        <v>1.02</v>
      </c>
      <c r="AW127" s="8">
        <v>1.02</v>
      </c>
      <c r="AX127" s="8">
        <v>1.02</v>
      </c>
      <c r="AY127" s="8">
        <v>1.02</v>
      </c>
      <c r="AZ127" s="8">
        <v>1.03</v>
      </c>
      <c r="BA127" s="8">
        <v>1.03</v>
      </c>
      <c r="BB127" s="8">
        <v>1.03</v>
      </c>
      <c r="BC127" s="8">
        <v>1.03</v>
      </c>
      <c r="BD127" s="8">
        <v>1.03</v>
      </c>
      <c r="BE127" s="17"/>
    </row>
    <row r="128" spans="3:57" x14ac:dyDescent="0.2">
      <c r="C128" s="16" t="s">
        <v>82</v>
      </c>
      <c r="D128" s="6" t="s">
        <v>58</v>
      </c>
      <c r="E128" s="8">
        <v>3.71</v>
      </c>
      <c r="F128" s="8">
        <v>3.79</v>
      </c>
      <c r="G128" s="8">
        <v>3.9</v>
      </c>
      <c r="H128" s="8">
        <v>3.94</v>
      </c>
      <c r="I128" s="62">
        <v>3.96</v>
      </c>
      <c r="J128" s="8">
        <v>4.01</v>
      </c>
      <c r="K128" s="8">
        <v>4.1399999999999997</v>
      </c>
      <c r="L128" s="8">
        <v>4.1500000000000004</v>
      </c>
      <c r="M128" s="8">
        <v>4.21</v>
      </c>
      <c r="N128" s="8">
        <v>4.13</v>
      </c>
      <c r="O128" s="8">
        <v>4.01</v>
      </c>
      <c r="P128" s="8">
        <v>4.2300000000000004</v>
      </c>
      <c r="Q128" s="8">
        <v>4.2</v>
      </c>
      <c r="R128" s="8">
        <v>4.16</v>
      </c>
      <c r="S128" s="8">
        <v>4.21</v>
      </c>
      <c r="T128" s="8">
        <v>4.13</v>
      </c>
      <c r="U128" s="8">
        <v>4.08</v>
      </c>
      <c r="V128" s="8">
        <v>3.92</v>
      </c>
      <c r="W128" s="8">
        <v>3.87</v>
      </c>
      <c r="X128" s="8">
        <v>3.79</v>
      </c>
      <c r="Y128" s="8">
        <v>3.81</v>
      </c>
      <c r="Z128" s="8">
        <v>3.79</v>
      </c>
      <c r="AA128" s="8">
        <v>3.7</v>
      </c>
      <c r="AB128" s="8">
        <v>3.68</v>
      </c>
      <c r="AC128" s="8">
        <v>3.64</v>
      </c>
      <c r="AD128" s="8">
        <v>3.52</v>
      </c>
      <c r="AE128" s="8">
        <v>3.51</v>
      </c>
      <c r="AF128" s="8">
        <v>3.41</v>
      </c>
      <c r="AG128" s="8">
        <v>3.59</v>
      </c>
      <c r="AH128" s="8">
        <v>3.59</v>
      </c>
      <c r="AI128" s="8">
        <v>3.68</v>
      </c>
      <c r="AJ128" s="8">
        <v>3.78</v>
      </c>
      <c r="AK128" s="8">
        <v>3.85</v>
      </c>
      <c r="AL128" s="8">
        <v>3.87</v>
      </c>
      <c r="AM128" s="8">
        <v>3.87</v>
      </c>
      <c r="AN128" s="8">
        <v>3.87</v>
      </c>
      <c r="AO128" s="8">
        <v>3.87</v>
      </c>
      <c r="AP128" s="8">
        <v>3.9</v>
      </c>
      <c r="AQ128" s="8">
        <v>3.84</v>
      </c>
      <c r="AR128" s="8">
        <v>3.75</v>
      </c>
      <c r="AS128" s="8">
        <v>3.69</v>
      </c>
      <c r="AT128" s="8">
        <v>3.69</v>
      </c>
      <c r="AU128" s="8">
        <v>3.79</v>
      </c>
      <c r="AV128" s="8">
        <v>3.72</v>
      </c>
      <c r="AW128" s="8">
        <v>3.66</v>
      </c>
      <c r="AX128" s="8">
        <v>3.58</v>
      </c>
      <c r="AY128" s="8">
        <v>3.5</v>
      </c>
      <c r="AZ128" s="8">
        <v>3.54</v>
      </c>
      <c r="BA128" s="8">
        <v>3.57</v>
      </c>
      <c r="BB128" s="8">
        <v>3.57</v>
      </c>
      <c r="BC128" s="8">
        <v>3.65</v>
      </c>
      <c r="BD128" s="8">
        <v>3.65</v>
      </c>
      <c r="BE128" s="17"/>
    </row>
    <row r="129" spans="3:57" x14ac:dyDescent="0.2">
      <c r="C129" s="16" t="s">
        <v>84</v>
      </c>
      <c r="D129" s="6" t="s">
        <v>85</v>
      </c>
      <c r="E129" s="8">
        <v>0.93</v>
      </c>
      <c r="F129" s="8">
        <v>0.95</v>
      </c>
      <c r="G129" s="8">
        <v>0.95</v>
      </c>
      <c r="H129" s="8">
        <v>0.94</v>
      </c>
      <c r="I129" s="62">
        <v>0.93</v>
      </c>
      <c r="J129" s="8">
        <v>0.92</v>
      </c>
      <c r="K129" s="8">
        <v>0.92</v>
      </c>
      <c r="L129" s="8">
        <v>0.91</v>
      </c>
      <c r="M129" s="8">
        <v>0.9</v>
      </c>
      <c r="N129" s="8">
        <v>0.9</v>
      </c>
      <c r="O129" s="8">
        <v>0.89</v>
      </c>
      <c r="P129" s="8">
        <v>0.91</v>
      </c>
      <c r="Q129" s="8">
        <v>0.91</v>
      </c>
      <c r="R129" s="8">
        <v>0.91</v>
      </c>
      <c r="S129" s="8">
        <v>0.92</v>
      </c>
      <c r="T129" s="8">
        <v>0.91</v>
      </c>
      <c r="U129" s="8">
        <v>0.91</v>
      </c>
      <c r="V129" s="8">
        <v>0.91</v>
      </c>
      <c r="W129" s="8">
        <v>0.89</v>
      </c>
      <c r="X129" s="8">
        <v>0.9</v>
      </c>
      <c r="Y129" s="8">
        <v>0.9</v>
      </c>
      <c r="Z129" s="8">
        <v>0.9</v>
      </c>
      <c r="AA129" s="8">
        <v>0.89</v>
      </c>
      <c r="AB129" s="8">
        <v>0.9</v>
      </c>
      <c r="AC129" s="8">
        <v>0.89</v>
      </c>
      <c r="AD129" s="8">
        <v>0.89</v>
      </c>
      <c r="AE129" s="8">
        <v>0.89</v>
      </c>
      <c r="AF129" s="8">
        <v>0.88</v>
      </c>
      <c r="AG129" s="8">
        <v>0.88</v>
      </c>
      <c r="AH129" s="8">
        <v>0.88</v>
      </c>
      <c r="AI129" s="8">
        <v>0.88</v>
      </c>
      <c r="AJ129" s="8">
        <v>0.89</v>
      </c>
      <c r="AK129" s="8">
        <v>0.9</v>
      </c>
      <c r="AL129" s="8">
        <v>0.9</v>
      </c>
      <c r="AM129" s="8">
        <v>0.91</v>
      </c>
      <c r="AN129" s="8">
        <v>0.92</v>
      </c>
      <c r="AO129" s="8">
        <v>0.93</v>
      </c>
      <c r="AP129" s="8">
        <v>0.94</v>
      </c>
      <c r="AQ129" s="8">
        <v>0.96</v>
      </c>
      <c r="AR129" s="8">
        <v>0.97</v>
      </c>
      <c r="AS129" s="8">
        <v>0.96</v>
      </c>
      <c r="AT129" s="8">
        <v>0.96</v>
      </c>
      <c r="AU129" s="8">
        <v>0.96</v>
      </c>
      <c r="AV129" s="8">
        <v>0.96</v>
      </c>
      <c r="AW129" s="8">
        <v>0.97</v>
      </c>
      <c r="AX129" s="8">
        <v>0.96</v>
      </c>
      <c r="AY129" s="8">
        <v>0.96</v>
      </c>
      <c r="AZ129" s="8">
        <v>0.96</v>
      </c>
      <c r="BA129" s="8">
        <v>0.97</v>
      </c>
      <c r="BB129" s="8">
        <v>0.97</v>
      </c>
      <c r="BC129" s="8">
        <v>0.97</v>
      </c>
      <c r="BD129" s="8">
        <v>0.97</v>
      </c>
      <c r="BE129" s="17"/>
    </row>
    <row r="130" spans="3:57" x14ac:dyDescent="0.2">
      <c r="C130" s="16" t="s">
        <v>118</v>
      </c>
      <c r="D130" s="6" t="s">
        <v>58</v>
      </c>
      <c r="E130" s="8">
        <v>1.9</v>
      </c>
      <c r="F130" s="8">
        <v>1.98</v>
      </c>
      <c r="G130" s="8">
        <v>2.08</v>
      </c>
      <c r="H130" s="8">
        <v>2.16</v>
      </c>
      <c r="I130" s="62">
        <v>2.2000000000000002</v>
      </c>
      <c r="J130" s="8">
        <v>2.27</v>
      </c>
      <c r="K130" s="8">
        <v>2.31</v>
      </c>
      <c r="L130" s="8">
        <v>2.33</v>
      </c>
      <c r="M130" s="8">
        <v>2.3199999999999998</v>
      </c>
      <c r="N130" s="8">
        <v>2.31</v>
      </c>
      <c r="O130" s="8">
        <v>2.29</v>
      </c>
      <c r="P130" s="8">
        <v>2.2999999999999998</v>
      </c>
      <c r="Q130" s="8">
        <v>2.31</v>
      </c>
      <c r="R130" s="8">
        <v>2.31</v>
      </c>
      <c r="S130" s="8">
        <v>2.44</v>
      </c>
      <c r="T130" s="8">
        <v>2.42</v>
      </c>
      <c r="U130" s="8">
        <v>2.4500000000000002</v>
      </c>
      <c r="V130" s="8">
        <v>2.4700000000000002</v>
      </c>
      <c r="W130" s="8">
        <v>2.4900000000000002</v>
      </c>
      <c r="X130" s="8">
        <v>2.48</v>
      </c>
      <c r="Y130" s="8">
        <v>2.41</v>
      </c>
      <c r="Z130" s="8">
        <v>2.31</v>
      </c>
      <c r="AA130" s="8">
        <v>2.27</v>
      </c>
      <c r="AB130" s="8">
        <v>2.2000000000000002</v>
      </c>
      <c r="AC130" s="8">
        <v>2.13</v>
      </c>
      <c r="AD130" s="8">
        <v>2.06</v>
      </c>
      <c r="AE130" s="8">
        <v>1.98</v>
      </c>
      <c r="AF130" s="8">
        <v>1.94</v>
      </c>
      <c r="AG130" s="8">
        <v>1.93</v>
      </c>
      <c r="AH130" s="8">
        <v>1.9</v>
      </c>
      <c r="AI130" s="8">
        <v>1.89</v>
      </c>
      <c r="AJ130" s="8">
        <v>1.89</v>
      </c>
      <c r="AK130" s="8">
        <v>1.89</v>
      </c>
      <c r="AL130" s="8">
        <v>1.89</v>
      </c>
      <c r="AM130" s="8">
        <v>1.93</v>
      </c>
      <c r="AN130" s="8">
        <v>2.02</v>
      </c>
      <c r="AO130" s="8">
        <v>2.1</v>
      </c>
      <c r="AP130" s="8">
        <v>2.13</v>
      </c>
      <c r="AQ130" s="8">
        <v>2.16</v>
      </c>
      <c r="AR130" s="8">
        <v>2.16</v>
      </c>
      <c r="AS130" s="8">
        <v>2.13</v>
      </c>
      <c r="AT130" s="8">
        <v>2.06</v>
      </c>
      <c r="AU130" s="8">
        <v>2.04</v>
      </c>
      <c r="AV130" s="8">
        <v>1.96</v>
      </c>
      <c r="AW130" s="8">
        <v>1.92</v>
      </c>
      <c r="AX130" s="8">
        <v>1.89</v>
      </c>
      <c r="AY130" s="8">
        <v>2.0099999999999998</v>
      </c>
      <c r="AZ130" s="8">
        <v>2.0099999999999998</v>
      </c>
      <c r="BA130" s="8">
        <v>2</v>
      </c>
      <c r="BB130" s="8">
        <v>2</v>
      </c>
      <c r="BC130" s="8">
        <v>2.0499999999999998</v>
      </c>
      <c r="BD130" s="8">
        <v>2.0499999999999998</v>
      </c>
      <c r="BE130" s="17"/>
    </row>
    <row r="131" spans="3:57" x14ac:dyDescent="0.2">
      <c r="C131" s="16" t="s">
        <v>104</v>
      </c>
      <c r="D131" s="6" t="s">
        <v>58</v>
      </c>
      <c r="E131" s="8">
        <v>1.94</v>
      </c>
      <c r="F131" s="8">
        <v>1.95</v>
      </c>
      <c r="G131" s="8">
        <v>2.0099999999999998</v>
      </c>
      <c r="H131" s="8">
        <v>2.0299999999999998</v>
      </c>
      <c r="I131" s="62">
        <v>2.0299999999999998</v>
      </c>
      <c r="J131" s="8">
        <v>2.0299999999999998</v>
      </c>
      <c r="K131" s="8">
        <v>2.0099999999999998</v>
      </c>
      <c r="L131" s="8">
        <v>1.95</v>
      </c>
      <c r="M131" s="8">
        <v>1.95</v>
      </c>
      <c r="N131" s="8">
        <v>1.95</v>
      </c>
      <c r="O131" s="8">
        <v>1.95</v>
      </c>
      <c r="P131" s="8">
        <v>2.0099999999999998</v>
      </c>
      <c r="Q131" s="8">
        <v>2.02</v>
      </c>
      <c r="R131" s="8">
        <v>2.02</v>
      </c>
      <c r="S131" s="8">
        <v>2.06</v>
      </c>
      <c r="T131" s="8">
        <v>2.04</v>
      </c>
      <c r="U131" s="8">
        <v>2.04</v>
      </c>
      <c r="V131" s="8">
        <v>2.02</v>
      </c>
      <c r="W131" s="8">
        <v>2.0299999999999998</v>
      </c>
      <c r="X131" s="8">
        <v>2.02</v>
      </c>
      <c r="Y131" s="8">
        <v>2</v>
      </c>
      <c r="Z131" s="8">
        <v>1.97</v>
      </c>
      <c r="AA131" s="8">
        <v>1.96</v>
      </c>
      <c r="AB131" s="8">
        <v>1.95</v>
      </c>
      <c r="AC131" s="8">
        <v>1.92</v>
      </c>
      <c r="AD131" s="8">
        <v>1.9</v>
      </c>
      <c r="AE131" s="8">
        <v>1.86</v>
      </c>
      <c r="AF131" s="8">
        <v>1.86</v>
      </c>
      <c r="AG131" s="8">
        <v>1.84</v>
      </c>
      <c r="AH131" s="8">
        <v>1.84</v>
      </c>
      <c r="AI131" s="8">
        <v>1.84</v>
      </c>
      <c r="AJ131" s="8">
        <v>1.84</v>
      </c>
      <c r="AK131" s="8">
        <v>1.88</v>
      </c>
      <c r="AL131" s="8">
        <v>1.88</v>
      </c>
      <c r="AM131" s="8">
        <v>1.97</v>
      </c>
      <c r="AN131" s="8">
        <v>2.08</v>
      </c>
      <c r="AO131" s="8">
        <v>2.16</v>
      </c>
      <c r="AP131" s="8">
        <v>2.2999999999999998</v>
      </c>
      <c r="AQ131" s="8">
        <v>2.39</v>
      </c>
      <c r="AR131" s="8">
        <v>2.4300000000000002</v>
      </c>
      <c r="AS131" s="8">
        <v>2.42</v>
      </c>
      <c r="AT131" s="8">
        <v>2.38</v>
      </c>
      <c r="AU131" s="8">
        <v>2.35</v>
      </c>
      <c r="AV131" s="8">
        <v>2.3199999999999998</v>
      </c>
      <c r="AW131" s="8">
        <v>2.2599999999999998</v>
      </c>
      <c r="AX131" s="8">
        <v>2.1800000000000002</v>
      </c>
      <c r="AY131" s="8">
        <v>2.14</v>
      </c>
      <c r="AZ131" s="8">
        <v>2.14</v>
      </c>
      <c r="BA131" s="8">
        <v>2.14</v>
      </c>
      <c r="BB131" s="8">
        <v>2.14</v>
      </c>
      <c r="BC131" s="8">
        <v>2.15</v>
      </c>
      <c r="BD131" s="8">
        <v>2.15</v>
      </c>
      <c r="BE131" s="17"/>
    </row>
    <row r="132" spans="3:57" x14ac:dyDescent="0.2">
      <c r="C132" s="16" t="s">
        <v>87</v>
      </c>
      <c r="D132" s="6" t="s">
        <v>58</v>
      </c>
      <c r="E132" s="8">
        <v>1</v>
      </c>
      <c r="F132" s="8">
        <v>1.02</v>
      </c>
      <c r="G132" s="8">
        <v>1.02</v>
      </c>
      <c r="H132" s="8">
        <v>1.02</v>
      </c>
      <c r="I132" s="62">
        <v>1.02</v>
      </c>
      <c r="J132" s="8">
        <v>1.02</v>
      </c>
      <c r="K132" s="8">
        <v>1.01</v>
      </c>
      <c r="L132" s="8">
        <v>1.02</v>
      </c>
      <c r="M132" s="8">
        <v>1.01</v>
      </c>
      <c r="N132" s="8">
        <v>1.01</v>
      </c>
      <c r="O132" s="8">
        <v>1.02</v>
      </c>
      <c r="P132" s="8">
        <v>1.05</v>
      </c>
      <c r="Q132" s="8">
        <v>1.05</v>
      </c>
      <c r="R132" s="8">
        <v>1.05</v>
      </c>
      <c r="S132" s="8">
        <v>1.04</v>
      </c>
      <c r="T132" s="8">
        <v>1.04</v>
      </c>
      <c r="U132" s="8">
        <v>1.04</v>
      </c>
      <c r="V132" s="8">
        <v>1.04</v>
      </c>
      <c r="W132" s="8">
        <v>1.03</v>
      </c>
      <c r="X132" s="8">
        <v>1.04</v>
      </c>
      <c r="Y132" s="8">
        <v>1.04</v>
      </c>
      <c r="Z132" s="8">
        <v>1.04</v>
      </c>
      <c r="AA132" s="8">
        <v>1.02</v>
      </c>
      <c r="AB132" s="8">
        <v>1.02</v>
      </c>
      <c r="AC132" s="8">
        <v>1.02</v>
      </c>
      <c r="AD132" s="8">
        <v>1.01</v>
      </c>
      <c r="AE132" s="8">
        <v>1.01</v>
      </c>
      <c r="AF132" s="8">
        <v>1.01</v>
      </c>
      <c r="AG132" s="8">
        <v>1</v>
      </c>
      <c r="AH132" s="8">
        <v>0.98</v>
      </c>
      <c r="AI132" s="8">
        <v>0.98</v>
      </c>
      <c r="AJ132" s="8">
        <v>0.98</v>
      </c>
      <c r="AK132" s="8">
        <v>0.98</v>
      </c>
      <c r="AL132" s="8">
        <v>0.99</v>
      </c>
      <c r="AM132" s="8">
        <v>0.99</v>
      </c>
      <c r="AN132" s="8">
        <v>1.01</v>
      </c>
      <c r="AO132" s="8">
        <v>1</v>
      </c>
      <c r="AP132" s="8">
        <v>1.01</v>
      </c>
      <c r="AQ132" s="8">
        <v>1.01</v>
      </c>
      <c r="AR132" s="8">
        <v>1.01</v>
      </c>
      <c r="AS132" s="8">
        <v>0.99</v>
      </c>
      <c r="AT132" s="8">
        <v>0.99</v>
      </c>
      <c r="AU132" s="8">
        <v>0.99</v>
      </c>
      <c r="AV132" s="8">
        <v>0.99</v>
      </c>
      <c r="AW132" s="8">
        <v>0.99</v>
      </c>
      <c r="AX132" s="8">
        <v>0.99</v>
      </c>
      <c r="AY132" s="8">
        <v>1</v>
      </c>
      <c r="AZ132" s="8">
        <v>1.01</v>
      </c>
      <c r="BA132" s="8">
        <v>1.01</v>
      </c>
      <c r="BB132" s="8">
        <v>1.01</v>
      </c>
      <c r="BC132" s="8">
        <v>1</v>
      </c>
      <c r="BD132" s="8">
        <v>1</v>
      </c>
      <c r="BE132" s="17"/>
    </row>
    <row r="133" spans="3:57" x14ac:dyDescent="0.2">
      <c r="C133" s="16" t="s">
        <v>88</v>
      </c>
      <c r="D133" s="6" t="s">
        <v>58</v>
      </c>
      <c r="E133" s="8">
        <v>1.73</v>
      </c>
      <c r="F133" s="8">
        <v>1.69</v>
      </c>
      <c r="G133" s="8">
        <v>1.65</v>
      </c>
      <c r="H133" s="8">
        <v>1.62</v>
      </c>
      <c r="I133" s="62">
        <v>1.61</v>
      </c>
      <c r="J133" s="8">
        <v>1.61</v>
      </c>
      <c r="K133" s="8">
        <v>1.62</v>
      </c>
      <c r="L133" s="8">
        <v>1.6</v>
      </c>
      <c r="M133" s="8">
        <v>1.61</v>
      </c>
      <c r="N133" s="8">
        <v>1.6</v>
      </c>
      <c r="O133" s="8">
        <v>1.61</v>
      </c>
      <c r="P133" s="8">
        <v>1.66</v>
      </c>
      <c r="Q133" s="8">
        <v>1.65</v>
      </c>
      <c r="R133" s="8">
        <v>1.63</v>
      </c>
      <c r="S133" s="8">
        <v>1.62</v>
      </c>
      <c r="T133" s="8">
        <v>1.64</v>
      </c>
      <c r="U133" s="8">
        <v>1.65</v>
      </c>
      <c r="V133" s="8">
        <v>1.7</v>
      </c>
      <c r="W133" s="8">
        <v>1.7</v>
      </c>
      <c r="X133" s="8">
        <v>1.73</v>
      </c>
      <c r="Y133" s="8">
        <v>1.74</v>
      </c>
      <c r="Z133" s="8">
        <v>1.74</v>
      </c>
      <c r="AA133" s="8">
        <v>1.76</v>
      </c>
      <c r="AB133" s="8">
        <v>1.76</v>
      </c>
      <c r="AC133" s="8">
        <v>1.79</v>
      </c>
      <c r="AD133" s="8">
        <v>1.8</v>
      </c>
      <c r="AE133" s="8">
        <v>1.81</v>
      </c>
      <c r="AF133" s="8">
        <v>1.81</v>
      </c>
      <c r="AG133" s="8">
        <v>1.85</v>
      </c>
      <c r="AH133" s="8">
        <v>1.92</v>
      </c>
      <c r="AI133" s="8">
        <v>1.98</v>
      </c>
      <c r="AJ133" s="8">
        <v>2.04</v>
      </c>
      <c r="AK133" s="8">
        <v>2.12</v>
      </c>
      <c r="AL133" s="8">
        <v>2.1800000000000002</v>
      </c>
      <c r="AM133" s="8">
        <v>2.2599999999999998</v>
      </c>
      <c r="AN133" s="8">
        <v>2.37</v>
      </c>
      <c r="AO133" s="8">
        <v>2.4</v>
      </c>
      <c r="AP133" s="8">
        <v>2.41</v>
      </c>
      <c r="AQ133" s="8">
        <v>2.39</v>
      </c>
      <c r="AR133" s="8">
        <v>2.33</v>
      </c>
      <c r="AS133" s="8">
        <v>2.25</v>
      </c>
      <c r="AT133" s="8">
        <v>2.19</v>
      </c>
      <c r="AU133" s="8">
        <v>2.1800000000000002</v>
      </c>
      <c r="AV133" s="8">
        <v>2.16</v>
      </c>
      <c r="AW133" s="8">
        <v>2.13</v>
      </c>
      <c r="AX133" s="8">
        <v>2.12</v>
      </c>
      <c r="AY133" s="8">
        <v>2.1</v>
      </c>
      <c r="AZ133" s="8">
        <v>2.08</v>
      </c>
      <c r="BA133" s="8">
        <v>2.06</v>
      </c>
      <c r="BB133" s="8">
        <v>2.06</v>
      </c>
      <c r="BC133" s="8">
        <v>2.02</v>
      </c>
      <c r="BD133" s="8">
        <v>2.02</v>
      </c>
      <c r="BE133" s="17"/>
    </row>
    <row r="134" spans="3:57" x14ac:dyDescent="0.2">
      <c r="C134" s="18" t="s">
        <v>123</v>
      </c>
      <c r="D134" s="6" t="s">
        <v>58</v>
      </c>
      <c r="E134" s="8">
        <v>1.85</v>
      </c>
      <c r="F134" s="8">
        <v>1.86</v>
      </c>
      <c r="G134" s="8">
        <v>1.86</v>
      </c>
      <c r="H134" s="8">
        <v>1.87</v>
      </c>
      <c r="I134" s="62">
        <v>1.87</v>
      </c>
      <c r="J134" s="8">
        <v>1.94</v>
      </c>
      <c r="K134" s="8">
        <v>1.96</v>
      </c>
      <c r="L134" s="8">
        <v>2.0299999999999998</v>
      </c>
      <c r="M134" s="8">
        <v>2.08</v>
      </c>
      <c r="N134" s="8">
        <v>2.1</v>
      </c>
      <c r="O134" s="8">
        <v>2.11</v>
      </c>
      <c r="P134" s="8">
        <v>2.2999999999999998</v>
      </c>
      <c r="Q134" s="8">
        <v>2.08</v>
      </c>
      <c r="R134" s="8">
        <v>2.1</v>
      </c>
      <c r="S134" s="8">
        <v>2.09</v>
      </c>
      <c r="T134" s="8">
        <v>2.12</v>
      </c>
      <c r="U134" s="8">
        <v>2.08</v>
      </c>
      <c r="V134" s="8">
        <v>2.14</v>
      </c>
      <c r="W134" s="8">
        <v>2.13</v>
      </c>
      <c r="X134" s="8">
        <v>2.16</v>
      </c>
      <c r="Y134" s="8">
        <v>2.16</v>
      </c>
      <c r="Z134" s="8">
        <v>2.12</v>
      </c>
      <c r="AA134" s="8">
        <v>2.1</v>
      </c>
      <c r="AB134" s="8">
        <v>2.1</v>
      </c>
      <c r="AC134" s="8">
        <v>2.0699999999999998</v>
      </c>
      <c r="AD134" s="8">
        <v>2.04</v>
      </c>
      <c r="AE134" s="8">
        <v>2.0699999999999998</v>
      </c>
      <c r="AF134" s="8">
        <v>2.0699999999999998</v>
      </c>
      <c r="AG134" s="8">
        <v>2.0699999999999998</v>
      </c>
      <c r="AH134" s="8">
        <v>2.09</v>
      </c>
      <c r="AI134" s="8">
        <v>2.1</v>
      </c>
      <c r="AJ134" s="8">
        <v>2.13</v>
      </c>
      <c r="AK134" s="8">
        <v>2.13</v>
      </c>
      <c r="AL134" s="8">
        <v>2.25</v>
      </c>
      <c r="AM134" s="8">
        <v>2.4700000000000002</v>
      </c>
      <c r="AN134" s="8">
        <v>2.41</v>
      </c>
      <c r="AO134" s="8">
        <v>2.5</v>
      </c>
      <c r="AP134" s="8">
        <v>2.59</v>
      </c>
      <c r="AQ134" s="8">
        <v>2.29</v>
      </c>
      <c r="AR134" s="8">
        <v>2.16</v>
      </c>
      <c r="AS134" s="8">
        <v>2.12</v>
      </c>
      <c r="AT134" s="8">
        <v>2.0099999999999998</v>
      </c>
      <c r="AU134" s="8">
        <v>2.0099999999999998</v>
      </c>
      <c r="AV134" s="8">
        <v>2.08</v>
      </c>
      <c r="AW134" s="8">
        <v>1.98</v>
      </c>
      <c r="AX134" s="8">
        <v>1.94</v>
      </c>
      <c r="AY134" s="8">
        <v>1.93</v>
      </c>
      <c r="AZ134" s="8">
        <v>1.93</v>
      </c>
      <c r="BA134" s="8">
        <v>1.9</v>
      </c>
      <c r="BB134" s="8">
        <v>1.9</v>
      </c>
      <c r="BC134" s="8">
        <v>1.9</v>
      </c>
      <c r="BD134" s="8">
        <v>1.9</v>
      </c>
      <c r="BE134" s="17"/>
    </row>
    <row r="135" spans="3:57" x14ac:dyDescent="0.2">
      <c r="C135" s="18" t="s">
        <v>100</v>
      </c>
      <c r="D135" s="6" t="s">
        <v>58</v>
      </c>
      <c r="E135" s="8">
        <v>1.28</v>
      </c>
      <c r="F135" s="8">
        <v>1.28</v>
      </c>
      <c r="G135" s="8">
        <v>1.28</v>
      </c>
      <c r="H135" s="8">
        <v>1.27</v>
      </c>
      <c r="I135" s="62">
        <v>1.27</v>
      </c>
      <c r="J135" s="8">
        <v>1.27</v>
      </c>
      <c r="K135" s="8">
        <v>1.25</v>
      </c>
      <c r="L135" s="8">
        <v>1.24</v>
      </c>
      <c r="M135" s="8">
        <v>1.25</v>
      </c>
      <c r="N135" s="8">
        <v>1.25</v>
      </c>
      <c r="O135" s="8">
        <v>1.25</v>
      </c>
      <c r="P135" s="8">
        <v>1.37</v>
      </c>
      <c r="Q135" s="8">
        <v>1.35</v>
      </c>
      <c r="R135" s="8">
        <v>1.34</v>
      </c>
      <c r="S135" s="8">
        <v>1.34</v>
      </c>
      <c r="T135" s="8">
        <v>1.34</v>
      </c>
      <c r="U135" s="8">
        <v>1.35</v>
      </c>
      <c r="V135" s="8">
        <v>1.36</v>
      </c>
      <c r="W135" s="8">
        <v>1.36</v>
      </c>
      <c r="X135" s="8">
        <v>1.37</v>
      </c>
      <c r="Y135" s="8">
        <v>1.4</v>
      </c>
      <c r="Z135" s="8">
        <v>1.42</v>
      </c>
      <c r="AA135" s="8">
        <v>1.43</v>
      </c>
      <c r="AB135" s="8">
        <v>1.46</v>
      </c>
      <c r="AC135" s="8">
        <v>1.48</v>
      </c>
      <c r="AD135" s="8">
        <v>1.51</v>
      </c>
      <c r="AE135" s="8">
        <v>1.51</v>
      </c>
      <c r="AF135" s="8">
        <v>1.56</v>
      </c>
      <c r="AG135" s="8">
        <v>1.6</v>
      </c>
      <c r="AH135" s="8">
        <v>1.59</v>
      </c>
      <c r="AI135" s="8">
        <v>1.61</v>
      </c>
      <c r="AJ135" s="8">
        <v>1.63</v>
      </c>
      <c r="AK135" s="8">
        <v>1.65</v>
      </c>
      <c r="AL135" s="8">
        <v>1.7</v>
      </c>
      <c r="AM135" s="8">
        <v>1.73</v>
      </c>
      <c r="AN135" s="8">
        <v>1.79</v>
      </c>
      <c r="AO135" s="8">
        <v>1.78</v>
      </c>
      <c r="AP135" s="8">
        <v>1.8</v>
      </c>
      <c r="AQ135" s="8">
        <v>1.81</v>
      </c>
      <c r="AR135" s="8">
        <v>1.82</v>
      </c>
      <c r="AS135" s="8">
        <v>1.79</v>
      </c>
      <c r="AT135" s="8">
        <v>1.8</v>
      </c>
      <c r="AU135" s="8">
        <v>1.76</v>
      </c>
      <c r="AV135" s="8">
        <v>1.64</v>
      </c>
      <c r="AW135" s="8">
        <v>1.54</v>
      </c>
      <c r="AX135" s="8">
        <v>1.49</v>
      </c>
      <c r="AY135" s="8">
        <v>1.46</v>
      </c>
      <c r="AZ135" s="8">
        <v>1.44</v>
      </c>
      <c r="BA135" s="8">
        <v>1.42</v>
      </c>
      <c r="BB135" s="8">
        <v>1.42</v>
      </c>
      <c r="BC135" s="8">
        <v>1.36</v>
      </c>
      <c r="BD135" s="8">
        <v>1.36</v>
      </c>
      <c r="BE135" s="17"/>
    </row>
    <row r="136" spans="3:57" x14ac:dyDescent="0.2">
      <c r="C136" s="16" t="s">
        <v>89</v>
      </c>
      <c r="D136" s="6" t="s">
        <v>58</v>
      </c>
      <c r="E136" s="17">
        <v>1.65</v>
      </c>
      <c r="F136" s="17">
        <v>1.65</v>
      </c>
      <c r="G136" s="17">
        <v>1.66</v>
      </c>
      <c r="H136" s="17">
        <v>1.64</v>
      </c>
      <c r="I136" s="62">
        <v>1.66</v>
      </c>
      <c r="J136" s="17">
        <v>1.67</v>
      </c>
      <c r="K136" s="17">
        <v>1.66</v>
      </c>
      <c r="L136" s="17">
        <v>1.66</v>
      </c>
      <c r="M136" s="17">
        <v>1.66</v>
      </c>
      <c r="N136" s="17">
        <v>1.66</v>
      </c>
      <c r="O136" s="17">
        <v>1.65</v>
      </c>
      <c r="P136" s="17">
        <v>1.74</v>
      </c>
      <c r="Q136" s="17">
        <v>1.74</v>
      </c>
      <c r="R136" s="17">
        <v>1.76</v>
      </c>
      <c r="S136" s="17">
        <v>1.75</v>
      </c>
      <c r="T136" s="17">
        <v>1.75</v>
      </c>
      <c r="U136" s="17">
        <v>1.76</v>
      </c>
      <c r="V136" s="17">
        <v>1.76</v>
      </c>
      <c r="W136" s="17">
        <v>1.76</v>
      </c>
      <c r="X136" s="17">
        <v>1.75</v>
      </c>
      <c r="Y136" s="17">
        <v>1.75</v>
      </c>
      <c r="Z136" s="17">
        <v>1.76</v>
      </c>
      <c r="AA136" s="17">
        <v>1.75</v>
      </c>
      <c r="AB136" s="17">
        <v>1.75</v>
      </c>
      <c r="AC136" s="8">
        <v>1.75</v>
      </c>
      <c r="AD136" s="17">
        <v>1.75</v>
      </c>
      <c r="AE136" s="17">
        <v>1.77</v>
      </c>
      <c r="AF136" s="17">
        <v>1.77</v>
      </c>
      <c r="AG136" s="17">
        <v>1.77</v>
      </c>
      <c r="AH136" s="17">
        <v>1.75</v>
      </c>
      <c r="AI136" s="17">
        <v>1.76</v>
      </c>
      <c r="AJ136" s="17">
        <v>1.75</v>
      </c>
      <c r="AK136" s="17">
        <v>1.76</v>
      </c>
      <c r="AL136" s="17">
        <v>1.76</v>
      </c>
      <c r="AM136" s="17">
        <v>1.77</v>
      </c>
      <c r="AN136" s="17">
        <v>1.78</v>
      </c>
      <c r="AO136" s="17">
        <v>1.77</v>
      </c>
      <c r="AP136" s="17">
        <v>1.76</v>
      </c>
      <c r="AQ136" s="17">
        <v>1.74</v>
      </c>
      <c r="AR136" s="17">
        <v>1.73</v>
      </c>
      <c r="AS136" s="17">
        <v>1.71</v>
      </c>
      <c r="AT136" s="17">
        <v>1.7</v>
      </c>
      <c r="AU136" s="17">
        <v>1.72</v>
      </c>
      <c r="AV136" s="17">
        <v>1.71</v>
      </c>
      <c r="AW136" s="8">
        <v>1.71</v>
      </c>
      <c r="AX136" s="17">
        <v>1.71</v>
      </c>
      <c r="AY136" s="17">
        <v>1.71</v>
      </c>
      <c r="AZ136" s="17">
        <v>1.71</v>
      </c>
      <c r="BA136" s="17">
        <v>1.73</v>
      </c>
      <c r="BB136" s="17">
        <v>1.73</v>
      </c>
      <c r="BC136" s="17">
        <v>1.74</v>
      </c>
      <c r="BD136" s="17">
        <v>1.74</v>
      </c>
      <c r="BE136" s="17"/>
    </row>
    <row r="137" spans="3:57" x14ac:dyDescent="0.2">
      <c r="C137" s="16" t="s">
        <v>95</v>
      </c>
      <c r="D137" s="6" t="s">
        <v>58</v>
      </c>
      <c r="E137" s="17">
        <v>1.78</v>
      </c>
      <c r="F137" s="17">
        <v>1.73</v>
      </c>
      <c r="G137" s="17">
        <v>1.77</v>
      </c>
      <c r="H137" s="17">
        <v>1.76</v>
      </c>
      <c r="I137" s="62">
        <v>1.76</v>
      </c>
      <c r="J137" s="17">
        <v>1.75</v>
      </c>
      <c r="K137" s="17">
        <v>1.76</v>
      </c>
      <c r="L137" s="17">
        <v>1.77</v>
      </c>
      <c r="M137" s="17">
        <v>1.75</v>
      </c>
      <c r="N137" s="17">
        <v>1.73</v>
      </c>
      <c r="O137" s="17">
        <v>1.75</v>
      </c>
      <c r="P137" s="17">
        <v>1.85</v>
      </c>
      <c r="Q137" s="17">
        <v>1.88</v>
      </c>
      <c r="R137" s="17">
        <v>1.91</v>
      </c>
      <c r="S137" s="17">
        <v>1.89</v>
      </c>
      <c r="T137" s="17">
        <v>1.9</v>
      </c>
      <c r="U137" s="17">
        <v>1.91</v>
      </c>
      <c r="V137" s="17">
        <v>1.93</v>
      </c>
      <c r="W137" s="17">
        <v>1.9</v>
      </c>
      <c r="X137" s="17">
        <v>1.92</v>
      </c>
      <c r="Y137" s="17">
        <v>1.96</v>
      </c>
      <c r="Z137" s="17">
        <v>1.99</v>
      </c>
      <c r="AA137" s="17">
        <v>1.96</v>
      </c>
      <c r="AB137" s="17">
        <v>1.97</v>
      </c>
      <c r="AC137" s="8">
        <v>1.98</v>
      </c>
      <c r="AD137" s="17">
        <v>1.96</v>
      </c>
      <c r="AE137" s="17">
        <v>1.93</v>
      </c>
      <c r="AF137" s="17">
        <v>1.94</v>
      </c>
      <c r="AG137" s="17">
        <v>1.94</v>
      </c>
      <c r="AH137" s="17">
        <v>1.91</v>
      </c>
      <c r="AI137" s="17">
        <v>1.88</v>
      </c>
      <c r="AJ137" s="17">
        <v>1.88</v>
      </c>
      <c r="AK137" s="17">
        <v>1.89</v>
      </c>
      <c r="AL137" s="17">
        <v>1.9</v>
      </c>
      <c r="AM137" s="17">
        <v>1.92</v>
      </c>
      <c r="AN137" s="17">
        <v>1.98</v>
      </c>
      <c r="AO137" s="17">
        <v>2</v>
      </c>
      <c r="AP137" s="17">
        <v>2</v>
      </c>
      <c r="AQ137" s="17">
        <v>1.98</v>
      </c>
      <c r="AR137" s="17">
        <v>1.99</v>
      </c>
      <c r="AS137" s="17">
        <v>1.97</v>
      </c>
      <c r="AT137" s="17">
        <v>1.98</v>
      </c>
      <c r="AU137" s="17">
        <v>1.97</v>
      </c>
      <c r="AV137" s="17">
        <v>1.97</v>
      </c>
      <c r="AW137" s="8">
        <v>1.97</v>
      </c>
      <c r="AX137" s="17">
        <v>1.95</v>
      </c>
      <c r="AY137" s="17">
        <v>1.97</v>
      </c>
      <c r="AZ137" s="17">
        <v>1.95</v>
      </c>
      <c r="BA137" s="17">
        <v>1.95</v>
      </c>
      <c r="BB137" s="17">
        <v>1.95</v>
      </c>
      <c r="BC137" s="17">
        <v>1.95</v>
      </c>
      <c r="BD137" s="17">
        <v>1.95</v>
      </c>
      <c r="BE137" s="17"/>
    </row>
    <row r="138" spans="3:57" x14ac:dyDescent="0.2">
      <c r="C138" s="23" t="s">
        <v>96</v>
      </c>
      <c r="D138" s="6" t="s">
        <v>58</v>
      </c>
      <c r="E138" s="17">
        <v>2.17</v>
      </c>
      <c r="F138" s="17">
        <v>2.0499999999999998</v>
      </c>
      <c r="G138" s="17">
        <v>2.02</v>
      </c>
      <c r="H138" s="17">
        <v>2.0099999999999998</v>
      </c>
      <c r="I138" s="62">
        <v>1.99</v>
      </c>
      <c r="J138" s="17">
        <v>2</v>
      </c>
      <c r="K138" s="17">
        <v>1.96</v>
      </c>
      <c r="L138" s="17">
        <v>1.95</v>
      </c>
      <c r="M138" s="17">
        <v>1.94</v>
      </c>
      <c r="N138" s="17">
        <v>1.94</v>
      </c>
      <c r="O138" s="17">
        <v>1.95</v>
      </c>
      <c r="P138" s="17">
        <v>2.0099999999999998</v>
      </c>
      <c r="Q138" s="17">
        <v>1.99</v>
      </c>
      <c r="R138" s="17">
        <v>1.94</v>
      </c>
      <c r="S138" s="17">
        <v>1.95</v>
      </c>
      <c r="T138" s="17">
        <v>1.92</v>
      </c>
      <c r="U138" s="17">
        <v>1.93</v>
      </c>
      <c r="V138" s="17">
        <v>1.92</v>
      </c>
      <c r="W138" s="17">
        <v>1.94</v>
      </c>
      <c r="X138" s="17">
        <v>1.98</v>
      </c>
      <c r="Y138" s="17">
        <v>1.95</v>
      </c>
      <c r="Z138" s="17">
        <v>1.94</v>
      </c>
      <c r="AA138" s="17">
        <v>1.92</v>
      </c>
      <c r="AB138" s="17">
        <v>1.93</v>
      </c>
      <c r="AC138" s="8">
        <v>1.92</v>
      </c>
      <c r="AD138" s="17">
        <v>1.92</v>
      </c>
      <c r="AE138" s="17">
        <v>1.91</v>
      </c>
      <c r="AF138" s="17">
        <v>1.91</v>
      </c>
      <c r="AG138" s="17">
        <v>1.9</v>
      </c>
      <c r="AH138" s="17">
        <v>1.91</v>
      </c>
      <c r="AI138" s="17">
        <v>1.92</v>
      </c>
      <c r="AJ138" s="17">
        <v>1.92</v>
      </c>
      <c r="AK138" s="17">
        <v>1.91</v>
      </c>
      <c r="AL138" s="17">
        <v>1.91</v>
      </c>
      <c r="AM138" s="17">
        <v>1.91</v>
      </c>
      <c r="AN138" s="17">
        <v>1.93</v>
      </c>
      <c r="AO138" s="17">
        <v>1.94</v>
      </c>
      <c r="AP138" s="17">
        <v>1.96</v>
      </c>
      <c r="AQ138" s="17">
        <v>1.99</v>
      </c>
      <c r="AR138" s="17">
        <v>2.08</v>
      </c>
      <c r="AS138" s="17">
        <v>2.08</v>
      </c>
      <c r="AT138" s="17">
        <v>2.13</v>
      </c>
      <c r="AU138" s="17">
        <v>2.14</v>
      </c>
      <c r="AV138" s="17">
        <v>2.14</v>
      </c>
      <c r="AW138" s="8">
        <v>2.15</v>
      </c>
      <c r="AX138" s="17">
        <v>2.1800000000000002</v>
      </c>
      <c r="AY138" s="17">
        <v>2.2000000000000002</v>
      </c>
      <c r="AZ138" s="17">
        <v>2.21</v>
      </c>
      <c r="BA138" s="17">
        <v>2.2000000000000002</v>
      </c>
      <c r="BB138" s="17">
        <v>2.2000000000000002</v>
      </c>
      <c r="BC138" s="17">
        <v>2.2000000000000002</v>
      </c>
      <c r="BD138" s="17">
        <v>2.2000000000000002</v>
      </c>
      <c r="BE138" s="17"/>
    </row>
    <row r="139" spans="3:57" x14ac:dyDescent="0.2">
      <c r="C139" s="67"/>
    </row>
    <row r="141" spans="3:57" x14ac:dyDescent="0.2">
      <c r="C141" s="23" t="s">
        <v>106</v>
      </c>
      <c r="D141" s="6" t="s">
        <v>58</v>
      </c>
      <c r="E141" s="17">
        <v>11.99</v>
      </c>
      <c r="F141" s="17">
        <v>12.01</v>
      </c>
      <c r="G141" s="17">
        <v>12.15</v>
      </c>
      <c r="H141" s="17">
        <v>12.17</v>
      </c>
      <c r="I141" s="62">
        <v>12.15</v>
      </c>
      <c r="J141" s="17">
        <v>12.19</v>
      </c>
      <c r="K141" s="17">
        <v>12.12</v>
      </c>
      <c r="L141" s="17">
        <v>12.16</v>
      </c>
      <c r="M141" s="17">
        <v>12.16</v>
      </c>
      <c r="N141" s="17">
        <v>12.18</v>
      </c>
      <c r="O141" s="17">
        <v>12.12</v>
      </c>
      <c r="P141" s="17">
        <v>12.12</v>
      </c>
      <c r="Q141" s="17">
        <v>12.12</v>
      </c>
      <c r="R141" s="17">
        <v>12.18</v>
      </c>
      <c r="S141" s="17">
        <v>12.17</v>
      </c>
      <c r="T141" s="17">
        <v>12.16</v>
      </c>
      <c r="U141" s="17">
        <v>12.18</v>
      </c>
      <c r="V141" s="17">
        <v>12.14</v>
      </c>
      <c r="W141" s="17">
        <v>12.16</v>
      </c>
      <c r="X141" s="17">
        <v>12.15</v>
      </c>
      <c r="Y141" s="17">
        <v>12.09</v>
      </c>
      <c r="Z141" s="17">
        <v>12.11</v>
      </c>
      <c r="AA141" s="17">
        <v>12.12</v>
      </c>
      <c r="AB141" s="17">
        <v>12.06</v>
      </c>
      <c r="AC141" s="17">
        <v>12.1</v>
      </c>
      <c r="AD141" s="17">
        <v>12.23</v>
      </c>
      <c r="AE141" s="17">
        <v>12.3</v>
      </c>
      <c r="AF141" s="17">
        <v>12.21</v>
      </c>
      <c r="AG141" s="17">
        <v>12.25</v>
      </c>
      <c r="AH141" s="17">
        <v>12.26</v>
      </c>
      <c r="AI141" s="17">
        <v>12.32</v>
      </c>
      <c r="AJ141" s="17">
        <v>12.29</v>
      </c>
      <c r="AK141" s="17">
        <v>12.33</v>
      </c>
      <c r="AL141" s="105">
        <v>12.37</v>
      </c>
      <c r="AM141" s="17">
        <v>12.31</v>
      </c>
      <c r="AN141" s="17">
        <v>12.3</v>
      </c>
      <c r="AO141" s="17">
        <v>12.3</v>
      </c>
      <c r="AP141" s="17">
        <v>12.24</v>
      </c>
      <c r="AQ141" s="17">
        <v>12.29</v>
      </c>
      <c r="AR141" s="17">
        <v>12.37</v>
      </c>
      <c r="AS141" s="17">
        <v>12.33</v>
      </c>
      <c r="AT141" s="17">
        <v>12.27</v>
      </c>
      <c r="AU141" s="17">
        <v>12.33</v>
      </c>
      <c r="AV141" s="17">
        <v>12.44</v>
      </c>
      <c r="AW141" s="17">
        <v>12.39</v>
      </c>
      <c r="AX141" s="17">
        <v>12.48</v>
      </c>
      <c r="AY141" s="17">
        <v>12.52</v>
      </c>
      <c r="AZ141" s="17">
        <v>12.48</v>
      </c>
      <c r="BA141" s="17">
        <v>12.48</v>
      </c>
      <c r="BB141" s="17">
        <v>12.48</v>
      </c>
      <c r="BC141" s="17">
        <v>12.48</v>
      </c>
      <c r="BD141" s="17">
        <v>12.48</v>
      </c>
      <c r="BE141" s="23"/>
    </row>
    <row r="143" spans="3:57" x14ac:dyDescent="0.2">
      <c r="C143" s="79"/>
    </row>
    <row r="144" spans="3:57" ht="25.5" customHeight="1" x14ac:dyDescent="0.2">
      <c r="C144" s="219"/>
      <c r="D144" s="220"/>
      <c r="E144" s="220"/>
      <c r="F144" s="220"/>
      <c r="G144" s="220"/>
      <c r="H144" s="220"/>
      <c r="I144" s="220"/>
      <c r="J144" s="220"/>
      <c r="K144" s="220"/>
      <c r="L144" s="220"/>
      <c r="M144" s="220"/>
      <c r="N144" s="220"/>
    </row>
  </sheetData>
  <mergeCells count="3">
    <mergeCell ref="C144:N144"/>
    <mergeCell ref="C49:O50"/>
    <mergeCell ref="C2:AE6"/>
  </mergeCells>
  <pageMargins left="0.7" right="0.7" top="0.75" bottom="0.75" header="0.3" footer="0.3"/>
  <pageSetup paperSize="9" orientation="portrait" r:id="rId1"/>
  <drawing r:id="rId2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dimension ref="C2:BD144"/>
  <sheetViews>
    <sheetView topLeftCell="AJ130" zoomScaleNormal="100" workbookViewId="0">
      <selection activeCell="AN116" sqref="AN116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21" width="5.42578125" bestFit="1" customWidth="1"/>
    <col min="22" max="22" width="5.7109375" customWidth="1"/>
    <col min="23" max="56" width="5.42578125" bestFit="1" customWidth="1"/>
    <col min="58" max="58" width="23.7109375" customWidth="1"/>
  </cols>
  <sheetData>
    <row r="2" spans="3:56" ht="18" customHeight="1" x14ac:dyDescent="0.2"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17"/>
      <c r="N2" s="217"/>
      <c r="O2" s="217"/>
      <c r="P2" s="217"/>
      <c r="Q2" s="217"/>
      <c r="R2" s="217"/>
      <c r="S2" s="217"/>
      <c r="T2" s="217"/>
      <c r="U2" s="217"/>
      <c r="V2" s="217"/>
      <c r="W2" s="217"/>
      <c r="X2" s="217"/>
      <c r="Y2" s="217"/>
      <c r="Z2" s="217"/>
      <c r="AA2" s="217"/>
      <c r="AB2" s="217"/>
      <c r="AC2" s="217"/>
      <c r="AD2" s="217"/>
      <c r="AE2" s="217"/>
    </row>
    <row r="3" spans="3:56" ht="21" customHeight="1" x14ac:dyDescent="0.2">
      <c r="C3" s="217"/>
      <c r="D3" s="217"/>
      <c r="E3" s="217"/>
      <c r="F3" s="217"/>
      <c r="G3" s="217"/>
      <c r="H3" s="217"/>
      <c r="I3" s="217"/>
      <c r="J3" s="217"/>
      <c r="K3" s="217"/>
      <c r="L3" s="217"/>
      <c r="M3" s="217"/>
      <c r="N3" s="217"/>
      <c r="O3" s="217"/>
      <c r="P3" s="217"/>
      <c r="Q3" s="217"/>
      <c r="R3" s="217"/>
      <c r="S3" s="217"/>
      <c r="T3" s="217"/>
      <c r="U3" s="217"/>
      <c r="V3" s="217"/>
      <c r="W3" s="217"/>
      <c r="X3" s="217"/>
      <c r="Y3" s="217"/>
      <c r="Z3" s="217"/>
      <c r="AA3" s="217"/>
      <c r="AB3" s="217"/>
      <c r="AC3" s="217"/>
      <c r="AD3" s="217"/>
      <c r="AE3" s="217"/>
    </row>
    <row r="4" spans="3:56" ht="32.25" customHeight="1" x14ac:dyDescent="0.2">
      <c r="C4" s="217"/>
      <c r="D4" s="217"/>
      <c r="E4" s="217"/>
      <c r="F4" s="217"/>
      <c r="G4" s="217"/>
      <c r="H4" s="217"/>
      <c r="I4" s="217"/>
      <c r="J4" s="217"/>
      <c r="K4" s="217"/>
      <c r="L4" s="217"/>
      <c r="M4" s="217"/>
      <c r="N4" s="217"/>
      <c r="O4" s="217"/>
      <c r="P4" s="217"/>
      <c r="Q4" s="217"/>
      <c r="R4" s="217"/>
      <c r="S4" s="217"/>
      <c r="T4" s="217"/>
      <c r="U4" s="217"/>
      <c r="V4" s="217"/>
      <c r="W4" s="217"/>
      <c r="X4" s="217"/>
      <c r="Y4" s="217"/>
      <c r="Z4" s="217"/>
      <c r="AA4" s="217"/>
      <c r="AB4" s="217"/>
      <c r="AC4" s="217"/>
      <c r="AD4" s="217"/>
      <c r="AE4" s="217"/>
    </row>
    <row r="5" spans="3:56" x14ac:dyDescent="0.2">
      <c r="C5" s="217"/>
      <c r="D5" s="217"/>
      <c r="E5" s="217"/>
      <c r="F5" s="217"/>
      <c r="G5" s="217"/>
      <c r="H5" s="217"/>
      <c r="I5" s="217"/>
      <c r="J5" s="217"/>
      <c r="K5" s="217"/>
      <c r="L5" s="217"/>
      <c r="M5" s="217"/>
      <c r="N5" s="217"/>
      <c r="O5" s="217"/>
      <c r="P5" s="217"/>
      <c r="Q5" s="217"/>
      <c r="R5" s="217"/>
      <c r="S5" s="217"/>
      <c r="T5" s="217"/>
      <c r="U5" s="217"/>
      <c r="V5" s="217"/>
      <c r="W5" s="217"/>
      <c r="X5" s="217"/>
      <c r="Y5" s="217"/>
      <c r="Z5" s="217"/>
      <c r="AA5" s="217"/>
      <c r="AB5" s="217"/>
      <c r="AC5" s="217"/>
      <c r="AD5" s="217"/>
      <c r="AE5" s="217"/>
    </row>
    <row r="6" spans="3:56" ht="24.95" customHeight="1" x14ac:dyDescent="0.2">
      <c r="C6" s="217"/>
      <c r="D6" s="217"/>
      <c r="E6" s="217"/>
      <c r="F6" s="217"/>
      <c r="G6" s="217"/>
      <c r="H6" s="217"/>
      <c r="I6" s="217"/>
      <c r="J6" s="217"/>
      <c r="K6" s="217"/>
      <c r="L6" s="217"/>
      <c r="M6" s="217"/>
      <c r="N6" s="217"/>
      <c r="O6" s="217"/>
      <c r="P6" s="217"/>
      <c r="Q6" s="217"/>
      <c r="R6" s="217"/>
      <c r="S6" s="217"/>
      <c r="T6" s="217"/>
      <c r="U6" s="217"/>
      <c r="V6" s="217"/>
      <c r="W6" s="217"/>
      <c r="X6" s="217"/>
      <c r="Y6" s="217"/>
      <c r="Z6" s="217"/>
      <c r="AA6" s="217"/>
      <c r="AB6" s="217"/>
      <c r="AC6" s="217"/>
      <c r="AD6" s="217"/>
      <c r="AE6" s="217"/>
    </row>
    <row r="7" spans="3:56" ht="24.95" customHeight="1" x14ac:dyDescent="0.2">
      <c r="C7" s="28" t="s">
        <v>98</v>
      </c>
    </row>
    <row r="8" spans="3:56" ht="15.75" x14ac:dyDescent="0.2">
      <c r="C8" s="29" t="s">
        <v>99</v>
      </c>
    </row>
    <row r="10" spans="3:56" ht="15" x14ac:dyDescent="0.25">
      <c r="M10" s="85"/>
    </row>
    <row r="12" spans="3:56" ht="15" customHeight="1" x14ac:dyDescent="0.2">
      <c r="C12" s="1" t="s">
        <v>0</v>
      </c>
      <c r="E12" s="2">
        <v>2016</v>
      </c>
      <c r="F12" s="2"/>
      <c r="G12" s="2"/>
      <c r="H12" s="2"/>
      <c r="I12" s="2"/>
      <c r="J12" s="2"/>
      <c r="K12" s="2"/>
      <c r="L12" s="2"/>
      <c r="M12" s="2"/>
    </row>
    <row r="13" spans="3:56" x14ac:dyDescent="0.2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">
      <c r="C14" s="5" t="s">
        <v>57</v>
      </c>
      <c r="D14" s="6" t="s">
        <v>58</v>
      </c>
      <c r="E14" s="93">
        <v>3.81</v>
      </c>
      <c r="F14" s="93">
        <v>3.81</v>
      </c>
      <c r="G14" s="8">
        <v>3.82</v>
      </c>
      <c r="H14" s="93">
        <v>3.83</v>
      </c>
      <c r="I14" s="93">
        <v>3.83</v>
      </c>
      <c r="J14" s="93">
        <v>3.83</v>
      </c>
      <c r="K14" s="8">
        <v>3.83</v>
      </c>
      <c r="L14" s="20">
        <v>3.83</v>
      </c>
      <c r="M14" s="93">
        <v>3.81</v>
      </c>
      <c r="N14" s="93">
        <v>3.8</v>
      </c>
      <c r="O14" s="93">
        <v>3.79</v>
      </c>
      <c r="P14" s="8">
        <v>3.79</v>
      </c>
      <c r="Q14" s="8">
        <v>3.79</v>
      </c>
      <c r="R14" s="8">
        <v>3.78</v>
      </c>
      <c r="S14" s="93">
        <v>3.78</v>
      </c>
      <c r="T14" s="93">
        <v>3.74</v>
      </c>
      <c r="U14" s="93">
        <v>3.74</v>
      </c>
      <c r="V14" s="93">
        <v>3.72</v>
      </c>
      <c r="W14" s="111">
        <v>3.73</v>
      </c>
      <c r="X14" s="93">
        <v>3.72</v>
      </c>
      <c r="Y14" s="76">
        <v>3.71</v>
      </c>
      <c r="Z14" s="8">
        <v>3.71</v>
      </c>
      <c r="AA14" s="8">
        <v>3.71</v>
      </c>
      <c r="AB14" s="8">
        <v>3.71</v>
      </c>
      <c r="AC14" s="17">
        <v>3.7</v>
      </c>
      <c r="AD14" s="17">
        <v>3.69</v>
      </c>
      <c r="AE14" s="93">
        <v>3.6924999999999999</v>
      </c>
      <c r="AF14" s="93">
        <v>3.69</v>
      </c>
      <c r="AG14" s="8">
        <v>3.69</v>
      </c>
      <c r="AH14" s="93">
        <v>3.69</v>
      </c>
      <c r="AI14" s="93">
        <v>3.69</v>
      </c>
      <c r="AJ14" s="93">
        <v>3.6955</v>
      </c>
      <c r="AK14" s="93">
        <v>3.7</v>
      </c>
      <c r="AL14" s="93">
        <v>3.7</v>
      </c>
      <c r="AM14" s="93">
        <v>3.71</v>
      </c>
      <c r="AN14" s="93">
        <v>3.71</v>
      </c>
      <c r="AO14" s="93">
        <v>3.71</v>
      </c>
      <c r="AP14" s="8">
        <v>3.71</v>
      </c>
      <c r="AQ14" s="8">
        <v>3.72</v>
      </c>
      <c r="AR14" s="20">
        <v>3.73</v>
      </c>
      <c r="AS14" s="8">
        <v>3.73</v>
      </c>
      <c r="AT14" s="8">
        <v>3.74</v>
      </c>
      <c r="AU14" s="93">
        <v>3.74</v>
      </c>
      <c r="AV14" s="8">
        <v>3.76</v>
      </c>
      <c r="AW14" s="8">
        <v>3.76</v>
      </c>
      <c r="AX14" s="8">
        <v>3.78</v>
      </c>
      <c r="AY14" s="93">
        <v>3.81</v>
      </c>
      <c r="AZ14" s="8">
        <v>3.83</v>
      </c>
      <c r="BA14" s="8">
        <v>3.83</v>
      </c>
      <c r="BB14" s="8">
        <v>3.84</v>
      </c>
      <c r="BC14" s="93">
        <v>3.8449</v>
      </c>
      <c r="BD14" s="93">
        <v>3.85</v>
      </c>
    </row>
    <row r="15" spans="3:56" x14ac:dyDescent="0.2">
      <c r="C15" s="5" t="s">
        <v>59</v>
      </c>
      <c r="D15" s="6" t="s">
        <v>58</v>
      </c>
      <c r="E15" s="73">
        <v>6.29</v>
      </c>
      <c r="F15" s="73">
        <v>6.3</v>
      </c>
      <c r="G15" s="8">
        <v>6.3</v>
      </c>
      <c r="H15" s="73">
        <v>6.3</v>
      </c>
      <c r="I15" s="73">
        <v>6.3</v>
      </c>
      <c r="J15" s="73">
        <v>6.3</v>
      </c>
      <c r="K15" s="8">
        <v>6.3</v>
      </c>
      <c r="L15" s="8">
        <v>6.3</v>
      </c>
      <c r="M15" s="73">
        <v>6.27</v>
      </c>
      <c r="N15" s="73">
        <v>6.26</v>
      </c>
      <c r="O15" s="73">
        <v>6.23</v>
      </c>
      <c r="P15" s="8">
        <v>6.12</v>
      </c>
      <c r="Q15" s="8">
        <v>5.79</v>
      </c>
      <c r="R15" s="8">
        <v>5.75</v>
      </c>
      <c r="S15" s="73">
        <v>5.63</v>
      </c>
      <c r="T15" s="73">
        <v>5.55</v>
      </c>
      <c r="U15" s="73">
        <v>5.53</v>
      </c>
      <c r="V15" s="73">
        <v>5.51</v>
      </c>
      <c r="W15" s="111">
        <v>5.52</v>
      </c>
      <c r="X15" s="73">
        <v>5.52</v>
      </c>
      <c r="Y15" s="76">
        <v>5.52</v>
      </c>
      <c r="Z15" s="8">
        <v>5.45</v>
      </c>
      <c r="AA15" s="8">
        <v>5.44</v>
      </c>
      <c r="AB15" s="8">
        <v>5.44</v>
      </c>
      <c r="AC15" s="17">
        <v>5.46</v>
      </c>
      <c r="AD15" s="17">
        <v>5.47</v>
      </c>
      <c r="AE15" s="73">
        <v>5.5647000000000002</v>
      </c>
      <c r="AF15" s="73">
        <v>5.68</v>
      </c>
      <c r="AG15" s="8">
        <v>5.74</v>
      </c>
      <c r="AH15" s="73">
        <v>5.76</v>
      </c>
      <c r="AI15" s="73">
        <v>5.91</v>
      </c>
      <c r="AJ15" s="73">
        <v>5.94</v>
      </c>
      <c r="AK15" s="73">
        <v>6.01</v>
      </c>
      <c r="AL15" s="73">
        <v>6.03</v>
      </c>
      <c r="AM15" s="73">
        <v>6.07</v>
      </c>
      <c r="AN15" s="73">
        <v>6.14</v>
      </c>
      <c r="AO15" s="73">
        <v>6.17</v>
      </c>
      <c r="AP15" s="8">
        <v>6.17</v>
      </c>
      <c r="AQ15" s="8">
        <v>6.22</v>
      </c>
      <c r="AR15" s="107">
        <v>6.22</v>
      </c>
      <c r="AS15" s="8">
        <v>6.22</v>
      </c>
      <c r="AT15" s="8">
        <v>6.31</v>
      </c>
      <c r="AU15" s="73">
        <v>6.44</v>
      </c>
      <c r="AV15" s="8">
        <v>6.48</v>
      </c>
      <c r="AW15" s="8">
        <v>6.48</v>
      </c>
      <c r="AX15" s="8">
        <v>6.5</v>
      </c>
      <c r="AY15" s="73">
        <v>6.49</v>
      </c>
      <c r="AZ15" s="8">
        <v>6.48</v>
      </c>
      <c r="BA15" s="8">
        <v>6.48</v>
      </c>
      <c r="BB15" s="8">
        <v>6.48</v>
      </c>
      <c r="BC15" s="73">
        <v>6.4859999999999998</v>
      </c>
      <c r="BD15" s="73">
        <v>6.48</v>
      </c>
    </row>
    <row r="16" spans="3:56" x14ac:dyDescent="0.2">
      <c r="C16" s="5" t="s">
        <v>60</v>
      </c>
      <c r="D16" s="6" t="s">
        <v>58</v>
      </c>
      <c r="E16" s="73">
        <v>1.2</v>
      </c>
      <c r="F16" s="73">
        <v>1.21</v>
      </c>
      <c r="G16" s="8">
        <v>1.21</v>
      </c>
      <c r="H16" s="73">
        <v>1.21</v>
      </c>
      <c r="I16" s="73">
        <v>1.23</v>
      </c>
      <c r="J16" s="73">
        <v>1.24</v>
      </c>
      <c r="K16" s="8">
        <v>1.25</v>
      </c>
      <c r="L16" s="8">
        <v>1.23</v>
      </c>
      <c r="M16" s="73">
        <v>1.2</v>
      </c>
      <c r="N16" s="73">
        <v>1.21</v>
      </c>
      <c r="O16" s="73">
        <v>1.21</v>
      </c>
      <c r="P16" s="8">
        <v>1.23</v>
      </c>
      <c r="Q16" s="8">
        <v>1.23</v>
      </c>
      <c r="R16" s="8">
        <v>1.22</v>
      </c>
      <c r="S16" s="73">
        <v>1.22</v>
      </c>
      <c r="T16" s="73">
        <v>1.22</v>
      </c>
      <c r="U16" s="73">
        <v>1.23</v>
      </c>
      <c r="V16" s="73">
        <v>1.26</v>
      </c>
      <c r="W16" s="111">
        <v>1.31</v>
      </c>
      <c r="X16" s="73">
        <v>1.37</v>
      </c>
      <c r="Y16" s="76">
        <v>1.41</v>
      </c>
      <c r="Z16" s="8">
        <v>1.46</v>
      </c>
      <c r="AA16" s="8">
        <v>1.52</v>
      </c>
      <c r="AB16" s="8">
        <v>1.55</v>
      </c>
      <c r="AC16" s="17">
        <v>1.61</v>
      </c>
      <c r="AD16" s="17">
        <v>1.65</v>
      </c>
      <c r="AE16" s="73">
        <v>1.6755</v>
      </c>
      <c r="AF16" s="73">
        <v>1.69</v>
      </c>
      <c r="AG16" s="8">
        <v>1.7</v>
      </c>
      <c r="AH16" s="73">
        <v>1.71</v>
      </c>
      <c r="AI16" s="73">
        <v>1.71</v>
      </c>
      <c r="AJ16" s="73">
        <v>1.71</v>
      </c>
      <c r="AK16" s="73">
        <v>1.71</v>
      </c>
      <c r="AL16" s="73">
        <v>1.71</v>
      </c>
      <c r="AM16" s="73">
        <v>1.71</v>
      </c>
      <c r="AN16" s="73">
        <v>1.71</v>
      </c>
      <c r="AO16" s="73">
        <v>1.71</v>
      </c>
      <c r="AP16" s="8">
        <v>1.7</v>
      </c>
      <c r="AQ16" s="8">
        <v>1.71</v>
      </c>
      <c r="AR16" s="107">
        <v>1.68</v>
      </c>
      <c r="AS16" s="8">
        <v>1.64</v>
      </c>
      <c r="AT16" s="8">
        <v>1.57</v>
      </c>
      <c r="AU16" s="73">
        <v>1.53</v>
      </c>
      <c r="AV16" s="8">
        <v>1.49</v>
      </c>
      <c r="AW16" s="8">
        <v>1.47</v>
      </c>
      <c r="AX16" s="8">
        <v>1.45</v>
      </c>
      <c r="AY16" s="73">
        <v>1.45</v>
      </c>
      <c r="AZ16" s="8">
        <v>1.44</v>
      </c>
      <c r="BA16" s="8">
        <v>1.45</v>
      </c>
      <c r="BB16" s="8">
        <v>1.45</v>
      </c>
      <c r="BC16" s="73">
        <v>1.4513</v>
      </c>
      <c r="BD16" s="73">
        <v>1.45</v>
      </c>
    </row>
    <row r="17" spans="3:56" x14ac:dyDescent="0.2">
      <c r="C17" s="5" t="s">
        <v>61</v>
      </c>
      <c r="D17" s="6" t="s">
        <v>58</v>
      </c>
      <c r="E17" s="73">
        <v>1.59</v>
      </c>
      <c r="F17" s="73">
        <v>1.58</v>
      </c>
      <c r="G17" s="8">
        <v>1.58</v>
      </c>
      <c r="H17" s="73">
        <v>1.57</v>
      </c>
      <c r="I17" s="73">
        <v>1.57</v>
      </c>
      <c r="J17" s="73">
        <v>1.55</v>
      </c>
      <c r="K17" s="8">
        <v>1.57</v>
      </c>
      <c r="L17" s="8">
        <v>1.57</v>
      </c>
      <c r="M17" s="73">
        <v>1.59</v>
      </c>
      <c r="N17" s="73">
        <v>1.59</v>
      </c>
      <c r="O17" s="73">
        <v>1.6</v>
      </c>
      <c r="P17" s="8">
        <v>1.62</v>
      </c>
      <c r="Q17" s="8">
        <v>1.61</v>
      </c>
      <c r="R17" s="8">
        <v>1.59</v>
      </c>
      <c r="S17" s="73">
        <v>1.62</v>
      </c>
      <c r="T17" s="73">
        <v>1.6</v>
      </c>
      <c r="U17" s="73">
        <v>1.57</v>
      </c>
      <c r="V17" s="73">
        <v>1.57</v>
      </c>
      <c r="W17" s="111">
        <v>1.54</v>
      </c>
      <c r="X17" s="73">
        <v>1.59</v>
      </c>
      <c r="Y17" s="76">
        <v>1.58</v>
      </c>
      <c r="Z17" s="8">
        <v>1.59</v>
      </c>
      <c r="AA17" s="8">
        <v>1.61</v>
      </c>
      <c r="AB17" s="8">
        <v>1.64</v>
      </c>
      <c r="AC17" s="17">
        <v>1.64</v>
      </c>
      <c r="AD17" s="17">
        <v>1.66</v>
      </c>
      <c r="AE17" s="73">
        <v>1.6617999999999999</v>
      </c>
      <c r="AF17" s="73">
        <v>1.66</v>
      </c>
      <c r="AG17" s="8">
        <v>1.66</v>
      </c>
      <c r="AH17" s="73">
        <v>1.66</v>
      </c>
      <c r="AI17" s="73">
        <v>1.63</v>
      </c>
      <c r="AJ17" s="73">
        <v>1.64</v>
      </c>
      <c r="AK17" s="73">
        <v>1.64</v>
      </c>
      <c r="AL17" s="73">
        <v>1.64</v>
      </c>
      <c r="AM17" s="73">
        <v>1.63</v>
      </c>
      <c r="AN17" s="73">
        <v>1.6</v>
      </c>
      <c r="AO17" s="73">
        <v>1.58</v>
      </c>
      <c r="AP17" s="8">
        <v>1.57</v>
      </c>
      <c r="AQ17" s="8">
        <v>1.57</v>
      </c>
      <c r="AR17" s="107">
        <v>1.57</v>
      </c>
      <c r="AS17" s="8">
        <v>1.56</v>
      </c>
      <c r="AT17" s="8">
        <v>1.55</v>
      </c>
      <c r="AU17" s="73">
        <v>1.55</v>
      </c>
      <c r="AV17" s="8">
        <v>1.54</v>
      </c>
      <c r="AW17" s="8">
        <v>1.53</v>
      </c>
      <c r="AX17" s="8">
        <v>1.54</v>
      </c>
      <c r="AY17" s="73">
        <v>1.53</v>
      </c>
      <c r="AZ17" s="8">
        <v>1.54</v>
      </c>
      <c r="BA17" s="8">
        <v>1.55</v>
      </c>
      <c r="BB17" s="8">
        <v>1.56</v>
      </c>
      <c r="BC17" s="73">
        <v>1.6141000000000001</v>
      </c>
      <c r="BD17" s="73">
        <v>1.65</v>
      </c>
    </row>
    <row r="18" spans="3:56" x14ac:dyDescent="0.2">
      <c r="C18" s="5" t="s">
        <v>62</v>
      </c>
      <c r="D18" s="6" t="s">
        <v>58</v>
      </c>
      <c r="E18" s="73">
        <v>3.03</v>
      </c>
      <c r="F18" s="73">
        <v>2.84</v>
      </c>
      <c r="G18" s="8">
        <v>2.66</v>
      </c>
      <c r="H18" s="73">
        <v>2.4900000000000002</v>
      </c>
      <c r="I18" s="73">
        <v>2.4700000000000002</v>
      </c>
      <c r="J18" s="73">
        <v>2.4700000000000002</v>
      </c>
      <c r="K18" s="8">
        <v>2.48</v>
      </c>
      <c r="L18" s="8">
        <v>2.4900000000000002</v>
      </c>
      <c r="M18" s="73">
        <v>2.65</v>
      </c>
      <c r="N18" s="73">
        <v>2.67</v>
      </c>
      <c r="O18" s="73">
        <v>2.84</v>
      </c>
      <c r="P18" s="8">
        <v>2.85</v>
      </c>
      <c r="Q18" s="8">
        <v>2.85</v>
      </c>
      <c r="R18" s="8">
        <v>2.85</v>
      </c>
      <c r="S18" s="73">
        <v>2.84</v>
      </c>
      <c r="T18" s="73">
        <v>2.83</v>
      </c>
      <c r="U18" s="73">
        <v>2.67</v>
      </c>
      <c r="V18" s="73">
        <v>2.67</v>
      </c>
      <c r="W18" s="111">
        <v>2.5299999999999998</v>
      </c>
      <c r="X18" s="73">
        <v>2.52</v>
      </c>
      <c r="Y18" s="76">
        <v>2.93</v>
      </c>
      <c r="Z18" s="8">
        <v>2.5099999999999998</v>
      </c>
      <c r="AA18" s="8">
        <v>2.52</v>
      </c>
      <c r="AB18" s="8">
        <v>2.68</v>
      </c>
      <c r="AC18" s="17">
        <v>2.68</v>
      </c>
      <c r="AD18" s="17">
        <v>2.68</v>
      </c>
      <c r="AE18" s="73">
        <v>2.6814814814814816</v>
      </c>
      <c r="AF18" s="73">
        <v>2.85</v>
      </c>
      <c r="AG18" s="8">
        <v>3.08</v>
      </c>
      <c r="AH18" s="73">
        <v>3.09</v>
      </c>
      <c r="AI18" s="73">
        <v>3.1</v>
      </c>
      <c r="AJ18" s="73">
        <v>3.28</v>
      </c>
      <c r="AK18" s="73">
        <v>3.28</v>
      </c>
      <c r="AL18" s="73">
        <v>3.29</v>
      </c>
      <c r="AM18" s="73">
        <v>3.16</v>
      </c>
      <c r="AN18" s="73">
        <v>3.01</v>
      </c>
      <c r="AO18" s="73">
        <v>3.01</v>
      </c>
      <c r="AP18" s="8">
        <v>3.01</v>
      </c>
      <c r="AQ18" s="8">
        <v>3.01</v>
      </c>
      <c r="AR18" s="107">
        <v>3.16</v>
      </c>
      <c r="AS18" s="8">
        <v>3.3501851851851852</v>
      </c>
      <c r="AT18" s="8">
        <v>3.3592592592592592</v>
      </c>
      <c r="AU18" s="73">
        <v>3.44</v>
      </c>
      <c r="AV18" s="8">
        <v>3.45</v>
      </c>
      <c r="AW18" s="8">
        <v>3.6</v>
      </c>
      <c r="AX18" s="8">
        <v>3.62</v>
      </c>
      <c r="AY18" s="73">
        <v>3.78</v>
      </c>
      <c r="AZ18" s="8">
        <v>3.78</v>
      </c>
      <c r="BA18" s="8">
        <v>3.55</v>
      </c>
      <c r="BB18" s="8">
        <v>3.31</v>
      </c>
      <c r="BC18" s="73">
        <v>3.292241099871458</v>
      </c>
      <c r="BD18" s="73">
        <v>3.27</v>
      </c>
    </row>
    <row r="19" spans="3:56" x14ac:dyDescent="0.2">
      <c r="C19" s="5" t="s">
        <v>75</v>
      </c>
      <c r="D19" s="20" t="s">
        <v>76</v>
      </c>
      <c r="E19" s="73">
        <v>0.61</v>
      </c>
      <c r="F19" s="73">
        <v>0.57999999999999996</v>
      </c>
      <c r="G19" s="8">
        <v>0.56000000000000005</v>
      </c>
      <c r="H19" s="73">
        <v>0.56000000000000005</v>
      </c>
      <c r="I19" s="73">
        <v>0.56999999999999995</v>
      </c>
      <c r="J19" s="73">
        <v>0.59</v>
      </c>
      <c r="K19" s="8">
        <v>0.62</v>
      </c>
      <c r="L19" s="8">
        <v>0.65</v>
      </c>
      <c r="M19" s="73">
        <v>0.65</v>
      </c>
      <c r="N19" s="73">
        <v>0.64</v>
      </c>
      <c r="O19" s="73">
        <v>0.63</v>
      </c>
      <c r="P19" s="8">
        <v>0.61</v>
      </c>
      <c r="Q19" s="8">
        <v>0.57999999999999996</v>
      </c>
      <c r="R19" s="8">
        <v>0.55000000000000004</v>
      </c>
      <c r="S19" s="73">
        <v>0.52</v>
      </c>
      <c r="T19" s="73">
        <v>0.5</v>
      </c>
      <c r="U19" s="73">
        <v>0.47</v>
      </c>
      <c r="V19" s="73">
        <v>0.47</v>
      </c>
      <c r="W19" s="111">
        <v>0.49</v>
      </c>
      <c r="X19" s="73">
        <v>0.52</v>
      </c>
      <c r="Y19" s="76">
        <v>0.55000000000000004</v>
      </c>
      <c r="Z19" s="8">
        <v>0.56000000000000005</v>
      </c>
      <c r="AA19" s="8">
        <v>0.55000000000000004</v>
      </c>
      <c r="AB19" s="8">
        <v>0.53</v>
      </c>
      <c r="AC19" s="17">
        <v>0.53</v>
      </c>
      <c r="AD19" s="17">
        <v>0.52</v>
      </c>
      <c r="AE19" s="73">
        <v>0.52</v>
      </c>
      <c r="AF19" s="73">
        <v>0.53</v>
      </c>
      <c r="AG19" s="8">
        <v>0.53</v>
      </c>
      <c r="AH19" s="73">
        <v>0.52</v>
      </c>
      <c r="AI19" s="73">
        <v>0.52</v>
      </c>
      <c r="AJ19" s="73">
        <v>0.52</v>
      </c>
      <c r="AK19" s="73">
        <v>0.51</v>
      </c>
      <c r="AL19" s="73">
        <v>0.5</v>
      </c>
      <c r="AM19" s="73">
        <v>0.52</v>
      </c>
      <c r="AN19" s="73">
        <v>0.54</v>
      </c>
      <c r="AO19" s="73">
        <v>0.55000000000000004</v>
      </c>
      <c r="AP19" s="8">
        <v>0.56999999999999995</v>
      </c>
      <c r="AQ19" s="8">
        <v>0.56999999999999995</v>
      </c>
      <c r="AR19" s="107">
        <v>0.57999999999999996</v>
      </c>
      <c r="AS19" s="8">
        <v>0.59</v>
      </c>
      <c r="AT19" s="8">
        <v>0.59</v>
      </c>
      <c r="AU19" s="73">
        <v>0.6</v>
      </c>
      <c r="AV19" s="8">
        <v>0.6</v>
      </c>
      <c r="AW19" s="8">
        <v>0.66</v>
      </c>
      <c r="AX19" s="8">
        <v>0.71</v>
      </c>
      <c r="AY19" s="73">
        <v>0.74</v>
      </c>
      <c r="AZ19" s="8">
        <v>0.74</v>
      </c>
      <c r="BA19" s="8">
        <v>0.74</v>
      </c>
      <c r="BB19" s="8">
        <v>0.73</v>
      </c>
      <c r="BC19" s="73">
        <v>0.73</v>
      </c>
      <c r="BD19" s="73">
        <v>0.72</v>
      </c>
    </row>
    <row r="20" spans="3:56" x14ac:dyDescent="0.2">
      <c r="C20" s="5" t="s">
        <v>63</v>
      </c>
      <c r="D20" s="6" t="s">
        <v>58</v>
      </c>
      <c r="E20" s="76">
        <v>10.38</v>
      </c>
      <c r="F20" s="76">
        <v>7.46</v>
      </c>
      <c r="G20" s="76">
        <v>4.3899999999999997</v>
      </c>
      <c r="H20" s="76">
        <v>3.74</v>
      </c>
      <c r="I20" s="76">
        <v>4.55</v>
      </c>
      <c r="J20" s="76">
        <v>5.48</v>
      </c>
      <c r="K20" s="8">
        <v>4.8099999999999996</v>
      </c>
      <c r="L20" s="8">
        <v>3.31</v>
      </c>
      <c r="M20" s="76">
        <v>3.22</v>
      </c>
      <c r="N20" s="76">
        <v>4.6399999999999997</v>
      </c>
      <c r="O20" s="76">
        <v>4.66</v>
      </c>
      <c r="P20" s="8">
        <v>3.06</v>
      </c>
      <c r="Q20" s="76">
        <v>4.4800000000000004</v>
      </c>
      <c r="R20" s="76">
        <v>5.25</v>
      </c>
      <c r="S20" s="76" t="s">
        <v>158</v>
      </c>
      <c r="T20" s="76">
        <v>3.1</v>
      </c>
      <c r="U20" s="76">
        <v>3.32</v>
      </c>
      <c r="V20" s="76">
        <v>3.92</v>
      </c>
      <c r="W20" s="62">
        <v>4.6399999999999997</v>
      </c>
      <c r="X20" s="76">
        <v>3.76</v>
      </c>
      <c r="Y20" s="76">
        <v>3.59</v>
      </c>
      <c r="Z20" s="76">
        <v>3.42</v>
      </c>
      <c r="AA20" s="76">
        <v>3.11</v>
      </c>
      <c r="AB20" s="76">
        <v>4.2300000000000004</v>
      </c>
      <c r="AC20" s="76">
        <v>4.8099999999999996</v>
      </c>
      <c r="AD20" s="76">
        <v>5.07</v>
      </c>
      <c r="AE20" s="76">
        <v>5.85</v>
      </c>
      <c r="AF20" s="76">
        <v>4.6900000000000004</v>
      </c>
      <c r="AG20" s="76">
        <v>4.5</v>
      </c>
      <c r="AH20" s="76">
        <v>4.8600000000000003</v>
      </c>
      <c r="AI20" s="76">
        <v>4.04</v>
      </c>
      <c r="AJ20" s="76">
        <v>5.17</v>
      </c>
      <c r="AK20" s="76">
        <v>4.8</v>
      </c>
      <c r="AL20" s="76">
        <v>4.97</v>
      </c>
      <c r="AM20" s="76">
        <v>5.55</v>
      </c>
      <c r="AN20" s="76">
        <v>5.17</v>
      </c>
      <c r="AO20" s="76">
        <v>5.17</v>
      </c>
      <c r="AP20" s="8">
        <v>5.53</v>
      </c>
      <c r="AQ20" s="8">
        <v>5.36</v>
      </c>
      <c r="AR20" s="76">
        <v>3.94</v>
      </c>
      <c r="AS20" s="76">
        <v>5.21</v>
      </c>
      <c r="AT20" s="76">
        <v>4.91</v>
      </c>
      <c r="AU20" s="76">
        <v>5.17</v>
      </c>
      <c r="AV20" s="76">
        <v>3.71</v>
      </c>
      <c r="AW20" s="76">
        <v>4.67</v>
      </c>
      <c r="AX20" s="8">
        <v>5.15</v>
      </c>
      <c r="AY20" s="76">
        <v>5.75</v>
      </c>
      <c r="AZ20" s="76">
        <v>4.63</v>
      </c>
      <c r="BA20" s="76">
        <v>3.73</v>
      </c>
      <c r="BB20" s="76">
        <v>5.07</v>
      </c>
      <c r="BC20" s="76">
        <v>6.18</v>
      </c>
      <c r="BD20" s="76">
        <v>7.78</v>
      </c>
    </row>
    <row r="21" spans="3:56" x14ac:dyDescent="0.2">
      <c r="C21" s="5" t="s">
        <v>64</v>
      </c>
      <c r="D21" s="6" t="s">
        <v>58</v>
      </c>
      <c r="E21" s="76">
        <v>5.14</v>
      </c>
      <c r="F21" s="76">
        <v>5.51</v>
      </c>
      <c r="G21" s="76">
        <v>4.63</v>
      </c>
      <c r="H21" s="76">
        <v>4.0599999999999996</v>
      </c>
      <c r="I21" s="76">
        <v>4.2699999999999996</v>
      </c>
      <c r="J21" s="76">
        <v>4.3499999999999996</v>
      </c>
      <c r="K21" s="8">
        <v>4.6900000000000004</v>
      </c>
      <c r="L21" s="8">
        <v>3.95</v>
      </c>
      <c r="M21" s="76">
        <v>3.41</v>
      </c>
      <c r="N21" s="76">
        <v>4</v>
      </c>
      <c r="O21" s="76">
        <v>3.75</v>
      </c>
      <c r="P21" s="8">
        <v>2.44</v>
      </c>
      <c r="Q21" s="76">
        <v>2.81</v>
      </c>
      <c r="R21" s="76">
        <v>3.85</v>
      </c>
      <c r="S21" s="76">
        <v>3.43</v>
      </c>
      <c r="T21" s="76">
        <v>3.26</v>
      </c>
      <c r="U21" s="76">
        <v>2.71</v>
      </c>
      <c r="V21" s="76">
        <v>3.05</v>
      </c>
      <c r="W21" s="62">
        <v>3.46</v>
      </c>
      <c r="X21" s="76">
        <v>3.25</v>
      </c>
      <c r="Y21" s="76">
        <v>3.3</v>
      </c>
      <c r="Z21" s="76">
        <v>2.72</v>
      </c>
      <c r="AA21" s="76">
        <v>2.61</v>
      </c>
      <c r="AB21" s="76">
        <v>3.28</v>
      </c>
      <c r="AC21" s="76">
        <v>4.07</v>
      </c>
      <c r="AD21" s="76">
        <v>3.62</v>
      </c>
      <c r="AE21" s="76">
        <v>3.39</v>
      </c>
      <c r="AF21" s="76">
        <v>3.36</v>
      </c>
      <c r="AG21" s="76">
        <v>3.08</v>
      </c>
      <c r="AH21" s="76">
        <v>3.6</v>
      </c>
      <c r="AI21" s="76">
        <v>3.57</v>
      </c>
      <c r="AJ21" s="76">
        <v>4.3099999999999996</v>
      </c>
      <c r="AK21" s="76">
        <v>3.93</v>
      </c>
      <c r="AL21" s="76">
        <v>4.45</v>
      </c>
      <c r="AM21" s="76">
        <v>4.2</v>
      </c>
      <c r="AN21" s="76">
        <v>2.98</v>
      </c>
      <c r="AO21" s="76">
        <v>3.55</v>
      </c>
      <c r="AP21" s="8">
        <v>3.89</v>
      </c>
      <c r="AQ21" s="8">
        <v>3.45</v>
      </c>
      <c r="AR21" s="76">
        <v>3.12</v>
      </c>
      <c r="AS21" s="76">
        <v>3.04</v>
      </c>
      <c r="AT21" s="76">
        <v>3.12</v>
      </c>
      <c r="AU21" s="76">
        <v>3.17</v>
      </c>
      <c r="AV21" s="76">
        <v>2.97</v>
      </c>
      <c r="AW21" s="76">
        <v>3.16</v>
      </c>
      <c r="AX21" s="8">
        <v>3.71</v>
      </c>
      <c r="AY21" s="76">
        <v>4.1500000000000004</v>
      </c>
      <c r="AZ21" s="76">
        <v>3.86</v>
      </c>
      <c r="BA21" s="76">
        <v>3.22</v>
      </c>
      <c r="BB21" s="76">
        <v>3.4</v>
      </c>
      <c r="BC21" s="76">
        <v>3.53</v>
      </c>
      <c r="BD21" s="76">
        <v>4.01</v>
      </c>
    </row>
    <row r="22" spans="3:56" x14ac:dyDescent="0.2">
      <c r="C22" s="5" t="s">
        <v>65</v>
      </c>
      <c r="D22" s="6" t="s">
        <v>58</v>
      </c>
      <c r="E22" s="76">
        <v>2.0499999999999998</v>
      </c>
      <c r="F22" s="76">
        <v>3.08</v>
      </c>
      <c r="G22" s="76">
        <v>1.38</v>
      </c>
      <c r="H22" s="76">
        <v>0.79</v>
      </c>
      <c r="I22" s="76">
        <v>1.91</v>
      </c>
      <c r="J22" s="76">
        <v>2.12</v>
      </c>
      <c r="K22" s="8">
        <v>1.07</v>
      </c>
      <c r="L22" s="8">
        <v>0.69</v>
      </c>
      <c r="M22" s="76">
        <v>1.61</v>
      </c>
      <c r="N22" s="76">
        <v>1.45</v>
      </c>
      <c r="O22" s="76">
        <v>1.33</v>
      </c>
      <c r="P22" s="8">
        <v>1.01</v>
      </c>
      <c r="Q22" s="76">
        <v>0.99</v>
      </c>
      <c r="R22" s="76">
        <v>0.94</v>
      </c>
      <c r="S22" s="76">
        <v>0.83</v>
      </c>
      <c r="T22" s="76">
        <v>1</v>
      </c>
      <c r="U22" s="76">
        <v>1.38</v>
      </c>
      <c r="V22" s="76">
        <v>1.38</v>
      </c>
      <c r="W22" s="62">
        <v>1.59</v>
      </c>
      <c r="X22" s="76">
        <v>1.35</v>
      </c>
      <c r="Y22" s="76">
        <v>2.08</v>
      </c>
      <c r="Z22" s="76">
        <v>0.86</v>
      </c>
      <c r="AA22" s="76">
        <v>0.95</v>
      </c>
      <c r="AB22" s="76">
        <v>1.98</v>
      </c>
      <c r="AC22" s="76">
        <v>3.16</v>
      </c>
      <c r="AD22" s="76">
        <v>2.6</v>
      </c>
      <c r="AE22" s="76">
        <v>2</v>
      </c>
      <c r="AF22" s="76">
        <v>2.48</v>
      </c>
      <c r="AG22" s="76">
        <v>2.0699999999999998</v>
      </c>
      <c r="AH22" s="76">
        <v>1.47</v>
      </c>
      <c r="AI22" s="76">
        <v>1.58</v>
      </c>
      <c r="AJ22" s="76">
        <v>2.02</v>
      </c>
      <c r="AK22" s="76">
        <v>1.37</v>
      </c>
      <c r="AL22" s="76">
        <v>1.64</v>
      </c>
      <c r="AM22" s="76">
        <v>1.23</v>
      </c>
      <c r="AN22" s="76">
        <v>1.23</v>
      </c>
      <c r="AO22" s="76">
        <v>2.0299999999999998</v>
      </c>
      <c r="AP22" s="8">
        <v>1.46</v>
      </c>
      <c r="AQ22" s="8">
        <v>1.51</v>
      </c>
      <c r="AR22" s="76">
        <v>1.1100000000000001</v>
      </c>
      <c r="AS22" s="76">
        <v>0.84</v>
      </c>
      <c r="AT22" s="76">
        <v>0.92</v>
      </c>
      <c r="AU22" s="76">
        <v>0.97</v>
      </c>
      <c r="AV22" s="76">
        <v>0.86</v>
      </c>
      <c r="AW22" s="76">
        <v>1.29</v>
      </c>
      <c r="AX22" s="8">
        <v>1.31</v>
      </c>
      <c r="AY22" s="76">
        <v>1.35</v>
      </c>
      <c r="AZ22" s="76">
        <v>1.42</v>
      </c>
      <c r="BA22" s="76">
        <v>1.49</v>
      </c>
      <c r="BB22" s="76">
        <v>1.53</v>
      </c>
      <c r="BC22" s="76">
        <v>1.52</v>
      </c>
      <c r="BD22" s="76">
        <v>2.5</v>
      </c>
    </row>
    <row r="23" spans="3:56" x14ac:dyDescent="0.2">
      <c r="C23" s="5" t="s">
        <v>66</v>
      </c>
      <c r="D23" s="6" t="s">
        <v>58</v>
      </c>
      <c r="E23" s="76">
        <v>3.04</v>
      </c>
      <c r="F23" s="76">
        <v>5</v>
      </c>
      <c r="G23" s="76">
        <v>3.25</v>
      </c>
      <c r="H23" s="76">
        <v>2.57</v>
      </c>
      <c r="I23" s="76">
        <v>2.4500000000000002</v>
      </c>
      <c r="J23" s="76">
        <v>2.46</v>
      </c>
      <c r="K23" s="8">
        <v>2.21</v>
      </c>
      <c r="L23" s="8">
        <v>1.19</v>
      </c>
      <c r="M23" s="76">
        <v>2.11</v>
      </c>
      <c r="N23" s="76">
        <v>2.5299999999999998</v>
      </c>
      <c r="O23" s="76">
        <v>2.37</v>
      </c>
      <c r="P23" s="8">
        <v>1.72</v>
      </c>
      <c r="Q23" s="76">
        <v>1.75</v>
      </c>
      <c r="R23" s="76">
        <v>2.92</v>
      </c>
      <c r="S23" s="76">
        <v>1.69</v>
      </c>
      <c r="T23" s="76">
        <v>1.57</v>
      </c>
      <c r="U23" s="76">
        <v>1.1000000000000001</v>
      </c>
      <c r="V23" s="76">
        <v>1.22</v>
      </c>
      <c r="W23" s="62">
        <v>1.46</v>
      </c>
      <c r="X23" s="76">
        <v>1.05</v>
      </c>
      <c r="Y23" s="76">
        <v>1.56</v>
      </c>
      <c r="Z23" s="76">
        <v>1.29</v>
      </c>
      <c r="AA23" s="76">
        <v>1.37</v>
      </c>
      <c r="AB23" s="76">
        <v>2.74</v>
      </c>
      <c r="AC23" s="76">
        <v>2</v>
      </c>
      <c r="AD23" s="76">
        <v>1.54</v>
      </c>
      <c r="AE23" s="76">
        <v>1.0900000000000001</v>
      </c>
      <c r="AF23" s="76">
        <v>2.06</v>
      </c>
      <c r="AG23" s="76">
        <v>2.75</v>
      </c>
      <c r="AH23" s="76">
        <v>1.56</v>
      </c>
      <c r="AI23" s="76">
        <v>1.93</v>
      </c>
      <c r="AJ23" s="76">
        <v>2.37</v>
      </c>
      <c r="AK23" s="76">
        <v>2.12</v>
      </c>
      <c r="AL23" s="76">
        <v>1.94</v>
      </c>
      <c r="AM23" s="76">
        <v>1.1399999999999999</v>
      </c>
      <c r="AN23" s="76">
        <v>1.39</v>
      </c>
      <c r="AO23" s="76">
        <v>1.46</v>
      </c>
      <c r="AP23" s="8">
        <v>1.28</v>
      </c>
      <c r="AQ23" s="8">
        <v>1.38</v>
      </c>
      <c r="AR23" s="76">
        <v>1.1599999999999999</v>
      </c>
      <c r="AS23" s="76">
        <v>3.5</v>
      </c>
      <c r="AT23" s="76">
        <v>2.17</v>
      </c>
      <c r="AU23" s="76">
        <v>1.86</v>
      </c>
      <c r="AV23" s="76">
        <v>0.88</v>
      </c>
      <c r="AW23" s="76">
        <v>2.2599999999999998</v>
      </c>
      <c r="AX23" s="8">
        <v>1.8</v>
      </c>
      <c r="AY23" s="76">
        <v>1.56</v>
      </c>
      <c r="AZ23" s="76">
        <v>1.31</v>
      </c>
      <c r="BA23" s="76">
        <v>0.93</v>
      </c>
      <c r="BB23" s="76">
        <v>2.12</v>
      </c>
      <c r="BC23" s="76">
        <v>2.83</v>
      </c>
      <c r="BD23" s="76">
        <v>2.5099999999999998</v>
      </c>
    </row>
    <row r="24" spans="3:56" x14ac:dyDescent="0.2">
      <c r="C24" s="5" t="s">
        <v>116</v>
      </c>
      <c r="D24" s="6" t="s">
        <v>58</v>
      </c>
      <c r="E24" s="76">
        <v>8</v>
      </c>
      <c r="F24" s="76">
        <v>7.82</v>
      </c>
      <c r="G24" s="76">
        <v>6.26</v>
      </c>
      <c r="H24" s="76">
        <v>4.26</v>
      </c>
      <c r="I24" s="76">
        <v>5.64</v>
      </c>
      <c r="J24" s="76">
        <v>6.25</v>
      </c>
      <c r="K24" s="8">
        <v>6.62</v>
      </c>
      <c r="L24" s="8">
        <v>5.12</v>
      </c>
      <c r="M24" s="76">
        <v>4.97</v>
      </c>
      <c r="N24" s="76">
        <v>5.51</v>
      </c>
      <c r="O24" s="76">
        <v>1.25</v>
      </c>
      <c r="P24" s="8">
        <v>3</v>
      </c>
      <c r="Q24" s="76">
        <v>4.42</v>
      </c>
      <c r="R24" s="76">
        <v>4.66</v>
      </c>
      <c r="S24" s="76">
        <v>5.45</v>
      </c>
      <c r="T24" s="76">
        <v>5.05</v>
      </c>
      <c r="U24" s="76">
        <v>4.9400000000000004</v>
      </c>
      <c r="V24" s="76">
        <v>4.4400000000000004</v>
      </c>
      <c r="W24" s="62">
        <v>4.38</v>
      </c>
      <c r="X24" s="76">
        <v>3.97</v>
      </c>
      <c r="Y24" s="76">
        <v>3.85</v>
      </c>
      <c r="Z24" s="76">
        <v>4.43</v>
      </c>
      <c r="AA24" s="76">
        <v>4.2</v>
      </c>
      <c r="AB24" s="76">
        <v>4.47</v>
      </c>
      <c r="AC24" s="76">
        <v>4.17</v>
      </c>
      <c r="AD24" s="76">
        <v>4.68</v>
      </c>
      <c r="AE24" s="76">
        <v>5.67</v>
      </c>
      <c r="AF24" s="76">
        <v>5.5</v>
      </c>
      <c r="AG24" s="76">
        <v>5.69</v>
      </c>
      <c r="AH24" s="76">
        <v>5.5</v>
      </c>
      <c r="AI24" s="76">
        <v>5.68</v>
      </c>
      <c r="AJ24" s="76">
        <v>5.99</v>
      </c>
      <c r="AK24" s="76">
        <v>5.62</v>
      </c>
      <c r="AL24" s="76">
        <v>5.09</v>
      </c>
      <c r="AM24" s="76">
        <v>5.42</v>
      </c>
      <c r="AN24" s="76">
        <v>4.2300000000000004</v>
      </c>
      <c r="AO24" s="76">
        <v>4.34</v>
      </c>
      <c r="AP24" s="8">
        <v>4.6100000000000003</v>
      </c>
      <c r="AQ24" s="8">
        <v>4.93</v>
      </c>
      <c r="AR24" s="76">
        <v>4.91</v>
      </c>
      <c r="AS24" s="76">
        <v>4.8899999999999997</v>
      </c>
      <c r="AT24" s="76">
        <v>4.67</v>
      </c>
      <c r="AU24" s="76">
        <v>5.31</v>
      </c>
      <c r="AV24" s="76">
        <v>4.68</v>
      </c>
      <c r="AW24" s="76">
        <v>5.79</v>
      </c>
      <c r="AX24" s="8">
        <v>6.34</v>
      </c>
      <c r="AY24" s="76">
        <v>6.01</v>
      </c>
      <c r="AZ24" s="76">
        <v>6.28</v>
      </c>
      <c r="BA24" s="76">
        <v>4.51</v>
      </c>
      <c r="BB24" s="76">
        <v>4.87</v>
      </c>
      <c r="BC24" s="76">
        <v>5.22</v>
      </c>
      <c r="BD24" s="76">
        <v>6.5</v>
      </c>
    </row>
    <row r="25" spans="3:56" x14ac:dyDescent="0.2">
      <c r="C25" s="5" t="s">
        <v>68</v>
      </c>
      <c r="D25" s="6" t="s">
        <v>58</v>
      </c>
      <c r="E25" s="76">
        <v>3</v>
      </c>
      <c r="F25" s="76">
        <v>1.51</v>
      </c>
      <c r="G25" s="76">
        <v>1.17</v>
      </c>
      <c r="H25" s="76">
        <v>1.1100000000000001</v>
      </c>
      <c r="I25" s="76">
        <v>0.91</v>
      </c>
      <c r="J25" s="76">
        <v>1.99</v>
      </c>
      <c r="K25" s="8">
        <v>1.02</v>
      </c>
      <c r="L25" s="8">
        <v>1.21</v>
      </c>
      <c r="M25" s="76">
        <v>1.28</v>
      </c>
      <c r="N25" s="76">
        <v>1.1000000000000001</v>
      </c>
      <c r="O25" s="76">
        <v>1.07</v>
      </c>
      <c r="P25" s="8">
        <v>0.81</v>
      </c>
      <c r="Q25" s="76">
        <v>1.44</v>
      </c>
      <c r="R25" s="76">
        <v>1.1399999999999999</v>
      </c>
      <c r="S25" s="76">
        <v>1.48</v>
      </c>
      <c r="T25" s="76">
        <v>1.21</v>
      </c>
      <c r="U25" s="76">
        <v>0.98</v>
      </c>
      <c r="V25" s="76">
        <v>0.9</v>
      </c>
      <c r="W25" s="62">
        <v>0.95</v>
      </c>
      <c r="X25" s="76">
        <v>1.3</v>
      </c>
      <c r="Y25" s="76">
        <v>1.22</v>
      </c>
      <c r="Z25" s="76">
        <v>0.87</v>
      </c>
      <c r="AA25" s="76">
        <v>0.65</v>
      </c>
      <c r="AB25" s="76">
        <v>0.54</v>
      </c>
      <c r="AC25" s="76">
        <v>1.42</v>
      </c>
      <c r="AD25" s="76">
        <v>0.79</v>
      </c>
      <c r="AE25" s="76">
        <v>0.8</v>
      </c>
      <c r="AF25" s="76">
        <v>0.8</v>
      </c>
      <c r="AG25" s="76">
        <v>0.56000000000000005</v>
      </c>
      <c r="AH25" s="76">
        <v>0.55000000000000004</v>
      </c>
      <c r="AI25" s="76">
        <v>0.55000000000000004</v>
      </c>
      <c r="AJ25" s="76">
        <v>0.65</v>
      </c>
      <c r="AK25" s="76">
        <v>0.44</v>
      </c>
      <c r="AL25" s="76">
        <v>0.48</v>
      </c>
      <c r="AM25" s="76">
        <v>0.63</v>
      </c>
      <c r="AN25" s="76">
        <v>0.8</v>
      </c>
      <c r="AO25" s="76">
        <v>0.92</v>
      </c>
      <c r="AP25" s="8">
        <v>1.45</v>
      </c>
      <c r="AQ25" s="8">
        <v>0.6</v>
      </c>
      <c r="AR25" s="76">
        <v>0.55000000000000004</v>
      </c>
      <c r="AS25" s="76">
        <v>0.45</v>
      </c>
      <c r="AT25" s="76">
        <v>0.65</v>
      </c>
      <c r="AU25" s="76">
        <v>0.59</v>
      </c>
      <c r="AV25" s="76">
        <v>0.53</v>
      </c>
      <c r="AW25" s="76">
        <v>0.64</v>
      </c>
      <c r="AX25" s="8">
        <v>0.6</v>
      </c>
      <c r="AY25" s="76">
        <v>0.91</v>
      </c>
      <c r="AZ25" s="76">
        <v>0.67</v>
      </c>
      <c r="BA25" s="76">
        <v>0.49</v>
      </c>
      <c r="BB25" s="76">
        <v>0.87</v>
      </c>
      <c r="BC25" s="76">
        <v>1.18</v>
      </c>
      <c r="BD25" s="76">
        <v>0.77</v>
      </c>
    </row>
    <row r="26" spans="3:56" x14ac:dyDescent="0.2">
      <c r="C26" s="5" t="s">
        <v>69</v>
      </c>
      <c r="D26" s="6" t="s">
        <v>58</v>
      </c>
      <c r="E26" s="76">
        <v>3.61</v>
      </c>
      <c r="F26" s="76">
        <v>2.42</v>
      </c>
      <c r="G26" s="76">
        <v>2.59</v>
      </c>
      <c r="H26" s="76">
        <v>1.92</v>
      </c>
      <c r="I26" s="76">
        <v>1.1000000000000001</v>
      </c>
      <c r="J26" s="76">
        <v>1.76</v>
      </c>
      <c r="K26" s="8">
        <v>1.1000000000000001</v>
      </c>
      <c r="L26" s="8">
        <v>0.67</v>
      </c>
      <c r="M26" s="76">
        <v>0.73</v>
      </c>
      <c r="N26" s="76">
        <v>0.81</v>
      </c>
      <c r="O26" s="76">
        <v>0.79</v>
      </c>
      <c r="P26" s="8">
        <v>0.83</v>
      </c>
      <c r="Q26" s="76">
        <v>1.0900000000000001</v>
      </c>
      <c r="R26" s="76">
        <v>1.02</v>
      </c>
      <c r="S26" s="76">
        <v>0.93</v>
      </c>
      <c r="T26" s="76">
        <v>0.88</v>
      </c>
      <c r="U26" s="76">
        <v>0.9</v>
      </c>
      <c r="V26" s="76">
        <v>2.6</v>
      </c>
      <c r="W26" s="62">
        <v>1.8</v>
      </c>
      <c r="X26" s="76">
        <v>1.9</v>
      </c>
      <c r="Y26" s="76">
        <v>0.76</v>
      </c>
      <c r="Z26" s="76">
        <v>2</v>
      </c>
      <c r="AA26" s="76">
        <v>1.8</v>
      </c>
      <c r="AB26" s="76">
        <v>1.9</v>
      </c>
      <c r="AC26" s="76">
        <v>1.8</v>
      </c>
      <c r="AD26" s="76">
        <v>1.8</v>
      </c>
      <c r="AE26" s="76">
        <v>1.8</v>
      </c>
      <c r="AF26" s="76">
        <v>1.9</v>
      </c>
      <c r="AG26" s="76">
        <v>1.85</v>
      </c>
      <c r="AH26" s="76">
        <v>1.6</v>
      </c>
      <c r="AI26" s="76" t="s">
        <v>90</v>
      </c>
      <c r="AJ26" s="76" t="s">
        <v>90</v>
      </c>
      <c r="AK26" s="76" t="s">
        <v>90</v>
      </c>
      <c r="AL26" s="76" t="s">
        <v>90</v>
      </c>
      <c r="AM26" s="76" t="s">
        <v>90</v>
      </c>
      <c r="AN26" s="76" t="s">
        <v>90</v>
      </c>
      <c r="AO26" s="76">
        <v>1.44</v>
      </c>
      <c r="AP26" s="8">
        <v>1.1399999999999999</v>
      </c>
      <c r="AQ26" s="8" t="s">
        <v>90</v>
      </c>
      <c r="AR26" s="76">
        <v>0.82</v>
      </c>
      <c r="AS26" s="76">
        <v>0.89</v>
      </c>
      <c r="AT26" s="76">
        <v>0.87</v>
      </c>
      <c r="AU26" s="76">
        <v>0.98</v>
      </c>
      <c r="AV26" s="76">
        <v>1.05</v>
      </c>
      <c r="AW26" s="76">
        <v>0.87</v>
      </c>
      <c r="AX26" s="8">
        <v>1.04</v>
      </c>
      <c r="AY26" s="76">
        <v>1.42</v>
      </c>
      <c r="AZ26" s="76">
        <v>0.94</v>
      </c>
      <c r="BA26" s="76">
        <v>0.7</v>
      </c>
      <c r="BB26" s="76">
        <v>1.1000000000000001</v>
      </c>
      <c r="BC26" s="76">
        <v>1.28</v>
      </c>
      <c r="BD26" s="76">
        <v>1.64</v>
      </c>
    </row>
    <row r="27" spans="3:56" x14ac:dyDescent="0.2">
      <c r="C27" s="5" t="s">
        <v>70</v>
      </c>
      <c r="D27" s="6" t="s">
        <v>58</v>
      </c>
      <c r="E27" s="76">
        <v>2.76</v>
      </c>
      <c r="F27" s="76">
        <v>2.39</v>
      </c>
      <c r="G27" s="76">
        <v>1.65</v>
      </c>
      <c r="H27" s="76">
        <v>0.96</v>
      </c>
      <c r="I27" s="76">
        <v>1.51</v>
      </c>
      <c r="J27" s="76">
        <v>2.36</v>
      </c>
      <c r="K27" s="8">
        <v>1.72</v>
      </c>
      <c r="L27" s="8">
        <v>1.25</v>
      </c>
      <c r="M27" s="76">
        <v>1.29</v>
      </c>
      <c r="N27" s="76">
        <v>2.42</v>
      </c>
      <c r="O27" s="76">
        <v>0.78</v>
      </c>
      <c r="P27" s="8">
        <v>0.69</v>
      </c>
      <c r="Q27" s="76">
        <v>0.75</v>
      </c>
      <c r="R27" s="76">
        <v>0.87</v>
      </c>
      <c r="S27" s="76">
        <v>1</v>
      </c>
      <c r="T27" s="76">
        <v>1.08</v>
      </c>
      <c r="U27" s="76">
        <v>1.05</v>
      </c>
      <c r="V27" s="76">
        <v>1.29</v>
      </c>
      <c r="W27" s="62">
        <v>1.76</v>
      </c>
      <c r="X27" s="76">
        <v>1.98</v>
      </c>
      <c r="Y27" s="76">
        <v>2.31</v>
      </c>
      <c r="Z27" s="76">
        <v>1.91</v>
      </c>
      <c r="AA27" s="76">
        <v>1.06</v>
      </c>
      <c r="AB27" s="76">
        <v>2.34</v>
      </c>
      <c r="AC27" s="76">
        <v>2.89</v>
      </c>
      <c r="AD27" s="76">
        <v>2.1800000000000002</v>
      </c>
      <c r="AE27" s="76">
        <v>2.75</v>
      </c>
      <c r="AF27" s="76">
        <v>1.78</v>
      </c>
      <c r="AG27" s="76">
        <v>1.91</v>
      </c>
      <c r="AH27" s="76">
        <v>1.61</v>
      </c>
      <c r="AI27" s="76">
        <v>0.54</v>
      </c>
      <c r="AJ27" s="76">
        <v>0.57999999999999996</v>
      </c>
      <c r="AK27" s="76">
        <v>2.0499999999999998</v>
      </c>
      <c r="AL27" s="76">
        <v>1.08</v>
      </c>
      <c r="AM27" s="76">
        <v>0.82</v>
      </c>
      <c r="AN27" s="76">
        <v>1.53</v>
      </c>
      <c r="AO27" s="76">
        <v>4.0599999999999996</v>
      </c>
      <c r="AP27" s="8">
        <v>1.49</v>
      </c>
      <c r="AQ27" s="8">
        <v>2.33</v>
      </c>
      <c r="AR27" s="76">
        <v>1.02</v>
      </c>
      <c r="AS27" s="76">
        <v>0.64</v>
      </c>
      <c r="AT27" s="76">
        <v>0.6</v>
      </c>
      <c r="AU27" s="76">
        <v>0.44</v>
      </c>
      <c r="AV27" s="76">
        <v>1.43</v>
      </c>
      <c r="AW27" s="76">
        <v>0.4</v>
      </c>
      <c r="AX27" s="8">
        <v>2.12</v>
      </c>
      <c r="AY27" s="76">
        <v>2.48</v>
      </c>
      <c r="AZ27" s="76">
        <v>3</v>
      </c>
      <c r="BA27" s="76">
        <v>2.54</v>
      </c>
      <c r="BB27" s="76">
        <v>2.08</v>
      </c>
      <c r="BC27" s="76">
        <v>2.16</v>
      </c>
      <c r="BD27" s="76">
        <v>2.2799999999999998</v>
      </c>
    </row>
    <row r="28" spans="3:56" x14ac:dyDescent="0.2">
      <c r="C28" s="5" t="s">
        <v>101</v>
      </c>
      <c r="D28" s="6" t="s">
        <v>58</v>
      </c>
      <c r="E28" s="76">
        <v>5.58</v>
      </c>
      <c r="F28" s="76">
        <v>5.19</v>
      </c>
      <c r="G28" s="76">
        <v>4.51</v>
      </c>
      <c r="H28" s="76">
        <v>4.95</v>
      </c>
      <c r="I28" s="76">
        <v>5.23</v>
      </c>
      <c r="J28" s="76">
        <v>5</v>
      </c>
      <c r="K28" s="8">
        <v>6.04</v>
      </c>
      <c r="L28" s="8">
        <v>5.21</v>
      </c>
      <c r="M28" s="76">
        <v>3.15</v>
      </c>
      <c r="N28" s="76">
        <v>5.01</v>
      </c>
      <c r="O28" s="76">
        <v>3.75</v>
      </c>
      <c r="P28" s="8">
        <v>4.95</v>
      </c>
      <c r="Q28" s="76">
        <v>4.62</v>
      </c>
      <c r="R28" s="76">
        <v>5.8</v>
      </c>
      <c r="S28" s="76">
        <v>5</v>
      </c>
      <c r="T28" s="76">
        <v>5.82</v>
      </c>
      <c r="U28" s="76">
        <v>3.56</v>
      </c>
      <c r="V28" s="76">
        <v>5.6</v>
      </c>
      <c r="W28" s="62">
        <v>5.2</v>
      </c>
      <c r="X28" s="76">
        <v>5.3</v>
      </c>
      <c r="Y28" s="76">
        <v>5.5</v>
      </c>
      <c r="Z28" s="76">
        <v>5.35</v>
      </c>
      <c r="AA28" s="76">
        <v>4.07</v>
      </c>
      <c r="AB28" s="76">
        <v>8.27</v>
      </c>
      <c r="AC28" s="76">
        <v>6.41</v>
      </c>
      <c r="AD28" s="76">
        <v>4.41</v>
      </c>
      <c r="AE28" s="76">
        <v>3.93</v>
      </c>
      <c r="AF28" s="76">
        <v>3.69</v>
      </c>
      <c r="AG28" s="76">
        <v>4.33</v>
      </c>
      <c r="AH28" s="76">
        <v>3.6</v>
      </c>
      <c r="AI28" s="76">
        <v>3.64</v>
      </c>
      <c r="AJ28" s="76">
        <v>3.71</v>
      </c>
      <c r="AK28" s="76">
        <v>3.6</v>
      </c>
      <c r="AL28" s="76">
        <v>4.1399999999999997</v>
      </c>
      <c r="AM28" s="76">
        <v>4.7699999999999996</v>
      </c>
      <c r="AN28" s="76">
        <v>3.28</v>
      </c>
      <c r="AO28" s="76">
        <v>4.41</v>
      </c>
      <c r="AP28" s="8">
        <v>4.2</v>
      </c>
      <c r="AQ28" s="8">
        <v>4.47</v>
      </c>
      <c r="AR28" s="76">
        <v>4.24</v>
      </c>
      <c r="AS28" s="76">
        <v>5.15</v>
      </c>
      <c r="AT28" s="76">
        <v>1.79</v>
      </c>
      <c r="AU28" s="76" t="s">
        <v>90</v>
      </c>
      <c r="AV28" s="76" t="s">
        <v>90</v>
      </c>
      <c r="AW28" s="76" t="s">
        <v>90</v>
      </c>
      <c r="AX28" s="76" t="s">
        <v>90</v>
      </c>
      <c r="AY28" s="76" t="s">
        <v>90</v>
      </c>
      <c r="AZ28" s="76" t="s">
        <v>90</v>
      </c>
      <c r="BA28" s="76" t="s">
        <v>90</v>
      </c>
      <c r="BB28" s="76">
        <v>2.81</v>
      </c>
      <c r="BC28" s="76" t="s">
        <v>90</v>
      </c>
      <c r="BD28" s="76">
        <v>1.54</v>
      </c>
    </row>
    <row r="29" spans="3:56" x14ac:dyDescent="0.2">
      <c r="C29" s="5" t="s">
        <v>71</v>
      </c>
      <c r="D29" s="6" t="s">
        <v>58</v>
      </c>
      <c r="E29" s="76">
        <v>2.6</v>
      </c>
      <c r="F29" s="76">
        <v>2.6</v>
      </c>
      <c r="G29" s="76">
        <v>2.6</v>
      </c>
      <c r="H29" s="76">
        <v>2.6</v>
      </c>
      <c r="I29" s="76">
        <v>2.6</v>
      </c>
      <c r="J29" s="76">
        <v>2.6</v>
      </c>
      <c r="K29" s="8">
        <v>2.6</v>
      </c>
      <c r="L29" s="8">
        <v>2.6</v>
      </c>
      <c r="M29" s="76">
        <v>2.6</v>
      </c>
      <c r="N29" s="76">
        <v>2.6</v>
      </c>
      <c r="O29" s="76">
        <v>2.6</v>
      </c>
      <c r="P29" s="8">
        <v>2.6</v>
      </c>
      <c r="Q29" s="76">
        <v>2.6</v>
      </c>
      <c r="R29" s="76">
        <v>2.6</v>
      </c>
      <c r="S29" s="76">
        <v>2.6</v>
      </c>
      <c r="T29" s="76">
        <v>2.6</v>
      </c>
      <c r="U29" s="76">
        <v>2.6</v>
      </c>
      <c r="V29" s="76">
        <v>2.6</v>
      </c>
      <c r="W29" s="62">
        <v>2.6</v>
      </c>
      <c r="X29" s="76">
        <v>2.6</v>
      </c>
      <c r="Y29" s="76">
        <v>2.6</v>
      </c>
      <c r="Z29" s="76">
        <v>2.6</v>
      </c>
      <c r="AA29" s="76">
        <v>2.6</v>
      </c>
      <c r="AB29" s="76">
        <v>2.6</v>
      </c>
      <c r="AC29" s="94" t="s">
        <v>90</v>
      </c>
      <c r="AD29" s="94" t="s">
        <v>90</v>
      </c>
      <c r="AE29" s="94" t="s">
        <v>90</v>
      </c>
      <c r="AF29" s="94" t="s">
        <v>90</v>
      </c>
      <c r="AG29" s="94" t="s">
        <v>90</v>
      </c>
      <c r="AH29" s="94" t="s">
        <v>90</v>
      </c>
      <c r="AI29" s="94" t="s">
        <v>90</v>
      </c>
      <c r="AJ29" s="94" t="s">
        <v>90</v>
      </c>
      <c r="AK29" s="94" t="s">
        <v>90</v>
      </c>
      <c r="AL29" s="94" t="s">
        <v>90</v>
      </c>
      <c r="AM29" s="94" t="s">
        <v>90</v>
      </c>
      <c r="AN29" s="94" t="s">
        <v>90</v>
      </c>
      <c r="AO29" s="94" t="s">
        <v>90</v>
      </c>
      <c r="AP29" s="94" t="s">
        <v>90</v>
      </c>
      <c r="AQ29" s="8" t="s">
        <v>90</v>
      </c>
      <c r="AR29" s="8" t="s">
        <v>90</v>
      </c>
      <c r="AS29" s="76" t="s">
        <v>90</v>
      </c>
      <c r="AT29" s="76" t="s">
        <v>90</v>
      </c>
      <c r="AU29" s="76" t="s">
        <v>90</v>
      </c>
      <c r="AV29" s="76" t="s">
        <v>90</v>
      </c>
      <c r="AW29" s="76">
        <v>2.7</v>
      </c>
      <c r="AX29" s="8">
        <v>2.7</v>
      </c>
      <c r="AY29" s="76">
        <v>2.7</v>
      </c>
      <c r="AZ29" s="8">
        <v>2.75</v>
      </c>
      <c r="BA29" s="76">
        <v>2.75</v>
      </c>
      <c r="BB29" s="76">
        <v>2.8</v>
      </c>
      <c r="BC29" s="76">
        <v>2.8</v>
      </c>
      <c r="BD29" s="76">
        <v>2.75</v>
      </c>
    </row>
    <row r="30" spans="3:56" x14ac:dyDescent="0.2">
      <c r="C30" s="5" t="s">
        <v>102</v>
      </c>
      <c r="D30" s="6" t="s">
        <v>58</v>
      </c>
      <c r="E30" s="76">
        <v>4.9800000000000004</v>
      </c>
      <c r="F30" s="76">
        <v>5.07</v>
      </c>
      <c r="G30" s="76">
        <v>5.1100000000000003</v>
      </c>
      <c r="H30" s="76">
        <v>5.2</v>
      </c>
      <c r="I30" s="76">
        <v>5.23</v>
      </c>
      <c r="J30" s="76">
        <v>5.35</v>
      </c>
      <c r="K30" s="8">
        <v>5.69</v>
      </c>
      <c r="L30" s="8">
        <v>5.64</v>
      </c>
      <c r="M30" s="76">
        <v>5.58</v>
      </c>
      <c r="N30" s="76">
        <v>5.63</v>
      </c>
      <c r="O30" s="76">
        <v>5.52</v>
      </c>
      <c r="P30" s="8">
        <v>5.43</v>
      </c>
      <c r="Q30" s="76">
        <v>5.59</v>
      </c>
      <c r="R30" s="76">
        <v>5.66</v>
      </c>
      <c r="S30" s="76">
        <v>5.62</v>
      </c>
      <c r="T30" s="76">
        <v>5.57</v>
      </c>
      <c r="U30" s="76">
        <v>5.56</v>
      </c>
      <c r="V30" s="76">
        <v>5.49</v>
      </c>
      <c r="W30" s="62">
        <v>5.5</v>
      </c>
      <c r="X30" s="76">
        <v>5.61</v>
      </c>
      <c r="Y30" s="76">
        <v>5.57</v>
      </c>
      <c r="Z30" s="76">
        <v>5.59</v>
      </c>
      <c r="AA30" s="76">
        <v>5.54</v>
      </c>
      <c r="AB30" s="76">
        <v>5.56</v>
      </c>
      <c r="AC30" s="76">
        <v>5.38</v>
      </c>
      <c r="AD30" s="76">
        <v>5.44</v>
      </c>
      <c r="AE30" s="76">
        <v>5.38</v>
      </c>
      <c r="AF30" s="76">
        <v>5.38</v>
      </c>
      <c r="AG30" s="76">
        <v>5.31</v>
      </c>
      <c r="AH30" s="76">
        <v>5.43</v>
      </c>
      <c r="AI30" s="76">
        <v>5.69</v>
      </c>
      <c r="AJ30" s="76">
        <v>5.66</v>
      </c>
      <c r="AK30" s="76">
        <v>5.66</v>
      </c>
      <c r="AL30" s="76">
        <v>5.66</v>
      </c>
      <c r="AM30" s="76">
        <v>5.43</v>
      </c>
      <c r="AN30" s="76">
        <v>5.43</v>
      </c>
      <c r="AO30" s="76">
        <v>5.38</v>
      </c>
      <c r="AP30" s="8">
        <v>5.35</v>
      </c>
      <c r="AQ30" s="8">
        <v>5.48</v>
      </c>
      <c r="AR30" s="76">
        <v>5.48</v>
      </c>
      <c r="AS30" s="76">
        <v>5.38</v>
      </c>
      <c r="AT30" s="76">
        <v>5.36</v>
      </c>
      <c r="AU30" s="76">
        <v>5.38</v>
      </c>
      <c r="AV30" s="76">
        <v>5.31</v>
      </c>
      <c r="AW30" s="76">
        <v>5.17</v>
      </c>
      <c r="AX30" s="8">
        <v>5.2</v>
      </c>
      <c r="AY30" s="76">
        <v>5.25</v>
      </c>
      <c r="AZ30" s="76">
        <v>5.35</v>
      </c>
      <c r="BA30" s="76">
        <v>5.34</v>
      </c>
      <c r="BB30" s="76">
        <v>5.39</v>
      </c>
      <c r="BC30" s="76">
        <v>5.35</v>
      </c>
      <c r="BD30" s="76">
        <v>5.34</v>
      </c>
    </row>
    <row r="31" spans="3:56" x14ac:dyDescent="0.2">
      <c r="C31" s="5" t="s">
        <v>72</v>
      </c>
      <c r="D31" s="6" t="s">
        <v>58</v>
      </c>
      <c r="E31" s="76">
        <v>5.22</v>
      </c>
      <c r="F31" s="76">
        <v>5.22</v>
      </c>
      <c r="G31" s="76">
        <v>5.22</v>
      </c>
      <c r="H31" s="76">
        <v>5.22</v>
      </c>
      <c r="I31" s="76">
        <v>5.22</v>
      </c>
      <c r="J31" s="76">
        <v>5.22</v>
      </c>
      <c r="K31" s="8">
        <v>4.66</v>
      </c>
      <c r="L31" s="8">
        <v>4.66</v>
      </c>
      <c r="M31" s="76">
        <v>4.66</v>
      </c>
      <c r="N31" s="76">
        <v>4.66</v>
      </c>
      <c r="O31" s="76">
        <v>4.66</v>
      </c>
      <c r="P31" s="8">
        <v>4.66</v>
      </c>
      <c r="Q31" s="76">
        <v>4.66</v>
      </c>
      <c r="R31" s="76">
        <v>4.66</v>
      </c>
      <c r="S31" s="76">
        <v>4.66</v>
      </c>
      <c r="T31" s="76">
        <v>6.06</v>
      </c>
      <c r="U31" s="76">
        <v>6.06</v>
      </c>
      <c r="V31" s="76">
        <v>6.06</v>
      </c>
      <c r="W31" s="62">
        <v>6.06</v>
      </c>
      <c r="X31" s="76">
        <v>6.06</v>
      </c>
      <c r="Y31" s="76">
        <v>6.06</v>
      </c>
      <c r="Z31" s="76">
        <v>6.06</v>
      </c>
      <c r="AA31" s="76">
        <v>6.06</v>
      </c>
      <c r="AB31" s="76">
        <v>6.06</v>
      </c>
      <c r="AC31" s="76">
        <v>6.06</v>
      </c>
      <c r="AD31" s="76">
        <v>6.61</v>
      </c>
      <c r="AE31" s="76">
        <v>6.61</v>
      </c>
      <c r="AF31" s="76">
        <v>6.61</v>
      </c>
      <c r="AG31" s="76">
        <v>6.61</v>
      </c>
      <c r="AH31" s="76">
        <v>6.61</v>
      </c>
      <c r="AI31" s="76">
        <v>6.61</v>
      </c>
      <c r="AJ31" s="76">
        <v>6.61</v>
      </c>
      <c r="AK31" s="76">
        <v>6.61</v>
      </c>
      <c r="AL31" s="76">
        <v>6.61</v>
      </c>
      <c r="AM31" s="76">
        <v>6.61</v>
      </c>
      <c r="AN31" s="76">
        <v>6.61</v>
      </c>
      <c r="AO31" s="76">
        <v>7.67</v>
      </c>
      <c r="AP31" s="8">
        <v>7.67</v>
      </c>
      <c r="AQ31" s="8" t="s">
        <v>90</v>
      </c>
      <c r="AR31" s="76">
        <v>7</v>
      </c>
      <c r="AS31" s="76">
        <v>7</v>
      </c>
      <c r="AT31" s="76">
        <v>7.16</v>
      </c>
      <c r="AU31" s="76">
        <v>7.16</v>
      </c>
      <c r="AV31" s="76">
        <v>7.16</v>
      </c>
      <c r="AW31" s="76">
        <v>7.16</v>
      </c>
      <c r="AX31" s="8">
        <v>7.16</v>
      </c>
      <c r="AY31" s="76">
        <v>6.72</v>
      </c>
      <c r="AZ31" s="76">
        <v>6.72</v>
      </c>
      <c r="BA31" s="76">
        <v>6.72</v>
      </c>
      <c r="BB31" s="76">
        <v>6.72</v>
      </c>
      <c r="BC31" s="76">
        <v>7.2</v>
      </c>
      <c r="BD31" s="76">
        <v>7.2</v>
      </c>
    </row>
    <row r="32" spans="3:56" x14ac:dyDescent="0.2">
      <c r="C32" s="5" t="s">
        <v>136</v>
      </c>
      <c r="D32" s="6" t="s">
        <v>58</v>
      </c>
      <c r="E32" s="76">
        <v>3.21</v>
      </c>
      <c r="F32" s="76">
        <v>2.84</v>
      </c>
      <c r="G32" s="76">
        <v>2.29</v>
      </c>
      <c r="H32" s="76">
        <v>2.2799999999999998</v>
      </c>
      <c r="I32" s="76">
        <v>2.72</v>
      </c>
      <c r="J32" s="76">
        <v>2.69</v>
      </c>
      <c r="K32" s="8">
        <v>4.6100000000000003</v>
      </c>
      <c r="L32" s="8">
        <v>3.39</v>
      </c>
      <c r="M32" s="76">
        <v>2.5</v>
      </c>
      <c r="N32" s="76">
        <v>2.69</v>
      </c>
      <c r="O32" s="76">
        <v>2.84</v>
      </c>
      <c r="P32" s="8">
        <v>3.07</v>
      </c>
      <c r="Q32" s="76">
        <v>2.5099999999999998</v>
      </c>
      <c r="R32" s="76">
        <v>2.63</v>
      </c>
      <c r="S32" s="76">
        <v>1.99</v>
      </c>
      <c r="T32" s="76">
        <v>2.96</v>
      </c>
      <c r="U32" s="76">
        <v>2.2599999999999998</v>
      </c>
      <c r="V32" s="76" t="s">
        <v>111</v>
      </c>
      <c r="W32" s="62" t="s">
        <v>111</v>
      </c>
      <c r="X32" s="76" t="s">
        <v>111</v>
      </c>
      <c r="Y32" s="76" t="s">
        <v>111</v>
      </c>
      <c r="Z32" s="76" t="s">
        <v>111</v>
      </c>
      <c r="AA32" s="76" t="s">
        <v>111</v>
      </c>
      <c r="AB32" s="76" t="s">
        <v>111</v>
      </c>
      <c r="AC32" s="76" t="s">
        <v>111</v>
      </c>
      <c r="AD32" s="76">
        <v>2.89</v>
      </c>
      <c r="AE32" s="76">
        <v>2.25</v>
      </c>
      <c r="AF32" s="76">
        <v>3.02</v>
      </c>
      <c r="AG32" s="76">
        <v>3.5</v>
      </c>
      <c r="AH32" s="76">
        <v>3.14</v>
      </c>
      <c r="AI32" s="76">
        <v>2.59</v>
      </c>
      <c r="AJ32" s="76">
        <v>3.58</v>
      </c>
      <c r="AK32" s="76">
        <v>3.1</v>
      </c>
      <c r="AL32" s="76">
        <v>3.31</v>
      </c>
      <c r="AM32" s="76">
        <v>2.75</v>
      </c>
      <c r="AN32" s="76">
        <v>2.75</v>
      </c>
      <c r="AO32" s="76">
        <v>3.29</v>
      </c>
      <c r="AP32" s="8">
        <v>3.18</v>
      </c>
      <c r="AQ32" s="8">
        <v>3.72</v>
      </c>
      <c r="AR32" s="76">
        <v>3.72</v>
      </c>
      <c r="AS32" s="76">
        <v>5.04</v>
      </c>
      <c r="AT32" s="76">
        <v>5.04</v>
      </c>
      <c r="AU32" s="76">
        <v>5.4</v>
      </c>
      <c r="AV32" s="76">
        <v>5</v>
      </c>
      <c r="AW32" s="76">
        <v>4.75</v>
      </c>
      <c r="AX32" s="8">
        <v>4.95</v>
      </c>
      <c r="AY32" s="76">
        <v>4.95</v>
      </c>
      <c r="AZ32" s="76">
        <v>5</v>
      </c>
      <c r="BA32" s="76">
        <v>3.08</v>
      </c>
      <c r="BB32" s="76">
        <v>4.95</v>
      </c>
      <c r="BC32" s="76" t="s">
        <v>90</v>
      </c>
      <c r="BD32" s="76" t="s">
        <v>90</v>
      </c>
    </row>
    <row r="33" spans="3:56" x14ac:dyDescent="0.2">
      <c r="C33" s="5" t="s">
        <v>74</v>
      </c>
      <c r="D33" s="6" t="s">
        <v>58</v>
      </c>
      <c r="E33" s="76">
        <v>0.9</v>
      </c>
      <c r="F33" s="76">
        <v>0.9</v>
      </c>
      <c r="G33" s="76">
        <v>0.9</v>
      </c>
      <c r="H33" s="76">
        <v>0.9</v>
      </c>
      <c r="I33" s="76">
        <v>0.9</v>
      </c>
      <c r="J33" s="76">
        <v>0.9</v>
      </c>
      <c r="K33" s="8">
        <v>0.9</v>
      </c>
      <c r="L33" s="8">
        <v>0.9</v>
      </c>
      <c r="M33" s="76">
        <v>0.9</v>
      </c>
      <c r="N33" s="76">
        <v>0.9</v>
      </c>
      <c r="O33" s="76">
        <v>0.9</v>
      </c>
      <c r="P33" s="8">
        <v>0.9</v>
      </c>
      <c r="Q33" s="76">
        <v>0.9</v>
      </c>
      <c r="R33" s="76">
        <v>0.9</v>
      </c>
      <c r="S33" s="76">
        <v>0.9</v>
      </c>
      <c r="T33" s="76">
        <v>0.8</v>
      </c>
      <c r="U33" s="76">
        <v>0.9</v>
      </c>
      <c r="V33" s="76">
        <v>0.9</v>
      </c>
      <c r="W33" s="62">
        <v>0.9</v>
      </c>
      <c r="X33" s="76">
        <v>0.9</v>
      </c>
      <c r="Y33" s="76">
        <v>0.9</v>
      </c>
      <c r="Z33" s="76">
        <v>0.9</v>
      </c>
      <c r="AA33" s="76">
        <v>0.9</v>
      </c>
      <c r="AB33" s="76">
        <v>0.9</v>
      </c>
      <c r="AC33" s="94" t="s">
        <v>90</v>
      </c>
      <c r="AD33" s="94" t="s">
        <v>90</v>
      </c>
      <c r="AE33" s="94" t="s">
        <v>90</v>
      </c>
      <c r="AF33" s="94" t="s">
        <v>90</v>
      </c>
      <c r="AG33" s="94" t="s">
        <v>90</v>
      </c>
      <c r="AH33" s="94" t="s">
        <v>90</v>
      </c>
      <c r="AI33" s="94" t="s">
        <v>90</v>
      </c>
      <c r="AJ33" s="94" t="s">
        <v>90</v>
      </c>
      <c r="AK33" s="94" t="s">
        <v>90</v>
      </c>
      <c r="AL33" s="94" t="s">
        <v>90</v>
      </c>
      <c r="AM33" s="94" t="s">
        <v>90</v>
      </c>
      <c r="AN33" s="94" t="s">
        <v>90</v>
      </c>
      <c r="AO33" s="76">
        <v>0.71</v>
      </c>
      <c r="AP33" s="8">
        <v>0.71</v>
      </c>
      <c r="AQ33" s="8">
        <v>0.71</v>
      </c>
      <c r="AR33" s="76">
        <v>0.71</v>
      </c>
      <c r="AS33" s="76">
        <v>0.71</v>
      </c>
      <c r="AT33" s="76">
        <v>0.71</v>
      </c>
      <c r="AU33" s="76">
        <v>0.71</v>
      </c>
      <c r="AV33" s="76">
        <v>0.71</v>
      </c>
      <c r="AW33" s="76">
        <v>0.71</v>
      </c>
      <c r="AX33" s="8">
        <v>0.75</v>
      </c>
      <c r="AY33" s="76">
        <v>0.75</v>
      </c>
      <c r="AZ33" s="76">
        <v>0.75</v>
      </c>
      <c r="BA33" s="76">
        <v>0.75</v>
      </c>
      <c r="BB33" s="76">
        <v>0.8</v>
      </c>
      <c r="BC33" s="76">
        <v>0.8</v>
      </c>
      <c r="BD33" s="76">
        <v>0.8</v>
      </c>
    </row>
    <row r="34" spans="3:56" x14ac:dyDescent="0.2">
      <c r="C34" s="16" t="s">
        <v>134</v>
      </c>
      <c r="D34" s="6" t="s">
        <v>58</v>
      </c>
      <c r="E34" s="40">
        <v>0.19</v>
      </c>
      <c r="F34" s="40">
        <v>0.19</v>
      </c>
      <c r="G34" s="8">
        <v>0.19</v>
      </c>
      <c r="H34" s="40">
        <v>0.19</v>
      </c>
      <c r="I34" s="40">
        <v>0.19119500996817013</v>
      </c>
      <c r="J34" s="40">
        <v>0.21</v>
      </c>
      <c r="K34" s="8">
        <v>0.21</v>
      </c>
      <c r="L34" s="8">
        <v>0.21</v>
      </c>
      <c r="M34" s="40">
        <v>0.26</v>
      </c>
      <c r="N34" s="40">
        <v>0.31</v>
      </c>
      <c r="O34" s="40">
        <v>0.32</v>
      </c>
      <c r="P34" s="8">
        <v>0.42</v>
      </c>
      <c r="Q34" s="8">
        <v>0.43</v>
      </c>
      <c r="R34" s="8">
        <v>0.57999999999999996</v>
      </c>
      <c r="S34" s="40">
        <v>0.53</v>
      </c>
      <c r="T34" s="40">
        <v>0.47</v>
      </c>
      <c r="U34" s="40">
        <v>0.46</v>
      </c>
      <c r="V34" s="40">
        <v>0.48</v>
      </c>
      <c r="W34" s="111">
        <v>0.56000000000000005</v>
      </c>
      <c r="X34" s="40">
        <v>0.41</v>
      </c>
      <c r="Y34" s="110">
        <v>0.36</v>
      </c>
      <c r="Z34" s="8">
        <v>0.39</v>
      </c>
      <c r="AA34" s="8">
        <v>0.33</v>
      </c>
      <c r="AB34" s="8">
        <v>0.34</v>
      </c>
      <c r="AC34" s="17">
        <v>0.36</v>
      </c>
      <c r="AD34" s="17">
        <v>0.39</v>
      </c>
      <c r="AE34" s="40">
        <v>0.37</v>
      </c>
      <c r="AF34" s="40">
        <v>0.35</v>
      </c>
      <c r="AG34" s="8">
        <v>0.35</v>
      </c>
      <c r="AH34" s="40">
        <v>0.34</v>
      </c>
      <c r="AI34" s="40">
        <v>0.33</v>
      </c>
      <c r="AJ34" s="40">
        <v>0.33</v>
      </c>
      <c r="AK34" s="40">
        <v>0.33</v>
      </c>
      <c r="AL34" s="40">
        <v>0.34</v>
      </c>
      <c r="AM34" s="40">
        <v>0.32</v>
      </c>
      <c r="AN34" s="40">
        <v>0.32</v>
      </c>
      <c r="AO34" s="40">
        <v>0.32</v>
      </c>
      <c r="AP34" s="8">
        <v>0.28999999999999998</v>
      </c>
      <c r="AQ34" s="8">
        <v>0.28000000000000003</v>
      </c>
      <c r="AR34" s="76">
        <v>0.28000000000000003</v>
      </c>
      <c r="AS34" s="8">
        <v>0.24948269841368464</v>
      </c>
      <c r="AT34" s="8">
        <v>0.216992496121719</v>
      </c>
      <c r="AU34" s="40">
        <v>0.21</v>
      </c>
      <c r="AV34" s="8">
        <v>0.23</v>
      </c>
      <c r="AW34" s="8">
        <v>0.22</v>
      </c>
      <c r="AX34" s="8">
        <v>0.22</v>
      </c>
      <c r="AY34" s="40">
        <v>0.23</v>
      </c>
      <c r="AZ34" s="8">
        <v>0.26</v>
      </c>
      <c r="BA34" s="8">
        <v>0.28000000000000003</v>
      </c>
      <c r="BB34" s="8">
        <v>0.28000000000000003</v>
      </c>
      <c r="BC34" s="40">
        <v>0.27</v>
      </c>
      <c r="BD34" s="40">
        <v>0.27</v>
      </c>
    </row>
    <row r="35" spans="3:56" x14ac:dyDescent="0.2">
      <c r="C35" s="89" t="s">
        <v>79</v>
      </c>
      <c r="D35" s="6" t="s">
        <v>58</v>
      </c>
      <c r="E35" s="40">
        <v>0.36</v>
      </c>
      <c r="F35" s="40">
        <v>0.37</v>
      </c>
      <c r="G35" s="8">
        <v>0.38</v>
      </c>
      <c r="H35" s="40">
        <v>0.4</v>
      </c>
      <c r="I35" s="40">
        <v>0.39792434339474719</v>
      </c>
      <c r="J35" s="40">
        <v>0.4</v>
      </c>
      <c r="K35" s="8">
        <v>0.4</v>
      </c>
      <c r="L35" s="8">
        <v>0.43</v>
      </c>
      <c r="M35" s="40">
        <v>0.42</v>
      </c>
      <c r="N35" s="40">
        <v>0.41</v>
      </c>
      <c r="O35" s="40">
        <v>0.42</v>
      </c>
      <c r="P35" s="8">
        <v>0.46</v>
      </c>
      <c r="Q35" s="8">
        <v>0.46</v>
      </c>
      <c r="R35" s="8">
        <v>0.46</v>
      </c>
      <c r="S35" s="40">
        <v>0.45</v>
      </c>
      <c r="T35" s="40">
        <v>0.41</v>
      </c>
      <c r="U35" s="40">
        <v>0.39</v>
      </c>
      <c r="V35" s="40">
        <v>0.4</v>
      </c>
      <c r="W35" s="111">
        <v>0.41</v>
      </c>
      <c r="X35" s="40">
        <v>0.42</v>
      </c>
      <c r="Y35" s="110">
        <v>0.42</v>
      </c>
      <c r="Z35" s="8">
        <v>0.41</v>
      </c>
      <c r="AA35" s="8">
        <v>0.45</v>
      </c>
      <c r="AB35" s="8">
        <v>0.44</v>
      </c>
      <c r="AC35" s="17">
        <v>0.45</v>
      </c>
      <c r="AD35" s="17">
        <v>0.46</v>
      </c>
      <c r="AE35" s="40">
        <v>0.46</v>
      </c>
      <c r="AF35" s="40">
        <v>0.53</v>
      </c>
      <c r="AG35" s="8">
        <v>0.53</v>
      </c>
      <c r="AH35" s="40">
        <v>0.53</v>
      </c>
      <c r="AI35" s="40">
        <v>0.53</v>
      </c>
      <c r="AJ35" s="40">
        <v>0.55000000000000004</v>
      </c>
      <c r="AK35" s="40">
        <v>0.54</v>
      </c>
      <c r="AL35" s="40">
        <v>0.51</v>
      </c>
      <c r="AM35" s="40">
        <v>0.51</v>
      </c>
      <c r="AN35" s="40">
        <v>0.48</v>
      </c>
      <c r="AO35" s="40">
        <v>0.47</v>
      </c>
      <c r="AP35" s="8">
        <v>0.44</v>
      </c>
      <c r="AQ35" s="8">
        <v>0.41</v>
      </c>
      <c r="AR35" s="76">
        <v>0.39</v>
      </c>
      <c r="AS35" s="8">
        <v>0.39588891367387907</v>
      </c>
      <c r="AT35" s="8">
        <v>0.45142538478697297</v>
      </c>
      <c r="AU35" s="40">
        <v>0.46</v>
      </c>
      <c r="AV35" s="8">
        <v>0.49</v>
      </c>
      <c r="AW35" s="8">
        <v>0.48</v>
      </c>
      <c r="AX35" s="8">
        <v>0.48</v>
      </c>
      <c r="AY35" s="40">
        <v>0.46</v>
      </c>
      <c r="AZ35" s="8">
        <v>0.46</v>
      </c>
      <c r="BA35" s="8">
        <v>0.47</v>
      </c>
      <c r="BB35" s="8">
        <v>0.49</v>
      </c>
      <c r="BC35" s="40">
        <v>0.45</v>
      </c>
      <c r="BD35" s="40">
        <v>0.45</v>
      </c>
    </row>
    <row r="36" spans="3:56" x14ac:dyDescent="0.2">
      <c r="C36" s="89" t="s">
        <v>80</v>
      </c>
      <c r="D36" s="6" t="s">
        <v>58</v>
      </c>
      <c r="E36" s="40">
        <v>0.52</v>
      </c>
      <c r="F36" s="40">
        <v>0.53</v>
      </c>
      <c r="G36" s="8">
        <v>0.47</v>
      </c>
      <c r="H36" s="40">
        <v>0.34</v>
      </c>
      <c r="I36" s="40">
        <v>0.3434189715492772</v>
      </c>
      <c r="J36" s="40">
        <v>0.21</v>
      </c>
      <c r="K36" s="8">
        <v>0.27</v>
      </c>
      <c r="L36" s="8">
        <v>0.25</v>
      </c>
      <c r="M36" s="40">
        <v>0.34</v>
      </c>
      <c r="N36" s="40">
        <v>0.42</v>
      </c>
      <c r="O36" s="40">
        <v>0.31</v>
      </c>
      <c r="P36" s="8">
        <v>0.2</v>
      </c>
      <c r="Q36" s="8">
        <v>0.14000000000000001</v>
      </c>
      <c r="R36" s="8">
        <v>0.18</v>
      </c>
      <c r="S36" s="40">
        <v>0.22</v>
      </c>
      <c r="T36" s="40">
        <v>0.21</v>
      </c>
      <c r="U36" s="40">
        <v>0.32</v>
      </c>
      <c r="V36" s="40">
        <v>0.37</v>
      </c>
      <c r="W36" s="111">
        <v>0.47</v>
      </c>
      <c r="X36" s="40">
        <v>0.28000000000000003</v>
      </c>
      <c r="Y36" s="110">
        <v>0.2</v>
      </c>
      <c r="Z36" s="8">
        <v>0.22</v>
      </c>
      <c r="AA36" s="8">
        <v>0.27</v>
      </c>
      <c r="AB36" s="8">
        <v>0.23</v>
      </c>
      <c r="AC36" s="17">
        <v>0.33</v>
      </c>
      <c r="AD36" s="17">
        <v>0.3</v>
      </c>
      <c r="AE36" s="40">
        <v>0.32</v>
      </c>
      <c r="AF36" s="40">
        <v>0.36</v>
      </c>
      <c r="AG36" s="8">
        <v>0.33</v>
      </c>
      <c r="AH36" s="40">
        <v>0.34</v>
      </c>
      <c r="AI36" s="40">
        <v>0.42</v>
      </c>
      <c r="AJ36" s="40">
        <v>0.46</v>
      </c>
      <c r="AK36" s="40">
        <v>0.51</v>
      </c>
      <c r="AL36" s="40">
        <v>0.53</v>
      </c>
      <c r="AM36" s="40">
        <v>0.4</v>
      </c>
      <c r="AN36" s="40">
        <v>0.3</v>
      </c>
      <c r="AO36" s="40">
        <v>0.2</v>
      </c>
      <c r="AP36" s="8">
        <v>0.18</v>
      </c>
      <c r="AQ36" s="8">
        <v>0.15</v>
      </c>
      <c r="AR36" s="76">
        <v>0.23</v>
      </c>
      <c r="AS36" s="8">
        <v>0.27709490639965167</v>
      </c>
      <c r="AT36" s="8">
        <v>0.35768306486721807</v>
      </c>
      <c r="AU36" s="40">
        <v>0.24</v>
      </c>
      <c r="AV36" s="8">
        <v>0.24</v>
      </c>
      <c r="AW36" s="8">
        <v>0.71</v>
      </c>
      <c r="AX36" s="8">
        <v>0.77</v>
      </c>
      <c r="AY36" s="40">
        <v>0.74</v>
      </c>
      <c r="AZ36" s="8">
        <v>0.81</v>
      </c>
      <c r="BA36" s="8">
        <v>1.07</v>
      </c>
      <c r="BB36" s="8">
        <v>1.2</v>
      </c>
      <c r="BC36" s="40">
        <v>1.77</v>
      </c>
      <c r="BD36" s="116">
        <v>1.1200000000000001</v>
      </c>
    </row>
    <row r="37" spans="3:56" x14ac:dyDescent="0.2">
      <c r="C37" s="16" t="s">
        <v>122</v>
      </c>
      <c r="D37" s="6" t="s">
        <v>58</v>
      </c>
      <c r="E37" s="40">
        <v>0.3</v>
      </c>
      <c r="F37" s="40">
        <v>0.31</v>
      </c>
      <c r="G37" s="8">
        <v>0.33</v>
      </c>
      <c r="H37" s="40">
        <v>0.33</v>
      </c>
      <c r="I37" s="40">
        <v>0.32737512658848122</v>
      </c>
      <c r="J37" s="40">
        <v>0.33</v>
      </c>
      <c r="K37" s="8">
        <v>0.36</v>
      </c>
      <c r="L37" s="8">
        <v>0.39</v>
      </c>
      <c r="M37" s="40">
        <v>0.43</v>
      </c>
      <c r="N37" s="40">
        <v>0.45</v>
      </c>
      <c r="O37" s="40">
        <v>0.41</v>
      </c>
      <c r="P37" s="8">
        <v>0.41</v>
      </c>
      <c r="Q37" s="8">
        <v>0.41</v>
      </c>
      <c r="R37" s="8">
        <v>0.43</v>
      </c>
      <c r="S37" s="40">
        <v>0.41</v>
      </c>
      <c r="T37" s="40">
        <v>0.38</v>
      </c>
      <c r="U37" s="40">
        <v>0.34</v>
      </c>
      <c r="V37" s="40">
        <v>0.35</v>
      </c>
      <c r="W37" s="111">
        <v>0.34</v>
      </c>
      <c r="X37" s="40">
        <v>0.34</v>
      </c>
      <c r="Y37" s="110">
        <v>0.37</v>
      </c>
      <c r="Z37" s="8">
        <v>0.35</v>
      </c>
      <c r="AA37" s="8">
        <v>0.3</v>
      </c>
      <c r="AB37" s="8">
        <v>0.28999999999999998</v>
      </c>
      <c r="AC37" s="17">
        <v>0.28999999999999998</v>
      </c>
      <c r="AD37" s="17">
        <v>0.28999999999999998</v>
      </c>
      <c r="AE37" s="40">
        <v>0.27</v>
      </c>
      <c r="AF37" s="40">
        <v>0.24</v>
      </c>
      <c r="AG37" s="8">
        <v>0.2</v>
      </c>
      <c r="AH37" s="40">
        <v>0.17</v>
      </c>
      <c r="AI37" s="40">
        <v>0.19</v>
      </c>
      <c r="AJ37" s="40">
        <v>0.19</v>
      </c>
      <c r="AK37" s="40">
        <v>0.2</v>
      </c>
      <c r="AL37" s="40">
        <v>0.19</v>
      </c>
      <c r="AM37" s="40">
        <v>0.16</v>
      </c>
      <c r="AN37" s="40">
        <v>0.14000000000000001</v>
      </c>
      <c r="AO37" s="40">
        <v>0.13</v>
      </c>
      <c r="AP37" s="8">
        <v>0.14000000000000001</v>
      </c>
      <c r="AQ37" s="8">
        <v>0.14000000000000001</v>
      </c>
      <c r="AR37" s="76">
        <v>0.14000000000000001</v>
      </c>
      <c r="AS37" s="8">
        <v>0.13220810182579154</v>
      </c>
      <c r="AT37" s="8">
        <v>0.13160793089418171</v>
      </c>
      <c r="AU37" s="40">
        <v>0.14000000000000001</v>
      </c>
      <c r="AV37" s="8">
        <v>0.11</v>
      </c>
      <c r="AW37" s="8">
        <v>0.09</v>
      </c>
      <c r="AX37" s="8">
        <v>0.09</v>
      </c>
      <c r="AY37" s="40">
        <v>0.09</v>
      </c>
      <c r="AZ37" s="8">
        <v>0.11</v>
      </c>
      <c r="BA37" s="8">
        <v>0.11</v>
      </c>
      <c r="BB37" s="8">
        <v>0.11</v>
      </c>
      <c r="BC37" s="40">
        <v>0.11</v>
      </c>
      <c r="BD37" s="40">
        <v>0.1</v>
      </c>
    </row>
    <row r="38" spans="3:56" x14ac:dyDescent="0.2">
      <c r="C38" s="16" t="s">
        <v>82</v>
      </c>
      <c r="D38" s="6" t="s">
        <v>58</v>
      </c>
      <c r="E38" s="40">
        <v>2.16</v>
      </c>
      <c r="F38" s="40">
        <v>2.2999999999999998</v>
      </c>
      <c r="G38" s="8">
        <v>2.15</v>
      </c>
      <c r="H38" s="40">
        <v>1.9</v>
      </c>
      <c r="I38" s="40">
        <v>1.8972585586515307</v>
      </c>
      <c r="J38" s="40">
        <v>1.83</v>
      </c>
      <c r="K38" s="8">
        <v>1.64</v>
      </c>
      <c r="L38" s="8">
        <v>1.78</v>
      </c>
      <c r="M38" s="40">
        <v>1.99</v>
      </c>
      <c r="N38" s="40">
        <v>1.92</v>
      </c>
      <c r="O38" s="40">
        <v>1.97</v>
      </c>
      <c r="P38" s="8">
        <v>1.63</v>
      </c>
      <c r="Q38" s="8">
        <v>1.59</v>
      </c>
      <c r="R38" s="8">
        <v>1.9</v>
      </c>
      <c r="S38" s="40">
        <v>1.93</v>
      </c>
      <c r="T38" s="40">
        <v>1.92</v>
      </c>
      <c r="U38" s="40">
        <v>1.93</v>
      </c>
      <c r="V38" s="40">
        <v>1.9</v>
      </c>
      <c r="W38" s="111">
        <v>1.91</v>
      </c>
      <c r="X38" s="40">
        <v>1.69</v>
      </c>
      <c r="Y38" s="110">
        <v>1.53</v>
      </c>
      <c r="Z38" s="8">
        <v>1.53</v>
      </c>
      <c r="AA38" s="8">
        <v>1.25</v>
      </c>
      <c r="AB38" s="8">
        <v>1.2</v>
      </c>
      <c r="AC38" s="17">
        <v>1.26</v>
      </c>
      <c r="AD38" s="17">
        <v>1.77</v>
      </c>
      <c r="AE38" s="40">
        <v>1.88</v>
      </c>
      <c r="AF38" s="40">
        <v>1.67</v>
      </c>
      <c r="AG38" s="8">
        <v>1.59</v>
      </c>
      <c r="AH38" s="40">
        <v>2.08</v>
      </c>
      <c r="AI38" s="40">
        <v>1.8</v>
      </c>
      <c r="AJ38" s="40">
        <v>1.58</v>
      </c>
      <c r="AK38" s="40">
        <v>1.41</v>
      </c>
      <c r="AL38" s="40">
        <v>1.6</v>
      </c>
      <c r="AM38" s="40">
        <v>1.96</v>
      </c>
      <c r="AN38" s="40">
        <v>2.0699999999999998</v>
      </c>
      <c r="AO38" s="40">
        <v>2.2200000000000002</v>
      </c>
      <c r="AP38" s="8">
        <v>2.4700000000000002</v>
      </c>
      <c r="AQ38" s="8">
        <v>2.67</v>
      </c>
      <c r="AR38" s="76">
        <v>2.63</v>
      </c>
      <c r="AS38" s="8">
        <v>2.39</v>
      </c>
      <c r="AT38" s="8">
        <v>2.2038136370954757</v>
      </c>
      <c r="AU38" s="40">
        <v>1.67</v>
      </c>
      <c r="AV38" s="8">
        <v>1.19</v>
      </c>
      <c r="AW38" s="8">
        <v>1.56</v>
      </c>
      <c r="AX38" s="8">
        <v>1.85</v>
      </c>
      <c r="AY38" s="40">
        <v>2.13</v>
      </c>
      <c r="AZ38" s="8">
        <v>2.0699999999999998</v>
      </c>
      <c r="BA38" s="8">
        <v>1.86</v>
      </c>
      <c r="BB38" s="8">
        <v>1.64</v>
      </c>
      <c r="BC38" s="40">
        <v>1.68</v>
      </c>
      <c r="BD38" s="40">
        <v>1.49</v>
      </c>
    </row>
    <row r="39" spans="3:56" x14ac:dyDescent="0.2">
      <c r="C39" s="16" t="s">
        <v>84</v>
      </c>
      <c r="D39" s="6" t="s">
        <v>85</v>
      </c>
      <c r="E39" s="40">
        <v>0.11</v>
      </c>
      <c r="F39" s="40">
        <v>0.12</v>
      </c>
      <c r="G39" s="8">
        <v>0.11</v>
      </c>
      <c r="H39" s="40">
        <v>0.13</v>
      </c>
      <c r="I39" s="40">
        <v>0.13133052733576586</v>
      </c>
      <c r="J39" s="40">
        <v>0.13</v>
      </c>
      <c r="K39" s="8">
        <v>0.15</v>
      </c>
      <c r="L39" s="8">
        <v>0.17</v>
      </c>
      <c r="M39" s="40">
        <v>0.16</v>
      </c>
      <c r="N39" s="40">
        <v>0.18</v>
      </c>
      <c r="O39" s="40">
        <v>0.25</v>
      </c>
      <c r="P39" s="8">
        <v>0.39</v>
      </c>
      <c r="Q39" s="8">
        <v>0.34</v>
      </c>
      <c r="R39" s="8">
        <v>0.28999999999999998</v>
      </c>
      <c r="S39" s="40">
        <v>0.23</v>
      </c>
      <c r="T39" s="40">
        <v>0.28999999999999998</v>
      </c>
      <c r="U39" s="40">
        <v>0.31</v>
      </c>
      <c r="V39" s="40">
        <v>0.34</v>
      </c>
      <c r="W39" s="111">
        <v>0.28000000000000003</v>
      </c>
      <c r="X39" s="40">
        <v>0.28000000000000003</v>
      </c>
      <c r="Y39" s="110">
        <v>0.27</v>
      </c>
      <c r="Z39" s="8">
        <v>0.27</v>
      </c>
      <c r="AA39" s="8">
        <v>0.27</v>
      </c>
      <c r="AB39" s="8">
        <v>0.27</v>
      </c>
      <c r="AC39" s="17">
        <v>0.22</v>
      </c>
      <c r="AD39" s="17">
        <v>0.25</v>
      </c>
      <c r="AE39" s="40">
        <v>0.27</v>
      </c>
      <c r="AF39" s="40">
        <v>0.32</v>
      </c>
      <c r="AG39" s="8">
        <v>0.32</v>
      </c>
      <c r="AH39" s="40">
        <v>0.3</v>
      </c>
      <c r="AI39" s="40">
        <v>0.27</v>
      </c>
      <c r="AJ39" s="40">
        <v>0.24</v>
      </c>
      <c r="AK39" s="40">
        <v>0.24</v>
      </c>
      <c r="AL39" s="40">
        <v>0.24</v>
      </c>
      <c r="AM39" s="40">
        <v>0.2</v>
      </c>
      <c r="AN39" s="40">
        <v>0.22</v>
      </c>
      <c r="AO39" s="40">
        <v>0.23</v>
      </c>
      <c r="AP39" s="8">
        <v>0.22</v>
      </c>
      <c r="AQ39" s="8">
        <v>0.24</v>
      </c>
      <c r="AR39" s="76">
        <v>0.26</v>
      </c>
      <c r="AS39" s="8">
        <v>0.27185685685685684</v>
      </c>
      <c r="AT39" s="8">
        <v>0.26577224283106637</v>
      </c>
      <c r="AU39" s="40">
        <v>0.26</v>
      </c>
      <c r="AV39" s="8">
        <v>0.22</v>
      </c>
      <c r="AW39" s="8">
        <v>0.18</v>
      </c>
      <c r="AX39" s="8">
        <v>0.19</v>
      </c>
      <c r="AY39" s="40">
        <v>0.2</v>
      </c>
      <c r="AZ39" s="8">
        <v>0.2</v>
      </c>
      <c r="BA39" s="8">
        <v>0.2</v>
      </c>
      <c r="BB39" s="8">
        <v>0.19</v>
      </c>
      <c r="BC39" s="40">
        <v>0.22</v>
      </c>
      <c r="BD39" s="40">
        <v>0.21</v>
      </c>
    </row>
    <row r="40" spans="3:56" x14ac:dyDescent="0.2">
      <c r="C40" s="16" t="s">
        <v>118</v>
      </c>
      <c r="D40" s="6" t="s">
        <v>58</v>
      </c>
      <c r="E40" s="40">
        <v>0.54</v>
      </c>
      <c r="F40" s="40">
        <v>0.41</v>
      </c>
      <c r="G40" s="8">
        <v>0.39</v>
      </c>
      <c r="H40" s="40">
        <v>0.48</v>
      </c>
      <c r="I40" s="40">
        <v>0.48345890134529151</v>
      </c>
      <c r="J40" s="40">
        <v>0.62</v>
      </c>
      <c r="K40" s="8">
        <v>0.63</v>
      </c>
      <c r="L40" s="8">
        <v>0.64</v>
      </c>
      <c r="M40" s="40">
        <v>0.85</v>
      </c>
      <c r="N40" s="40">
        <v>1.28</v>
      </c>
      <c r="O40" s="40">
        <v>1.31</v>
      </c>
      <c r="P40" s="8">
        <v>1.46</v>
      </c>
      <c r="Q40" s="8">
        <v>1.28</v>
      </c>
      <c r="R40" s="8">
        <v>1.06</v>
      </c>
      <c r="S40" s="40">
        <v>0.84</v>
      </c>
      <c r="T40" s="40">
        <v>0.68</v>
      </c>
      <c r="U40" s="40">
        <v>0.65</v>
      </c>
      <c r="V40" s="40">
        <v>0.66</v>
      </c>
      <c r="W40" s="111">
        <v>0.61</v>
      </c>
      <c r="X40" s="40">
        <v>0.54</v>
      </c>
      <c r="Y40" s="110">
        <v>0.46</v>
      </c>
      <c r="Z40" s="8">
        <v>0.49</v>
      </c>
      <c r="AA40" s="8">
        <v>0.57999999999999996</v>
      </c>
      <c r="AB40" s="8">
        <v>0.56000000000000005</v>
      </c>
      <c r="AC40" s="17">
        <v>0.53</v>
      </c>
      <c r="AD40" s="17">
        <v>0.52</v>
      </c>
      <c r="AE40" s="40">
        <v>0.74</v>
      </c>
      <c r="AF40" s="40">
        <v>0.72</v>
      </c>
      <c r="AG40" s="8">
        <v>0.7</v>
      </c>
      <c r="AH40" s="40">
        <v>0.67</v>
      </c>
      <c r="AI40" s="40">
        <v>0.53</v>
      </c>
      <c r="AJ40" s="40">
        <v>0.46</v>
      </c>
      <c r="AK40" s="40">
        <v>0.47</v>
      </c>
      <c r="AL40" s="40">
        <v>0.43</v>
      </c>
      <c r="AM40" s="40">
        <v>0.41</v>
      </c>
      <c r="AN40" s="40">
        <v>0.49</v>
      </c>
      <c r="AO40" s="40">
        <v>0.55000000000000004</v>
      </c>
      <c r="AP40" s="8">
        <v>0.61</v>
      </c>
      <c r="AQ40" s="8">
        <v>0.71</v>
      </c>
      <c r="AR40" s="76">
        <v>0.69</v>
      </c>
      <c r="AS40" s="8">
        <v>0.6978782858191519</v>
      </c>
      <c r="AT40" s="8">
        <v>0.61113408656607915</v>
      </c>
      <c r="AU40" s="40">
        <v>0.51</v>
      </c>
      <c r="AV40" s="8">
        <v>0.62</v>
      </c>
      <c r="AW40" s="8">
        <v>0.44</v>
      </c>
      <c r="AX40" s="8">
        <v>0.37</v>
      </c>
      <c r="AY40" s="40">
        <v>0.52</v>
      </c>
      <c r="AZ40" s="8">
        <v>0.55000000000000004</v>
      </c>
      <c r="BA40" s="8">
        <v>0.81</v>
      </c>
      <c r="BB40" s="8">
        <v>0.92</v>
      </c>
      <c r="BC40" s="40">
        <v>0.9</v>
      </c>
      <c r="BD40" s="40">
        <v>0.86</v>
      </c>
    </row>
    <row r="41" spans="3:56" x14ac:dyDescent="0.2">
      <c r="C41" s="16" t="s">
        <v>104</v>
      </c>
      <c r="D41" s="6" t="s">
        <v>58</v>
      </c>
      <c r="E41" s="40">
        <v>0.38</v>
      </c>
      <c r="F41" s="40">
        <v>0.33</v>
      </c>
      <c r="G41" s="8">
        <v>0.32</v>
      </c>
      <c r="H41" s="40">
        <v>0.34</v>
      </c>
      <c r="I41" s="40">
        <v>0.34147934186471657</v>
      </c>
      <c r="J41" s="40">
        <v>0.48</v>
      </c>
      <c r="K41" s="8">
        <v>0.41</v>
      </c>
      <c r="L41" s="8">
        <v>0.5</v>
      </c>
      <c r="M41" s="40">
        <v>0.56999999999999995</v>
      </c>
      <c r="N41" s="40">
        <v>0.62</v>
      </c>
      <c r="O41" s="40">
        <v>0.62</v>
      </c>
      <c r="P41" s="8">
        <v>0.61</v>
      </c>
      <c r="Q41" s="8">
        <v>0.53</v>
      </c>
      <c r="R41" s="8">
        <v>0.48</v>
      </c>
      <c r="S41" s="40">
        <v>0.47</v>
      </c>
      <c r="T41" s="40">
        <v>0.38</v>
      </c>
      <c r="U41" s="40">
        <v>0.33</v>
      </c>
      <c r="V41" s="40">
        <v>0.38</v>
      </c>
      <c r="W41" s="111">
        <v>0.35</v>
      </c>
      <c r="X41" s="40">
        <v>0.31</v>
      </c>
      <c r="Y41" s="110">
        <v>0.31</v>
      </c>
      <c r="Z41" s="8">
        <v>0.28000000000000003</v>
      </c>
      <c r="AA41" s="8">
        <v>0.34</v>
      </c>
      <c r="AB41" s="8">
        <v>0.37</v>
      </c>
      <c r="AC41" s="17">
        <v>0.36</v>
      </c>
      <c r="AD41" s="17">
        <v>0.37</v>
      </c>
      <c r="AE41" s="40">
        <v>0.41</v>
      </c>
      <c r="AF41" s="40">
        <v>0.46</v>
      </c>
      <c r="AG41" s="8">
        <v>0.5</v>
      </c>
      <c r="AH41" s="40">
        <v>0.61</v>
      </c>
      <c r="AI41" s="40">
        <v>0.63</v>
      </c>
      <c r="AJ41" s="40">
        <v>0.59</v>
      </c>
      <c r="AK41" s="40">
        <v>0.68</v>
      </c>
      <c r="AL41" s="40">
        <v>0.75</v>
      </c>
      <c r="AM41" s="40">
        <v>0.67</v>
      </c>
      <c r="AN41" s="40">
        <v>0.6</v>
      </c>
      <c r="AO41" s="40">
        <v>0.52</v>
      </c>
      <c r="AP41" s="8">
        <v>0.56000000000000005</v>
      </c>
      <c r="AQ41" s="8">
        <v>0.61</v>
      </c>
      <c r="AR41" s="76">
        <v>0.6</v>
      </c>
      <c r="AS41" s="8">
        <v>0.605482808651992</v>
      </c>
      <c r="AT41" s="8">
        <v>0.68334987877283737</v>
      </c>
      <c r="AU41" s="40">
        <v>0.62</v>
      </c>
      <c r="AV41" s="8">
        <v>0.56000000000000005</v>
      </c>
      <c r="AW41" s="8">
        <v>0.41</v>
      </c>
      <c r="AX41" s="8">
        <v>0.44</v>
      </c>
      <c r="AY41" s="40">
        <v>0.54</v>
      </c>
      <c r="AZ41" s="8">
        <v>0.78</v>
      </c>
      <c r="BA41" s="8">
        <v>0.86</v>
      </c>
      <c r="BB41" s="8">
        <v>0.67</v>
      </c>
      <c r="BC41" s="40">
        <v>0.66</v>
      </c>
      <c r="BD41" s="40">
        <v>0.59</v>
      </c>
    </row>
    <row r="42" spans="3:56" x14ac:dyDescent="0.2">
      <c r="C42" s="16" t="s">
        <v>87</v>
      </c>
      <c r="D42" s="6" t="s">
        <v>58</v>
      </c>
      <c r="E42" s="40">
        <v>0.15</v>
      </c>
      <c r="F42" s="40">
        <v>0.15</v>
      </c>
      <c r="G42" s="8">
        <v>0.15</v>
      </c>
      <c r="H42" s="40">
        <v>0.14000000000000001</v>
      </c>
      <c r="I42" s="40">
        <v>0.14187106204949848</v>
      </c>
      <c r="J42" s="40">
        <v>0.14000000000000001</v>
      </c>
      <c r="K42" s="8">
        <v>0.12</v>
      </c>
      <c r="L42" s="8">
        <v>0.12</v>
      </c>
      <c r="M42" s="40">
        <v>0.15</v>
      </c>
      <c r="N42" s="40">
        <v>0.2</v>
      </c>
      <c r="O42" s="40">
        <v>0.2</v>
      </c>
      <c r="P42" s="8">
        <v>0.2</v>
      </c>
      <c r="Q42" s="8">
        <v>0.2</v>
      </c>
      <c r="R42" s="8">
        <v>0.25</v>
      </c>
      <c r="S42" s="40">
        <v>0.25</v>
      </c>
      <c r="T42" s="40">
        <v>0.25</v>
      </c>
      <c r="U42" s="40">
        <v>0.25</v>
      </c>
      <c r="V42" s="40">
        <v>0.25</v>
      </c>
      <c r="W42" s="111">
        <v>0.3</v>
      </c>
      <c r="X42" s="40">
        <v>0.37</v>
      </c>
      <c r="Y42" s="110">
        <v>0.35</v>
      </c>
      <c r="Z42" s="8">
        <v>0.32</v>
      </c>
      <c r="AA42" s="8">
        <v>0.3</v>
      </c>
      <c r="AB42" s="8">
        <v>0.3</v>
      </c>
      <c r="AC42" s="17">
        <v>0.3</v>
      </c>
      <c r="AD42" s="17">
        <v>0.3</v>
      </c>
      <c r="AE42" s="40" t="s">
        <v>90</v>
      </c>
      <c r="AF42" s="40">
        <v>0.16</v>
      </c>
      <c r="AG42" s="8">
        <v>0.16</v>
      </c>
      <c r="AH42" s="40">
        <v>0.16</v>
      </c>
      <c r="AI42" s="40">
        <v>0.18</v>
      </c>
      <c r="AJ42" s="40">
        <v>0.18</v>
      </c>
      <c r="AK42" s="40">
        <v>0.16</v>
      </c>
      <c r="AL42" s="40">
        <v>0.16</v>
      </c>
      <c r="AM42" s="40">
        <v>0.16</v>
      </c>
      <c r="AN42" s="40">
        <v>0.15</v>
      </c>
      <c r="AO42" s="40">
        <v>0.15</v>
      </c>
      <c r="AP42" s="8">
        <v>0.15</v>
      </c>
      <c r="AQ42" s="8">
        <v>0.15</v>
      </c>
      <c r="AR42" s="76">
        <v>0.15</v>
      </c>
      <c r="AS42" s="8">
        <v>0.13653791919563485</v>
      </c>
      <c r="AT42" s="8">
        <v>0.13653791919563485</v>
      </c>
      <c r="AU42" s="40">
        <v>0.14000000000000001</v>
      </c>
      <c r="AV42" s="8">
        <v>0.14000000000000001</v>
      </c>
      <c r="AW42" s="8">
        <v>0.14000000000000001</v>
      </c>
      <c r="AX42" s="8">
        <v>0.12</v>
      </c>
      <c r="AY42" s="40">
        <v>0.12</v>
      </c>
      <c r="AZ42" s="8">
        <v>0.13</v>
      </c>
      <c r="BA42" s="8">
        <v>0.13</v>
      </c>
      <c r="BB42" s="8">
        <v>0.13</v>
      </c>
      <c r="BC42" s="40">
        <v>0.13</v>
      </c>
      <c r="BD42" s="40">
        <v>0.13</v>
      </c>
    </row>
    <row r="43" spans="3:56" x14ac:dyDescent="0.2">
      <c r="C43" s="16" t="s">
        <v>88</v>
      </c>
      <c r="D43" s="6" t="s">
        <v>58</v>
      </c>
      <c r="E43" s="40">
        <v>0.55000000000000004</v>
      </c>
      <c r="F43" s="40">
        <v>0.55000000000000004</v>
      </c>
      <c r="G43" s="8">
        <v>0.57999999999999996</v>
      </c>
      <c r="H43" s="40">
        <v>0.6</v>
      </c>
      <c r="I43" s="40">
        <v>0.59555123713597546</v>
      </c>
      <c r="J43" s="40">
        <v>0.61</v>
      </c>
      <c r="K43" s="8">
        <v>0.62</v>
      </c>
      <c r="L43" s="8">
        <v>0.66</v>
      </c>
      <c r="M43" s="40">
        <v>0.66</v>
      </c>
      <c r="N43" s="40">
        <v>0.67</v>
      </c>
      <c r="O43" s="40">
        <v>0.67</v>
      </c>
      <c r="P43" s="8">
        <v>0.67</v>
      </c>
      <c r="Q43" s="8">
        <v>0.86</v>
      </c>
      <c r="R43" s="8">
        <v>0.9</v>
      </c>
      <c r="S43" s="40">
        <v>0.98</v>
      </c>
      <c r="T43" s="40">
        <v>1.07</v>
      </c>
      <c r="U43" s="40">
        <v>1.08</v>
      </c>
      <c r="V43" s="40">
        <v>1.1000000000000001</v>
      </c>
      <c r="W43" s="111" t="s">
        <v>90</v>
      </c>
      <c r="X43" s="40">
        <v>1.21</v>
      </c>
      <c r="Y43" s="110">
        <v>1.21</v>
      </c>
      <c r="Z43" s="8">
        <v>1.27</v>
      </c>
      <c r="AA43" s="8">
        <v>1.27</v>
      </c>
      <c r="AB43" s="8">
        <v>1.1399999999999999</v>
      </c>
      <c r="AC43" s="17">
        <v>1.1200000000000001</v>
      </c>
      <c r="AD43" s="17">
        <v>1.17</v>
      </c>
      <c r="AE43" s="40">
        <v>1.07</v>
      </c>
      <c r="AF43" s="40">
        <v>0.98</v>
      </c>
      <c r="AG43" s="8">
        <v>0.9</v>
      </c>
      <c r="AH43" s="40">
        <v>0.9</v>
      </c>
      <c r="AI43" s="40">
        <v>0.95</v>
      </c>
      <c r="AJ43" s="40">
        <v>1</v>
      </c>
      <c r="AK43" s="40">
        <v>1</v>
      </c>
      <c r="AL43" s="40">
        <v>1</v>
      </c>
      <c r="AM43" s="40" t="s">
        <v>90</v>
      </c>
      <c r="AN43" s="40">
        <v>0.9</v>
      </c>
      <c r="AO43" s="40">
        <v>0.78</v>
      </c>
      <c r="AP43" s="8">
        <v>0.75</v>
      </c>
      <c r="AQ43" s="8">
        <v>0.69</v>
      </c>
      <c r="AR43" s="76">
        <v>0.69</v>
      </c>
      <c r="AS43" s="8">
        <v>0.6560715194301342</v>
      </c>
      <c r="AT43" s="8">
        <v>0.6200252814348407</v>
      </c>
      <c r="AU43" s="40">
        <v>0.53</v>
      </c>
      <c r="AV43" s="8">
        <v>0.5</v>
      </c>
      <c r="AW43" s="8">
        <v>0.44</v>
      </c>
      <c r="AX43" s="8">
        <v>0.41</v>
      </c>
      <c r="AY43" s="40">
        <v>0.35</v>
      </c>
      <c r="AZ43" s="8">
        <v>0.33</v>
      </c>
      <c r="BA43" s="8">
        <v>0.32</v>
      </c>
      <c r="BB43" s="8">
        <v>0.3</v>
      </c>
      <c r="BC43" s="40">
        <v>0.3</v>
      </c>
      <c r="BD43" s="40">
        <v>0.28999999999999998</v>
      </c>
    </row>
    <row r="44" spans="3:56" x14ac:dyDescent="0.2">
      <c r="C44" s="18" t="s">
        <v>123</v>
      </c>
      <c r="D44" s="6" t="s">
        <v>58</v>
      </c>
      <c r="E44" s="94">
        <v>0.28000000000000003</v>
      </c>
      <c r="F44" s="94">
        <v>0.31</v>
      </c>
      <c r="G44" s="8">
        <v>0.35</v>
      </c>
      <c r="H44" s="94">
        <v>0.32</v>
      </c>
      <c r="I44" s="94" t="s">
        <v>157</v>
      </c>
      <c r="J44" s="94">
        <v>0.3</v>
      </c>
      <c r="K44" s="8">
        <v>0.28999999999999998</v>
      </c>
      <c r="L44" s="8">
        <v>0.28999999999999998</v>
      </c>
      <c r="M44" s="94" t="s">
        <v>90</v>
      </c>
      <c r="N44" s="94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111" t="s">
        <v>90</v>
      </c>
      <c r="X44" s="94" t="s">
        <v>90</v>
      </c>
      <c r="Y44" s="110" t="s">
        <v>90</v>
      </c>
      <c r="Z44" s="8" t="s">
        <v>90</v>
      </c>
      <c r="AA44" s="8" t="s">
        <v>90</v>
      </c>
      <c r="AB44" s="8" t="s">
        <v>90</v>
      </c>
      <c r="AC44" s="17" t="s">
        <v>90</v>
      </c>
      <c r="AD44" s="17" t="s">
        <v>90</v>
      </c>
      <c r="AE44" s="94" t="s">
        <v>90</v>
      </c>
      <c r="AF44" s="94" t="s">
        <v>90</v>
      </c>
      <c r="AG44" s="8" t="s">
        <v>90</v>
      </c>
      <c r="AH44" s="94" t="s">
        <v>90</v>
      </c>
      <c r="AI44" s="94" t="s">
        <v>90</v>
      </c>
      <c r="AJ44" s="94" t="s">
        <v>90</v>
      </c>
      <c r="AK44" s="94" t="s">
        <v>90</v>
      </c>
      <c r="AL44" s="94">
        <v>0.38</v>
      </c>
      <c r="AM44" s="94">
        <v>0.35</v>
      </c>
      <c r="AN44" s="94">
        <v>0.35</v>
      </c>
      <c r="AO44" s="94">
        <v>0.32</v>
      </c>
      <c r="AP44" s="8">
        <v>0.32</v>
      </c>
      <c r="AQ44" s="8">
        <v>0.28999999999999998</v>
      </c>
      <c r="AR44" s="76">
        <v>0.28999999999999998</v>
      </c>
      <c r="AS44" s="8">
        <v>0.28999999999999998</v>
      </c>
      <c r="AT44" s="8">
        <v>0.25</v>
      </c>
      <c r="AU44" s="94">
        <v>0.25</v>
      </c>
      <c r="AV44" s="8">
        <v>0.21</v>
      </c>
      <c r="AW44" s="8">
        <v>0.2</v>
      </c>
      <c r="AX44" s="8">
        <v>0.19</v>
      </c>
      <c r="AY44" s="94">
        <v>0.16</v>
      </c>
      <c r="AZ44" s="8">
        <v>0.15</v>
      </c>
      <c r="BA44" s="8">
        <v>0.15</v>
      </c>
      <c r="BB44" s="8">
        <v>0.16</v>
      </c>
      <c r="BC44" s="94">
        <v>0.17</v>
      </c>
      <c r="BD44" s="94">
        <v>0.17</v>
      </c>
    </row>
    <row r="45" spans="3:56" x14ac:dyDescent="0.2">
      <c r="C45" s="18" t="s">
        <v>100</v>
      </c>
      <c r="D45" s="6" t="s">
        <v>58</v>
      </c>
      <c r="E45" s="40">
        <v>0.18</v>
      </c>
      <c r="F45" s="40">
        <v>0.2</v>
      </c>
      <c r="G45" s="8">
        <v>0.21</v>
      </c>
      <c r="H45" s="40">
        <v>0.21</v>
      </c>
      <c r="I45" s="40">
        <v>0.2114405417623075</v>
      </c>
      <c r="J45" s="40">
        <v>0.26</v>
      </c>
      <c r="K45" s="8">
        <v>0.24</v>
      </c>
      <c r="L45" s="8">
        <v>0.25</v>
      </c>
      <c r="M45" s="40">
        <v>0.25</v>
      </c>
      <c r="N45" s="40">
        <v>0.26</v>
      </c>
      <c r="O45" s="40">
        <v>0.27</v>
      </c>
      <c r="P45" s="8">
        <v>0.3</v>
      </c>
      <c r="Q45" s="8">
        <v>0.33</v>
      </c>
      <c r="R45" s="8">
        <v>0.37</v>
      </c>
      <c r="S45" s="40">
        <v>0.38</v>
      </c>
      <c r="T45" s="40">
        <v>0.42</v>
      </c>
      <c r="U45" s="40">
        <v>0.44</v>
      </c>
      <c r="V45" s="40">
        <v>0.45</v>
      </c>
      <c r="W45" s="111">
        <v>0.4</v>
      </c>
      <c r="X45" s="40">
        <v>0.37</v>
      </c>
      <c r="Y45" s="110">
        <v>0.35</v>
      </c>
      <c r="Z45" s="8">
        <v>0.38</v>
      </c>
      <c r="AA45" s="8">
        <v>0.42</v>
      </c>
      <c r="AB45" s="8">
        <v>0.48</v>
      </c>
      <c r="AC45" s="17">
        <v>0.55000000000000004</v>
      </c>
      <c r="AD45" s="17">
        <v>0.55000000000000004</v>
      </c>
      <c r="AE45" s="40">
        <v>0.61</v>
      </c>
      <c r="AF45" s="40">
        <v>0.7</v>
      </c>
      <c r="AG45" s="8">
        <v>0.8</v>
      </c>
      <c r="AH45" s="40">
        <v>0.8</v>
      </c>
      <c r="AI45" s="40" t="s">
        <v>90</v>
      </c>
      <c r="AJ45" s="40" t="s">
        <v>90</v>
      </c>
      <c r="AK45" s="40">
        <v>0.2</v>
      </c>
      <c r="AL45" s="40">
        <v>0.19</v>
      </c>
      <c r="AM45" s="40">
        <v>0.2</v>
      </c>
      <c r="AN45" s="40">
        <v>0.17</v>
      </c>
      <c r="AO45" s="40">
        <v>0.18</v>
      </c>
      <c r="AP45" s="8">
        <v>0.17</v>
      </c>
      <c r="AQ45" s="8">
        <v>0.17</v>
      </c>
      <c r="AR45" s="76">
        <v>0.19</v>
      </c>
      <c r="AS45" s="8">
        <v>0.17939105820045426</v>
      </c>
      <c r="AT45" s="8">
        <v>0.17305783520334206</v>
      </c>
      <c r="AU45" s="40">
        <v>0.17</v>
      </c>
      <c r="AV45" s="8">
        <v>0.17</v>
      </c>
      <c r="AW45" s="8">
        <v>0.2</v>
      </c>
      <c r="AX45" s="8">
        <v>0.21</v>
      </c>
      <c r="AY45" s="40">
        <v>0.21</v>
      </c>
      <c r="AZ45" s="8">
        <v>0.23</v>
      </c>
      <c r="BA45" s="8">
        <v>0.24</v>
      </c>
      <c r="BB45" s="8">
        <v>0.28000000000000003</v>
      </c>
      <c r="BC45" s="40">
        <v>0.28999999999999998</v>
      </c>
      <c r="BD45" s="40">
        <v>0.28000000000000003</v>
      </c>
    </row>
    <row r="46" spans="3:56" x14ac:dyDescent="0.2">
      <c r="C46" s="16" t="s">
        <v>89</v>
      </c>
      <c r="D46" s="6" t="s">
        <v>58</v>
      </c>
      <c r="E46" s="40">
        <v>0.42</v>
      </c>
      <c r="F46" s="40">
        <v>0.39</v>
      </c>
      <c r="G46" s="8">
        <v>0.4</v>
      </c>
      <c r="H46" s="40">
        <v>0.39</v>
      </c>
      <c r="I46" s="40">
        <v>0.38581895678035932</v>
      </c>
      <c r="J46" s="40">
        <v>0.37</v>
      </c>
      <c r="K46" s="8">
        <v>0.37</v>
      </c>
      <c r="L46" s="8">
        <v>0.37</v>
      </c>
      <c r="M46" s="40">
        <v>0.36</v>
      </c>
      <c r="N46" s="40">
        <v>0.36</v>
      </c>
      <c r="O46" s="40">
        <v>0.36</v>
      </c>
      <c r="P46" s="8">
        <v>0.36</v>
      </c>
      <c r="Q46" s="8">
        <v>0.36</v>
      </c>
      <c r="R46" s="8">
        <v>0.36</v>
      </c>
      <c r="S46" s="40">
        <v>0.36</v>
      </c>
      <c r="T46" s="40">
        <v>0.36</v>
      </c>
      <c r="U46" s="40">
        <v>0.36</v>
      </c>
      <c r="V46" s="40">
        <v>0.38</v>
      </c>
      <c r="W46" s="111">
        <v>0.38</v>
      </c>
      <c r="X46" s="40">
        <v>0.38</v>
      </c>
      <c r="Y46" s="110">
        <v>0.43</v>
      </c>
      <c r="Z46" s="8">
        <v>0.43</v>
      </c>
      <c r="AA46" s="8">
        <v>0.43</v>
      </c>
      <c r="AB46" s="8">
        <v>0.43</v>
      </c>
      <c r="AC46" s="17">
        <v>0.43</v>
      </c>
      <c r="AD46" s="17">
        <v>0.43</v>
      </c>
      <c r="AE46" s="40" t="s">
        <v>90</v>
      </c>
      <c r="AF46" s="40" t="s">
        <v>90</v>
      </c>
      <c r="AG46" s="8" t="s">
        <v>90</v>
      </c>
      <c r="AH46" s="40" t="s">
        <v>90</v>
      </c>
      <c r="AI46" s="40" t="s">
        <v>90</v>
      </c>
      <c r="AJ46" s="40" t="s">
        <v>90</v>
      </c>
      <c r="AK46" s="40" t="s">
        <v>90</v>
      </c>
      <c r="AL46" s="40" t="s">
        <v>90</v>
      </c>
      <c r="AM46" s="40" t="s">
        <v>90</v>
      </c>
      <c r="AN46" s="40">
        <v>0.47</v>
      </c>
      <c r="AO46" s="40">
        <v>0.49</v>
      </c>
      <c r="AP46" s="8">
        <v>0.42</v>
      </c>
      <c r="AQ46" s="8">
        <v>0.41</v>
      </c>
      <c r="AR46" s="76">
        <v>0.43</v>
      </c>
      <c r="AS46" s="8">
        <v>0.41786915056852875</v>
      </c>
      <c r="AT46" s="8">
        <v>0.39935350672392411</v>
      </c>
      <c r="AU46" s="40">
        <v>0.42</v>
      </c>
      <c r="AV46" s="8">
        <v>0.37</v>
      </c>
      <c r="AW46" s="8">
        <v>0.35</v>
      </c>
      <c r="AX46" s="8">
        <v>0.35</v>
      </c>
      <c r="AY46" s="40">
        <v>0.36</v>
      </c>
      <c r="AZ46" s="8">
        <v>0.35</v>
      </c>
      <c r="BA46" s="8">
        <v>0.36</v>
      </c>
      <c r="BB46" s="8">
        <v>0.35</v>
      </c>
      <c r="BC46" s="40">
        <v>0.35</v>
      </c>
      <c r="BD46" s="40">
        <v>0.35</v>
      </c>
    </row>
    <row r="47" spans="3:56" x14ac:dyDescent="0.2">
      <c r="C47" s="16" t="s">
        <v>95</v>
      </c>
      <c r="D47" s="6" t="s">
        <v>58</v>
      </c>
      <c r="E47" s="40">
        <v>0.59</v>
      </c>
      <c r="F47" s="40">
        <v>0.59</v>
      </c>
      <c r="G47" s="8">
        <v>0.59</v>
      </c>
      <c r="H47" s="40">
        <v>0.59</v>
      </c>
      <c r="I47" s="40">
        <v>0.58558218494368008</v>
      </c>
      <c r="J47" s="40">
        <v>0.57999999999999996</v>
      </c>
      <c r="K47" s="8">
        <v>0.57999999999999996</v>
      </c>
      <c r="L47" s="8">
        <v>0.59</v>
      </c>
      <c r="M47" s="40">
        <v>0.59</v>
      </c>
      <c r="N47" s="40">
        <v>0.59</v>
      </c>
      <c r="O47" s="40">
        <v>0.59</v>
      </c>
      <c r="P47" s="8">
        <v>0.59</v>
      </c>
      <c r="Q47" s="8">
        <v>0.59</v>
      </c>
      <c r="R47" s="8">
        <v>0.56000000000000005</v>
      </c>
      <c r="S47" s="40">
        <v>0.56000000000000005</v>
      </c>
      <c r="T47" s="40">
        <v>0.56000000000000005</v>
      </c>
      <c r="U47" s="40">
        <v>0.56000000000000005</v>
      </c>
      <c r="V47" s="40" t="s">
        <v>90</v>
      </c>
      <c r="W47" s="111" t="s">
        <v>90</v>
      </c>
      <c r="X47" s="40" t="s">
        <v>90</v>
      </c>
      <c r="Y47" s="110" t="s">
        <v>90</v>
      </c>
      <c r="Z47" s="8" t="s">
        <v>90</v>
      </c>
      <c r="AA47" s="8" t="s">
        <v>90</v>
      </c>
      <c r="AB47" s="8" t="s">
        <v>90</v>
      </c>
      <c r="AC47" s="17" t="s">
        <v>90</v>
      </c>
      <c r="AD47" s="17" t="s">
        <v>90</v>
      </c>
      <c r="AE47" s="40" t="s">
        <v>90</v>
      </c>
      <c r="AF47" s="40" t="s">
        <v>90</v>
      </c>
      <c r="AG47" s="8" t="s">
        <v>90</v>
      </c>
      <c r="AH47" s="40" t="s">
        <v>90</v>
      </c>
      <c r="AI47" s="40" t="s">
        <v>90</v>
      </c>
      <c r="AJ47" s="40" t="s">
        <v>90</v>
      </c>
      <c r="AK47" s="40">
        <v>0.54</v>
      </c>
      <c r="AL47" s="40">
        <v>0.51</v>
      </c>
      <c r="AM47" s="40">
        <v>0.5</v>
      </c>
      <c r="AN47" s="40">
        <v>0.53</v>
      </c>
      <c r="AO47" s="40">
        <v>0.56000000000000005</v>
      </c>
      <c r="AP47" s="8">
        <v>0.54</v>
      </c>
      <c r="AQ47" s="8">
        <v>0.54</v>
      </c>
      <c r="AR47" s="76">
        <v>0.51</v>
      </c>
      <c r="AS47" s="8">
        <v>0.50462385071150928</v>
      </c>
      <c r="AT47" s="8">
        <v>0.52011014650974063</v>
      </c>
      <c r="AU47" s="40">
        <v>0.52</v>
      </c>
      <c r="AV47" s="8">
        <v>0.51</v>
      </c>
      <c r="AW47" s="8">
        <v>0.53</v>
      </c>
      <c r="AX47" s="8">
        <v>0.53</v>
      </c>
      <c r="AY47" s="40">
        <v>0.55000000000000004</v>
      </c>
      <c r="AZ47" s="8">
        <v>0.53</v>
      </c>
      <c r="BA47" s="8">
        <v>0.53</v>
      </c>
      <c r="BB47" s="8">
        <v>0.53</v>
      </c>
      <c r="BC47" s="40">
        <v>0.53</v>
      </c>
      <c r="BD47" s="40">
        <v>0.53</v>
      </c>
    </row>
    <row r="48" spans="3:56" ht="13.5" thickBot="1" x14ac:dyDescent="0.25">
      <c r="C48" s="23" t="s">
        <v>96</v>
      </c>
      <c r="D48" s="6" t="s">
        <v>58</v>
      </c>
      <c r="E48" s="40">
        <v>0.32</v>
      </c>
      <c r="F48" s="40">
        <v>0.32</v>
      </c>
      <c r="G48" s="8">
        <v>0.32</v>
      </c>
      <c r="H48" s="40">
        <v>0.32</v>
      </c>
      <c r="I48" s="40">
        <v>0.31980000000000003</v>
      </c>
      <c r="J48" s="40">
        <v>0.31</v>
      </c>
      <c r="K48" s="8">
        <v>0.3</v>
      </c>
      <c r="L48" s="8">
        <v>0.3</v>
      </c>
      <c r="M48" s="40">
        <v>0.3</v>
      </c>
      <c r="N48" s="40">
        <v>0.31</v>
      </c>
      <c r="O48" s="40">
        <v>0.32</v>
      </c>
      <c r="P48" s="8">
        <v>0.3</v>
      </c>
      <c r="Q48" s="8">
        <v>0.31</v>
      </c>
      <c r="R48" s="8">
        <v>0.31</v>
      </c>
      <c r="S48" s="40">
        <v>0.3</v>
      </c>
      <c r="T48" s="40">
        <v>0.3</v>
      </c>
      <c r="U48" s="40">
        <v>0.3</v>
      </c>
      <c r="V48" s="40">
        <v>0.28999999999999998</v>
      </c>
      <c r="W48" s="111">
        <v>0.3</v>
      </c>
      <c r="X48" s="40">
        <v>0.28999999999999998</v>
      </c>
      <c r="Y48" s="112">
        <v>0.3</v>
      </c>
      <c r="Z48" s="8">
        <v>0.28999999999999998</v>
      </c>
      <c r="AA48" s="8">
        <v>0.3</v>
      </c>
      <c r="AB48" s="8">
        <v>0.3</v>
      </c>
      <c r="AC48" s="17">
        <v>0.31</v>
      </c>
      <c r="AD48" s="17">
        <v>0.28000000000000003</v>
      </c>
      <c r="AE48" s="40">
        <v>0.28000000000000003</v>
      </c>
      <c r="AF48" s="40">
        <v>0.28000000000000003</v>
      </c>
      <c r="AG48" s="8">
        <v>0.25</v>
      </c>
      <c r="AH48" s="40">
        <v>0.26</v>
      </c>
      <c r="AI48" s="40">
        <v>0.27</v>
      </c>
      <c r="AJ48" s="40">
        <v>0.28000000000000003</v>
      </c>
      <c r="AK48" s="40">
        <v>0.28000000000000003</v>
      </c>
      <c r="AL48" s="40">
        <v>0.28000000000000003</v>
      </c>
      <c r="AM48" s="40">
        <v>0.27</v>
      </c>
      <c r="AN48" s="40">
        <v>0.26</v>
      </c>
      <c r="AO48" s="40">
        <v>0.27</v>
      </c>
      <c r="AP48" s="8">
        <v>0.26</v>
      </c>
      <c r="AQ48" s="8">
        <v>0.26</v>
      </c>
      <c r="AR48" s="76">
        <v>0.26</v>
      </c>
      <c r="AS48" s="8">
        <v>0.26280000000000003</v>
      </c>
      <c r="AT48" s="8">
        <v>0.46310000000000001</v>
      </c>
      <c r="AU48" s="40">
        <v>0.52</v>
      </c>
      <c r="AV48" s="8">
        <v>0.52</v>
      </c>
      <c r="AW48" s="8">
        <v>0.51</v>
      </c>
      <c r="AX48" s="8">
        <v>0.52</v>
      </c>
      <c r="AY48" s="40">
        <v>0.52</v>
      </c>
      <c r="AZ48" s="8">
        <v>0.42</v>
      </c>
      <c r="BA48" s="8">
        <v>0.37</v>
      </c>
      <c r="BB48" s="8">
        <v>0.37</v>
      </c>
      <c r="BC48" s="40">
        <v>0.37</v>
      </c>
      <c r="BD48" s="40">
        <v>0.37</v>
      </c>
    </row>
    <row r="49" spans="3:56" ht="13.5" customHeight="1" thickTop="1" x14ac:dyDescent="0.2">
      <c r="C49" s="221"/>
      <c r="D49" s="221"/>
      <c r="E49" s="221"/>
      <c r="F49" s="221"/>
      <c r="G49" s="221"/>
      <c r="H49" s="221"/>
      <c r="I49" s="221"/>
      <c r="J49" s="221"/>
      <c r="K49" s="221"/>
      <c r="L49" s="221"/>
      <c r="M49" s="221"/>
      <c r="N49" s="221"/>
      <c r="O49" s="221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0" spans="3:56" x14ac:dyDescent="0.2">
      <c r="C50" s="222"/>
      <c r="D50" s="222"/>
      <c r="E50" s="222"/>
      <c r="F50" s="222"/>
      <c r="G50" s="222"/>
      <c r="H50" s="222"/>
      <c r="I50" s="222"/>
      <c r="J50" s="222"/>
      <c r="K50" s="222"/>
      <c r="L50" s="222"/>
      <c r="M50" s="222"/>
      <c r="N50" s="222"/>
      <c r="O50" s="222"/>
    </row>
    <row r="51" spans="3:56" x14ac:dyDescent="0.2">
      <c r="C51" s="100" t="s">
        <v>106</v>
      </c>
      <c r="D51" s="6" t="s">
        <v>58</v>
      </c>
      <c r="E51" s="108">
        <v>5.68</v>
      </c>
      <c r="F51" s="62">
        <v>5.69</v>
      </c>
      <c r="G51" s="108">
        <v>5.66</v>
      </c>
      <c r="H51" s="62">
        <v>5.75</v>
      </c>
      <c r="I51" s="108">
        <v>5.73</v>
      </c>
      <c r="J51" s="62">
        <v>5.66</v>
      </c>
      <c r="K51" s="108">
        <v>5.7</v>
      </c>
      <c r="L51" s="20">
        <v>5.64</v>
      </c>
      <c r="M51" s="108">
        <v>5.46</v>
      </c>
      <c r="N51" s="62">
        <v>5.61</v>
      </c>
      <c r="O51" s="62">
        <v>5.4</v>
      </c>
      <c r="P51" s="108">
        <v>5.6</v>
      </c>
      <c r="Q51" s="108">
        <v>5.62</v>
      </c>
      <c r="R51" s="108">
        <v>5.38</v>
      </c>
      <c r="S51" s="108">
        <v>5.47</v>
      </c>
      <c r="T51" s="108">
        <v>5.53</v>
      </c>
      <c r="U51" s="62">
        <v>5.35</v>
      </c>
      <c r="V51" s="108">
        <v>5.27</v>
      </c>
      <c r="W51" s="62">
        <v>5.0599999999999996</v>
      </c>
      <c r="X51" s="62">
        <v>5.38</v>
      </c>
      <c r="Y51" s="108">
        <v>5.7</v>
      </c>
      <c r="Z51" s="108">
        <v>5.35</v>
      </c>
      <c r="AA51" s="108">
        <v>5.41</v>
      </c>
      <c r="AB51" s="62">
        <v>5.48</v>
      </c>
      <c r="AC51" s="62">
        <v>5.56</v>
      </c>
      <c r="AD51" s="62">
        <v>5.35</v>
      </c>
      <c r="AE51" s="62">
        <v>5.24</v>
      </c>
      <c r="AF51" s="62">
        <v>5.07</v>
      </c>
      <c r="AG51" s="62">
        <v>5.44</v>
      </c>
      <c r="AH51" s="62" t="s">
        <v>159</v>
      </c>
      <c r="AI51" s="62">
        <v>5.68</v>
      </c>
      <c r="AJ51" s="62">
        <v>5.71</v>
      </c>
      <c r="AK51" s="62">
        <v>5.72</v>
      </c>
      <c r="AL51" s="62">
        <v>5.66</v>
      </c>
      <c r="AM51" s="106">
        <v>5.89</v>
      </c>
      <c r="AN51" s="62">
        <v>5.83</v>
      </c>
      <c r="AO51" s="62">
        <v>5.75</v>
      </c>
      <c r="AP51" s="62">
        <v>5.75</v>
      </c>
      <c r="AQ51" s="62">
        <v>5.54</v>
      </c>
      <c r="AR51" s="62">
        <v>5.82</v>
      </c>
      <c r="AS51" s="62">
        <v>5.65</v>
      </c>
      <c r="AT51" s="62">
        <v>5.93</v>
      </c>
      <c r="AU51" s="62">
        <v>5.5</v>
      </c>
      <c r="AV51" s="108">
        <v>5.61</v>
      </c>
      <c r="AW51" s="62">
        <v>5.22</v>
      </c>
      <c r="AX51" s="62">
        <v>5.41</v>
      </c>
      <c r="AY51" s="108">
        <v>5.3</v>
      </c>
      <c r="AZ51" s="62">
        <v>5.43</v>
      </c>
      <c r="BA51" s="62">
        <v>5.33</v>
      </c>
      <c r="BB51" s="62">
        <v>5.29</v>
      </c>
      <c r="BC51" s="62">
        <v>5.33</v>
      </c>
      <c r="BD51" s="62">
        <v>5.12</v>
      </c>
    </row>
    <row r="52" spans="3:56" x14ac:dyDescent="0.2">
      <c r="C52" s="102"/>
      <c r="D52" s="103"/>
      <c r="E52" s="104"/>
      <c r="F52" s="104"/>
      <c r="G52" s="104"/>
      <c r="H52" s="104"/>
      <c r="I52" s="104"/>
      <c r="J52" s="104"/>
      <c r="K52" s="104"/>
      <c r="L52" s="104"/>
      <c r="M52" s="104"/>
      <c r="N52" s="104"/>
      <c r="O52" s="104"/>
      <c r="P52" s="101"/>
      <c r="Q52" s="101"/>
      <c r="R52" s="101"/>
      <c r="S52" s="101"/>
      <c r="T52" s="101"/>
      <c r="U52" s="101"/>
      <c r="V52" s="101"/>
      <c r="W52" s="101"/>
      <c r="X52" s="101"/>
      <c r="Y52" s="101"/>
      <c r="Z52" s="101"/>
      <c r="AA52" s="101"/>
      <c r="AB52" s="101"/>
      <c r="AC52" s="101"/>
      <c r="AD52" s="101"/>
      <c r="AE52" s="101"/>
      <c r="AF52" s="101"/>
      <c r="AG52" s="101"/>
      <c r="AH52" s="101"/>
      <c r="AI52" s="101"/>
      <c r="AJ52" s="101"/>
      <c r="AK52" s="101"/>
      <c r="AL52" s="101"/>
      <c r="AM52" s="101"/>
      <c r="AN52" s="101"/>
      <c r="AO52" s="101"/>
      <c r="AP52" s="101"/>
      <c r="AQ52" s="101"/>
      <c r="AR52" s="101"/>
      <c r="AS52" s="101"/>
      <c r="AT52" s="101"/>
      <c r="AU52" s="101"/>
      <c r="AV52" s="101"/>
      <c r="AW52" s="101"/>
      <c r="AX52" s="101"/>
      <c r="AY52" s="101"/>
      <c r="AZ52" s="101"/>
      <c r="BA52" s="101"/>
      <c r="BB52" s="101"/>
      <c r="BC52" s="101"/>
      <c r="BD52" s="101"/>
    </row>
    <row r="53" spans="3:56" ht="12.75" customHeight="1" x14ac:dyDescent="0.2">
      <c r="C53" s="114"/>
    </row>
    <row r="54" spans="3:56" ht="17.25" customHeight="1" x14ac:dyDescent="0.2">
      <c r="C54" s="113"/>
    </row>
    <row r="55" spans="3:56" ht="15.75" customHeight="1" x14ac:dyDescent="0.25">
      <c r="C55" s="85"/>
    </row>
    <row r="56" spans="3:56" ht="15.75" customHeight="1" x14ac:dyDescent="0.25">
      <c r="C56" s="85"/>
    </row>
    <row r="57" spans="3:56" x14ac:dyDescent="0.2">
      <c r="C57" s="99"/>
    </row>
    <row r="58" spans="3:56" x14ac:dyDescent="0.2">
      <c r="C58" s="1" t="s">
        <v>1</v>
      </c>
      <c r="E58" s="2">
        <v>2016</v>
      </c>
      <c r="F58" s="2"/>
      <c r="G58" s="2"/>
      <c r="H58" s="2"/>
      <c r="I58" s="2"/>
      <c r="J58" s="2"/>
      <c r="K58" s="2"/>
      <c r="L58" s="2"/>
      <c r="M58" s="2"/>
    </row>
    <row r="59" spans="3:56" x14ac:dyDescent="0.2">
      <c r="C59" s="3" t="s">
        <v>2</v>
      </c>
      <c r="D59" s="3" t="s">
        <v>3</v>
      </c>
      <c r="E59" s="4" t="s">
        <v>15</v>
      </c>
      <c r="F59" s="4" t="s">
        <v>16</v>
      </c>
      <c r="G59" s="4" t="s">
        <v>17</v>
      </c>
      <c r="H59" s="4" t="s">
        <v>18</v>
      </c>
      <c r="I59" s="4" t="s">
        <v>19</v>
      </c>
      <c r="J59" s="4" t="s">
        <v>20</v>
      </c>
      <c r="K59" s="4" t="s">
        <v>21</v>
      </c>
      <c r="L59" s="4" t="s">
        <v>22</v>
      </c>
      <c r="M59" s="4" t="s">
        <v>23</v>
      </c>
      <c r="N59" s="4" t="s">
        <v>24</v>
      </c>
      <c r="O59" s="4" t="s">
        <v>25</v>
      </c>
      <c r="P59" s="4" t="s">
        <v>26</v>
      </c>
      <c r="Q59" s="4" t="s">
        <v>27</v>
      </c>
      <c r="R59" s="4" t="s">
        <v>28</v>
      </c>
      <c r="S59" s="4" t="s">
        <v>29</v>
      </c>
      <c r="T59" s="4" t="s">
        <v>30</v>
      </c>
      <c r="U59" s="4" t="s">
        <v>31</v>
      </c>
      <c r="V59" s="4" t="s">
        <v>32</v>
      </c>
      <c r="W59" s="4" t="s">
        <v>33</v>
      </c>
      <c r="X59" s="4" t="s">
        <v>34</v>
      </c>
      <c r="Y59" s="4" t="s">
        <v>35</v>
      </c>
      <c r="Z59" s="4" t="s">
        <v>36</v>
      </c>
      <c r="AA59" s="4" t="s">
        <v>37</v>
      </c>
      <c r="AB59" s="4" t="s">
        <v>38</v>
      </c>
      <c r="AC59" s="4" t="s">
        <v>39</v>
      </c>
      <c r="AD59" s="4" t="s">
        <v>40</v>
      </c>
      <c r="AE59" s="4" t="s">
        <v>41</v>
      </c>
      <c r="AF59" s="4" t="s">
        <v>42</v>
      </c>
      <c r="AG59" s="4" t="s">
        <v>43</v>
      </c>
      <c r="AH59" s="4" t="s">
        <v>44</v>
      </c>
      <c r="AI59" s="4" t="s">
        <v>45</v>
      </c>
      <c r="AJ59" s="4" t="s">
        <v>46</v>
      </c>
      <c r="AK59" s="4" t="s">
        <v>47</v>
      </c>
      <c r="AL59" s="4" t="s">
        <v>48</v>
      </c>
      <c r="AM59" s="4" t="s">
        <v>49</v>
      </c>
      <c r="AN59" s="4" t="s">
        <v>50</v>
      </c>
      <c r="AO59" s="4" t="s">
        <v>51</v>
      </c>
      <c r="AP59" s="4" t="s">
        <v>52</v>
      </c>
      <c r="AQ59" s="4" t="s">
        <v>53</v>
      </c>
      <c r="AR59" s="4" t="s">
        <v>54</v>
      </c>
      <c r="AS59" s="4" t="s">
        <v>55</v>
      </c>
      <c r="AT59" s="4" t="s">
        <v>4</v>
      </c>
      <c r="AU59" s="4" t="s">
        <v>5</v>
      </c>
      <c r="AV59" s="4" t="s">
        <v>6</v>
      </c>
      <c r="AW59" s="4" t="s">
        <v>7</v>
      </c>
      <c r="AX59" s="4" t="s">
        <v>8</v>
      </c>
      <c r="AY59" s="4" t="s">
        <v>9</v>
      </c>
      <c r="AZ59" s="4" t="s">
        <v>10</v>
      </c>
      <c r="BA59" s="4" t="s">
        <v>11</v>
      </c>
      <c r="BB59" s="4" t="s">
        <v>12</v>
      </c>
      <c r="BC59" s="4" t="s">
        <v>13</v>
      </c>
      <c r="BD59" s="4" t="s">
        <v>14</v>
      </c>
    </row>
    <row r="60" spans="3:56" x14ac:dyDescent="0.2">
      <c r="C60" s="5" t="s">
        <v>57</v>
      </c>
      <c r="D60" s="6" t="s">
        <v>58</v>
      </c>
      <c r="E60" s="8"/>
      <c r="F60" s="39"/>
      <c r="G60" s="8"/>
      <c r="H60" s="39"/>
      <c r="I60" s="8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8"/>
      <c r="W60" s="17"/>
      <c r="X60" s="8"/>
      <c r="Y60" s="8"/>
      <c r="Z60" s="39"/>
      <c r="AA60" s="39"/>
      <c r="AB60" s="39"/>
      <c r="AC60" s="39"/>
      <c r="AD60" s="39"/>
      <c r="AE60" s="39"/>
      <c r="AF60" s="8"/>
      <c r="AG60" s="39"/>
      <c r="AH60" s="39"/>
      <c r="AI60" s="39"/>
      <c r="AJ60" s="39"/>
      <c r="AK60" s="8"/>
      <c r="AL60" s="39"/>
      <c r="AM60" s="8"/>
      <c r="AN60" s="39"/>
      <c r="AO60" s="39"/>
      <c r="AP60" s="39"/>
      <c r="AQ60" s="39"/>
      <c r="AR60" s="8"/>
      <c r="AS60" s="39"/>
      <c r="AT60" s="39"/>
      <c r="AU60" s="39"/>
      <c r="AV60" s="8"/>
      <c r="AW60" s="39"/>
      <c r="AX60" s="39"/>
      <c r="AY60" s="8"/>
      <c r="AZ60" s="8"/>
      <c r="BA60" s="39"/>
      <c r="BB60" s="39"/>
      <c r="BC60" s="39"/>
      <c r="BD60" s="39"/>
    </row>
    <row r="61" spans="3:56" x14ac:dyDescent="0.2">
      <c r="C61" s="5" t="s">
        <v>59</v>
      </c>
      <c r="D61" s="6" t="s">
        <v>58</v>
      </c>
      <c r="E61" s="8"/>
      <c r="F61" s="39"/>
      <c r="G61" s="8"/>
      <c r="H61" s="39"/>
      <c r="I61" s="8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8"/>
      <c r="W61" s="17"/>
      <c r="X61" s="8"/>
      <c r="Y61" s="8"/>
      <c r="Z61" s="39"/>
      <c r="AA61" s="39"/>
      <c r="AB61" s="39"/>
      <c r="AC61" s="39"/>
      <c r="AD61" s="39"/>
      <c r="AE61" s="39"/>
      <c r="AF61" s="8"/>
      <c r="AG61" s="39"/>
      <c r="AH61" s="39"/>
      <c r="AI61" s="39"/>
      <c r="AJ61" s="39"/>
      <c r="AK61" s="8"/>
      <c r="AL61" s="39"/>
      <c r="AM61" s="8"/>
      <c r="AN61" s="39"/>
      <c r="AO61" s="39"/>
      <c r="AP61" s="39"/>
      <c r="AQ61" s="39"/>
      <c r="AR61" s="8"/>
      <c r="AS61" s="39"/>
      <c r="AT61" s="39"/>
      <c r="AU61" s="39"/>
      <c r="AV61" s="8"/>
      <c r="AW61" s="39"/>
      <c r="AX61" s="39"/>
      <c r="AY61" s="8"/>
      <c r="AZ61" s="8"/>
      <c r="BA61" s="39"/>
      <c r="BB61" s="39"/>
      <c r="BC61" s="39"/>
      <c r="BD61" s="39"/>
    </row>
    <row r="62" spans="3:56" x14ac:dyDescent="0.2">
      <c r="C62" s="5" t="s">
        <v>60</v>
      </c>
      <c r="D62" s="6" t="s">
        <v>58</v>
      </c>
      <c r="E62" s="8"/>
      <c r="F62" s="39"/>
      <c r="G62" s="8"/>
      <c r="H62" s="39"/>
      <c r="I62" s="8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8"/>
      <c r="W62" s="17"/>
      <c r="X62" s="8"/>
      <c r="Y62" s="8"/>
      <c r="Z62" s="39"/>
      <c r="AA62" s="39"/>
      <c r="AB62" s="39"/>
      <c r="AC62" s="39"/>
      <c r="AD62" s="39"/>
      <c r="AE62" s="39"/>
      <c r="AF62" s="8"/>
      <c r="AG62" s="39"/>
      <c r="AH62" s="39"/>
      <c r="AI62" s="39"/>
      <c r="AJ62" s="39"/>
      <c r="AK62" s="8"/>
      <c r="AL62" s="39"/>
      <c r="AM62" s="8"/>
      <c r="AN62" s="39"/>
      <c r="AO62" s="39"/>
      <c r="AP62" s="39"/>
      <c r="AQ62" s="39"/>
      <c r="AR62" s="8"/>
      <c r="AS62" s="39"/>
      <c r="AT62" s="39"/>
      <c r="AU62" s="39"/>
      <c r="AV62" s="8"/>
      <c r="AW62" s="39"/>
      <c r="AX62" s="39"/>
      <c r="AY62" s="8"/>
      <c r="AZ62" s="8"/>
      <c r="BA62" s="39"/>
      <c r="BB62" s="39"/>
      <c r="BC62" s="39"/>
      <c r="BD62" s="39"/>
    </row>
    <row r="63" spans="3:56" x14ac:dyDescent="0.2">
      <c r="C63" s="5" t="s">
        <v>61</v>
      </c>
      <c r="D63" s="6" t="s">
        <v>58</v>
      </c>
      <c r="E63" s="8"/>
      <c r="F63" s="39"/>
      <c r="G63" s="8"/>
      <c r="H63" s="39"/>
      <c r="I63" s="8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8"/>
      <c r="W63" s="17"/>
      <c r="X63" s="8"/>
      <c r="Y63" s="8"/>
      <c r="Z63" s="39"/>
      <c r="AA63" s="39"/>
      <c r="AB63" s="39"/>
      <c r="AC63" s="39"/>
      <c r="AD63" s="39"/>
      <c r="AE63" s="39"/>
      <c r="AF63" s="8"/>
      <c r="AG63" s="39"/>
      <c r="AH63" s="39"/>
      <c r="AI63" s="39"/>
      <c r="AJ63" s="39"/>
      <c r="AK63" s="8"/>
      <c r="AL63" s="39"/>
      <c r="AM63" s="8"/>
      <c r="AN63" s="39"/>
      <c r="AO63" s="39"/>
      <c r="AP63" s="39"/>
      <c r="AQ63" s="39"/>
      <c r="AR63" s="8"/>
      <c r="AS63" s="39"/>
      <c r="AT63" s="39"/>
      <c r="AU63" s="39"/>
      <c r="AV63" s="8"/>
      <c r="AW63" s="39"/>
      <c r="AX63" s="39"/>
      <c r="AY63" s="8"/>
      <c r="AZ63" s="8"/>
      <c r="BA63" s="39"/>
      <c r="BB63" s="39"/>
      <c r="BC63" s="39"/>
      <c r="BD63" s="39"/>
    </row>
    <row r="64" spans="3:56" x14ac:dyDescent="0.2">
      <c r="C64" s="5" t="s">
        <v>62</v>
      </c>
      <c r="D64" s="6" t="s">
        <v>58</v>
      </c>
      <c r="E64" s="8"/>
      <c r="F64" s="39"/>
      <c r="G64" s="8"/>
      <c r="H64" s="39"/>
      <c r="I64" s="8"/>
      <c r="J64" s="39"/>
      <c r="K64" s="39"/>
      <c r="L64" s="39"/>
      <c r="M64" s="39"/>
      <c r="N64" s="39"/>
      <c r="O64" s="39"/>
      <c r="P64" s="39"/>
      <c r="Q64" s="39"/>
      <c r="R64" s="39"/>
      <c r="S64" s="39"/>
      <c r="T64" s="39"/>
      <c r="U64" s="39"/>
      <c r="V64" s="8"/>
      <c r="W64" s="17"/>
      <c r="X64" s="8"/>
      <c r="Y64" s="8"/>
      <c r="Z64" s="39"/>
      <c r="AA64" s="39"/>
      <c r="AB64" s="39"/>
      <c r="AC64" s="39"/>
      <c r="AD64" s="39"/>
      <c r="AE64" s="39"/>
      <c r="AF64" s="8"/>
      <c r="AG64" s="39"/>
      <c r="AH64" s="39"/>
      <c r="AI64" s="39"/>
      <c r="AJ64" s="39"/>
      <c r="AK64" s="8"/>
      <c r="AL64" s="39"/>
      <c r="AM64" s="8"/>
      <c r="AN64" s="39"/>
      <c r="AO64" s="39"/>
      <c r="AP64" s="39"/>
      <c r="AQ64" s="39"/>
      <c r="AR64" s="8"/>
      <c r="AS64" s="39"/>
      <c r="AT64" s="39"/>
      <c r="AU64" s="39"/>
      <c r="AV64" s="8"/>
      <c r="AW64" s="39"/>
      <c r="AX64" s="39"/>
      <c r="AY64" s="8"/>
      <c r="AZ64" s="8"/>
      <c r="BA64" s="39"/>
      <c r="BB64" s="39"/>
      <c r="BC64" s="39"/>
      <c r="BD64" s="39"/>
    </row>
    <row r="65" spans="3:56" x14ac:dyDescent="0.2">
      <c r="C65" s="5" t="s">
        <v>75</v>
      </c>
      <c r="D65" s="20" t="s">
        <v>76</v>
      </c>
      <c r="E65" s="8"/>
      <c r="F65" s="39"/>
      <c r="G65" s="8"/>
      <c r="H65" s="39"/>
      <c r="I65" s="8"/>
      <c r="J65" s="39"/>
      <c r="K65" s="39"/>
      <c r="L65" s="39"/>
      <c r="M65" s="39"/>
      <c r="N65" s="39"/>
      <c r="O65" s="39"/>
      <c r="P65" s="39"/>
      <c r="Q65" s="39"/>
      <c r="R65" s="39"/>
      <c r="S65" s="39"/>
      <c r="T65" s="39"/>
      <c r="U65" s="39"/>
      <c r="V65" s="8"/>
      <c r="W65" s="17"/>
      <c r="X65" s="8"/>
      <c r="Y65" s="8"/>
      <c r="Z65" s="39"/>
      <c r="AA65" s="39"/>
      <c r="AB65" s="39"/>
      <c r="AC65" s="39"/>
      <c r="AD65" s="39"/>
      <c r="AE65" s="39"/>
      <c r="AF65" s="8"/>
      <c r="AG65" s="39"/>
      <c r="AH65" s="39"/>
      <c r="AI65" s="39"/>
      <c r="AJ65" s="39"/>
      <c r="AK65" s="8"/>
      <c r="AL65" s="39"/>
      <c r="AM65" s="8"/>
      <c r="AN65" s="39"/>
      <c r="AO65" s="39"/>
      <c r="AP65" s="39"/>
      <c r="AQ65" s="39"/>
      <c r="AR65" s="8"/>
      <c r="AS65" s="39"/>
      <c r="AT65" s="39"/>
      <c r="AU65" s="39"/>
      <c r="AV65" s="8"/>
      <c r="AW65" s="39"/>
      <c r="AX65" s="39"/>
      <c r="AY65" s="8"/>
      <c r="AZ65" s="8"/>
      <c r="BA65" s="39"/>
      <c r="BB65" s="39"/>
      <c r="BC65" s="39"/>
      <c r="BD65" s="39"/>
    </row>
    <row r="66" spans="3:56" x14ac:dyDescent="0.2">
      <c r="C66" s="5" t="s">
        <v>63</v>
      </c>
      <c r="D66" s="6" t="s">
        <v>58</v>
      </c>
      <c r="E66" s="8">
        <v>11.220556651771032</v>
      </c>
      <c r="F66" s="8">
        <v>8.8028137419616481</v>
      </c>
      <c r="G66" s="8">
        <v>6.1681304070667515</v>
      </c>
      <c r="H66" s="8">
        <v>5.0002820869624971</v>
      </c>
      <c r="I66" s="8">
        <v>5.7551118789363178</v>
      </c>
      <c r="J66" s="8">
        <v>6.4538916476476746</v>
      </c>
      <c r="K66" s="8">
        <v>6.3352487352660409</v>
      </c>
      <c r="L66" s="8">
        <v>5.0460791119433486</v>
      </c>
      <c r="M66" s="8">
        <v>4.539217364063548</v>
      </c>
      <c r="N66" s="8">
        <v>5.3028623212939516</v>
      </c>
      <c r="O66" s="8">
        <v>5.7501230134474328</v>
      </c>
      <c r="P66" s="8">
        <v>4.5915889367940661</v>
      </c>
      <c r="Q66" s="8">
        <v>5.3728367998570965</v>
      </c>
      <c r="R66" s="8">
        <v>6.4727474175529878</v>
      </c>
      <c r="S66" s="8">
        <v>5.7885343871325565</v>
      </c>
      <c r="T66" s="8">
        <v>4.6441336665145405</v>
      </c>
      <c r="U66" s="8">
        <v>4.7249437506575909</v>
      </c>
      <c r="V66" s="8">
        <v>5.3721528723434222</v>
      </c>
      <c r="W66" s="17">
        <v>5.475997394400312</v>
      </c>
      <c r="X66" s="8">
        <v>5.4146306016815311</v>
      </c>
      <c r="Y66" s="8">
        <v>4.8155196130300055</v>
      </c>
      <c r="Z66" s="8">
        <v>4.5696284740662056</v>
      </c>
      <c r="AA66" s="8">
        <v>4.7066689339539227</v>
      </c>
      <c r="AB66" s="8">
        <v>5.3896779591879431</v>
      </c>
      <c r="AC66" s="8">
        <v>5.8541543110527172</v>
      </c>
      <c r="AD66" s="8">
        <v>5.8774012882163493</v>
      </c>
      <c r="AE66" s="8">
        <v>5.9121994086942866</v>
      </c>
      <c r="AF66" s="8">
        <v>5.4393473525241616</v>
      </c>
      <c r="AG66" s="8">
        <v>4.5290626530992713</v>
      </c>
      <c r="AH66" s="8">
        <v>5.4191208579501664</v>
      </c>
      <c r="AI66" s="8">
        <v>4.948852650048889</v>
      </c>
      <c r="AJ66" s="8">
        <v>5.3399364578194373</v>
      </c>
      <c r="AK66" s="8">
        <v>5.6346370034343414</v>
      </c>
      <c r="AL66" s="8">
        <v>5.764780236261176</v>
      </c>
      <c r="AM66" s="8">
        <v>6.1383049086822661</v>
      </c>
      <c r="AN66" s="8">
        <v>6.2438256566843684</v>
      </c>
      <c r="AO66" s="8">
        <v>5.6518426146515797</v>
      </c>
      <c r="AP66" s="8">
        <v>5.8492130435776151</v>
      </c>
      <c r="AQ66" s="8">
        <v>6.0392914209705841</v>
      </c>
      <c r="AR66" s="8">
        <v>5.7260866013489018</v>
      </c>
      <c r="AS66" s="8">
        <v>5.5961161038350253</v>
      </c>
      <c r="AT66" s="8">
        <v>5.5041580812915569</v>
      </c>
      <c r="AU66" s="8">
        <v>5.9333595570443984</v>
      </c>
      <c r="AV66" s="8">
        <v>5.1479002324691105</v>
      </c>
      <c r="AW66" s="8">
        <v>5.5033249258651828</v>
      </c>
      <c r="AX66" s="8">
        <v>6.2222067755810375</v>
      </c>
      <c r="AY66" s="8">
        <v>6.8409940486889136</v>
      </c>
      <c r="AZ66" s="8">
        <v>6.0262663029246575</v>
      </c>
      <c r="BA66" s="8">
        <v>5.6311706116344524</v>
      </c>
      <c r="BB66" s="8">
        <v>6.0597538355566121</v>
      </c>
      <c r="BC66" s="8">
        <v>7.1836808254822788</v>
      </c>
      <c r="BD66" s="8">
        <v>8.5659989144107662</v>
      </c>
    </row>
    <row r="67" spans="3:56" x14ac:dyDescent="0.2">
      <c r="C67" s="5" t="s">
        <v>64</v>
      </c>
      <c r="D67" s="6" t="s">
        <v>58</v>
      </c>
      <c r="E67" s="8">
        <v>6.6880812109411805</v>
      </c>
      <c r="F67" s="8">
        <v>7.8551181437291318</v>
      </c>
      <c r="G67" s="8">
        <v>5.4811283480491291</v>
      </c>
      <c r="H67" s="8">
        <v>5.1242278016225473</v>
      </c>
      <c r="I67" s="8">
        <v>4.8787656154876418</v>
      </c>
      <c r="J67" s="8">
        <v>5.301941951320055</v>
      </c>
      <c r="K67" s="8">
        <v>6.083465743887956</v>
      </c>
      <c r="L67" s="8">
        <v>4.5144482452243446</v>
      </c>
      <c r="M67" s="8">
        <v>4.6031801768607217</v>
      </c>
      <c r="N67" s="8">
        <v>5.1012461826421038</v>
      </c>
      <c r="O67" s="8">
        <v>4.9094148267036832</v>
      </c>
      <c r="P67" s="8">
        <v>4.814762979683973</v>
      </c>
      <c r="Q67" s="8">
        <v>5.2903950043566654</v>
      </c>
      <c r="R67" s="8">
        <v>5.8407323192099394</v>
      </c>
      <c r="S67" s="8">
        <v>5.4262618490277417</v>
      </c>
      <c r="T67" s="8">
        <v>4.4815831873905427</v>
      </c>
      <c r="U67" s="8">
        <v>4.3845516268070339</v>
      </c>
      <c r="V67" s="8">
        <v>4.6762414732483384</v>
      </c>
      <c r="W67" s="17">
        <v>5.0365924302036902</v>
      </c>
      <c r="X67" s="8">
        <v>4.6953809458640441</v>
      </c>
      <c r="Y67" s="8">
        <v>4.0584757295424509</v>
      </c>
      <c r="Z67" s="8">
        <v>4.1564773971920745</v>
      </c>
      <c r="AA67" s="8">
        <v>4.2955025221353571</v>
      </c>
      <c r="AB67" s="8">
        <v>5.0732126097080412</v>
      </c>
      <c r="AC67" s="8">
        <v>5.4573770590477721</v>
      </c>
      <c r="AD67" s="8">
        <v>5.164892475444594</v>
      </c>
      <c r="AE67" s="8">
        <v>5.3503466225008873</v>
      </c>
      <c r="AF67" s="8">
        <v>4.7303117460074295</v>
      </c>
      <c r="AG67" s="8">
        <v>4.8980459210579701</v>
      </c>
      <c r="AH67" s="8">
        <v>5.0478921894277304</v>
      </c>
      <c r="AI67" s="8">
        <v>4.9933209420305698</v>
      </c>
      <c r="AJ67" s="8">
        <v>4.6757485866311939</v>
      </c>
      <c r="AK67" s="8">
        <v>4.6470234040215361</v>
      </c>
      <c r="AL67" s="8">
        <v>5.0242497536504525</v>
      </c>
      <c r="AM67" s="8">
        <v>4.6711646361013139</v>
      </c>
      <c r="AN67" s="8">
        <v>4.4761802964606234</v>
      </c>
      <c r="AO67" s="8">
        <v>4.6945859267642067</v>
      </c>
      <c r="AP67" s="8">
        <v>4.9648792653894116</v>
      </c>
      <c r="AQ67" s="8">
        <v>4.9588910215879327</v>
      </c>
      <c r="AR67" s="8">
        <v>4.318552256100725</v>
      </c>
      <c r="AS67" s="8">
        <v>4.6349452722680189</v>
      </c>
      <c r="AT67" s="8">
        <v>4.5847897126851409</v>
      </c>
      <c r="AU67" s="8">
        <v>4.5935082085581822</v>
      </c>
      <c r="AV67" s="8">
        <v>4.5543968483200956</v>
      </c>
      <c r="AW67" s="8">
        <v>4.9009182387639942</v>
      </c>
      <c r="AX67" s="8">
        <v>4.4901910752231196</v>
      </c>
      <c r="AY67" s="8">
        <v>5.1267912237306694</v>
      </c>
      <c r="AZ67" s="8">
        <v>4.8761068048094147</v>
      </c>
      <c r="BA67" s="8">
        <v>5.218897982132817</v>
      </c>
      <c r="BB67" s="8">
        <v>5.0878533708514828</v>
      </c>
      <c r="BC67" s="8">
        <v>5.061099912045071</v>
      </c>
      <c r="BD67" s="8">
        <v>5.3820135164127878</v>
      </c>
    </row>
    <row r="68" spans="3:56" x14ac:dyDescent="0.2">
      <c r="C68" s="5" t="s">
        <v>65</v>
      </c>
      <c r="D68" s="6" t="s">
        <v>58</v>
      </c>
      <c r="E68" s="8">
        <v>3.5190657459592898</v>
      </c>
      <c r="F68" s="8">
        <v>3.9434512549469307</v>
      </c>
      <c r="G68" s="8">
        <v>2.8915899885761762</v>
      </c>
      <c r="H68" s="8">
        <v>2.5064248055832503</v>
      </c>
      <c r="I68" s="8">
        <v>3.0765690682615148</v>
      </c>
      <c r="J68" s="8">
        <v>4.0174182002724432</v>
      </c>
      <c r="K68" s="8">
        <v>2.8700771811465344</v>
      </c>
      <c r="L68" s="8">
        <v>2.8288325227161333</v>
      </c>
      <c r="M68" s="8">
        <v>2.9484607525966289</v>
      </c>
      <c r="N68" s="8">
        <v>3.0328512939993617</v>
      </c>
      <c r="O68" s="8">
        <v>2.5738057571728148</v>
      </c>
      <c r="P68" s="8">
        <v>2.4920540209902775</v>
      </c>
      <c r="Q68" s="8">
        <v>1.8869534889233941</v>
      </c>
      <c r="R68" s="8">
        <v>2.26832674983961</v>
      </c>
      <c r="S68" s="8">
        <v>2.2841192923825786</v>
      </c>
      <c r="T68" s="8">
        <v>2.2519817304422882</v>
      </c>
      <c r="U68" s="8">
        <v>2.2222502006037219</v>
      </c>
      <c r="V68" s="8">
        <v>2.5861964459460904</v>
      </c>
      <c r="W68" s="17">
        <v>3.2063575686007271</v>
      </c>
      <c r="X68" s="8">
        <v>2.3674253249141093</v>
      </c>
      <c r="Y68" s="8">
        <v>3.116873709954382</v>
      </c>
      <c r="Z68" s="8">
        <v>2.7770325491998493</v>
      </c>
      <c r="AA68" s="8">
        <v>2.7201368921866678</v>
      </c>
      <c r="AB68" s="8">
        <v>3.427065611266737</v>
      </c>
      <c r="AC68" s="8">
        <v>3.4577019351797085</v>
      </c>
      <c r="AD68" s="8">
        <v>3.5061585528477286</v>
      </c>
      <c r="AE68" s="8">
        <v>3.5736948368848105</v>
      </c>
      <c r="AF68" s="8">
        <v>3.6850308301518511</v>
      </c>
      <c r="AG68" s="8">
        <v>3.8955029946275657</v>
      </c>
      <c r="AH68" s="8">
        <v>4.1538350883201831</v>
      </c>
      <c r="AI68" s="8">
        <v>3.3612160984253094</v>
      </c>
      <c r="AJ68" s="8">
        <v>3.8505501068552883</v>
      </c>
      <c r="AK68" s="8">
        <v>2.9556180676914297</v>
      </c>
      <c r="AL68" s="8">
        <v>3.931790740428172</v>
      </c>
      <c r="AM68" s="8">
        <v>2.9844447922862596</v>
      </c>
      <c r="AN68" s="8">
        <v>2.8081256809862518</v>
      </c>
      <c r="AO68" s="8">
        <v>3.1360978473064951</v>
      </c>
      <c r="AP68" s="8">
        <v>2.802553700881659</v>
      </c>
      <c r="AQ68" s="8">
        <v>2.8434304290006405</v>
      </c>
      <c r="AR68" s="8">
        <v>2.7076378888180086</v>
      </c>
      <c r="AS68" s="8">
        <v>2.8348639939617382</v>
      </c>
      <c r="AT68" s="8">
        <v>2.524833020867713</v>
      </c>
      <c r="AU68" s="8">
        <v>2.6150753527129451</v>
      </c>
      <c r="AV68" s="8">
        <v>2.856123979929944</v>
      </c>
      <c r="AW68" s="8">
        <v>3.0480677897231865</v>
      </c>
      <c r="AX68" s="8">
        <v>2.8003602316336598</v>
      </c>
      <c r="AY68" s="8">
        <v>2.7960574262835682</v>
      </c>
      <c r="AZ68" s="8">
        <v>2.7577308586359131</v>
      </c>
      <c r="BA68" s="8">
        <v>2.9231117206370003</v>
      </c>
      <c r="BB68" s="8">
        <v>2.8731013512335455</v>
      </c>
      <c r="BC68" s="8">
        <v>2.7837856181372698</v>
      </c>
      <c r="BD68" s="8">
        <v>2.6241952896389105</v>
      </c>
    </row>
    <row r="69" spans="3:56" x14ac:dyDescent="0.2">
      <c r="C69" s="5" t="s">
        <v>66</v>
      </c>
      <c r="D69" s="6" t="s">
        <v>58</v>
      </c>
      <c r="E69" s="8">
        <v>3.7003026611874374</v>
      </c>
      <c r="F69" s="8">
        <v>5.227186896188301</v>
      </c>
      <c r="G69" s="8">
        <v>4.0359847465047487</v>
      </c>
      <c r="H69" s="8">
        <v>3.3943485064373315</v>
      </c>
      <c r="I69" s="8">
        <v>3.3339258378216043</v>
      </c>
      <c r="J69" s="8">
        <v>3.7445708526632879</v>
      </c>
      <c r="K69" s="8">
        <v>3.7954315067569695</v>
      </c>
      <c r="L69" s="8">
        <v>3.2654254453322387</v>
      </c>
      <c r="M69" s="8">
        <v>3.67736232642295</v>
      </c>
      <c r="N69" s="8">
        <v>3.6391428055421411</v>
      </c>
      <c r="O69" s="8">
        <v>3.6455445242830566</v>
      </c>
      <c r="P69" s="8">
        <v>3.7914738977487707</v>
      </c>
      <c r="Q69" s="8">
        <v>3.4432147002080002</v>
      </c>
      <c r="R69" s="8">
        <v>3.8511285052269431</v>
      </c>
      <c r="S69" s="8">
        <v>3.3195054977988825</v>
      </c>
      <c r="T69" s="8">
        <v>3.1358810528702801</v>
      </c>
      <c r="U69" s="8">
        <v>2.8044447349810722</v>
      </c>
      <c r="V69" s="8">
        <v>2.5626282771621125</v>
      </c>
      <c r="W69" s="17">
        <v>3.5493270138766624</v>
      </c>
      <c r="X69" s="8">
        <v>3.5802971360853251</v>
      </c>
      <c r="Y69" s="8">
        <v>4.2578807926280264</v>
      </c>
      <c r="Z69" s="8">
        <v>3.449487433913704</v>
      </c>
      <c r="AA69" s="8">
        <v>3.0289035727631646</v>
      </c>
      <c r="AB69" s="8">
        <v>4.3422093737638967</v>
      </c>
      <c r="AC69" s="8">
        <v>4.0186697100985729</v>
      </c>
      <c r="AD69" s="8">
        <v>4.2652606065396155</v>
      </c>
      <c r="AE69" s="8">
        <v>2.9999685771246751</v>
      </c>
      <c r="AF69" s="8">
        <v>3.4410361519433623</v>
      </c>
      <c r="AG69" s="8">
        <v>4.2004844896597726</v>
      </c>
      <c r="AH69" s="8">
        <v>3.8531281128048125</v>
      </c>
      <c r="AI69" s="8">
        <v>4.2536479193245507</v>
      </c>
      <c r="AJ69" s="8">
        <v>5.0042799024218656</v>
      </c>
      <c r="AK69" s="8">
        <v>3.9026997605051164</v>
      </c>
      <c r="AL69" s="8">
        <v>4.79629772994336</v>
      </c>
      <c r="AM69" s="8">
        <v>4.0222960991231815</v>
      </c>
      <c r="AN69" s="8">
        <v>3.3560168284383893</v>
      </c>
      <c r="AO69" s="8">
        <v>3.6356125299989359</v>
      </c>
      <c r="AP69" s="8">
        <v>3.387613526570048</v>
      </c>
      <c r="AQ69" s="8">
        <v>3.3962208186639673</v>
      </c>
      <c r="AR69" s="8">
        <v>2.9865999076918177</v>
      </c>
      <c r="AS69" s="8">
        <v>4.3755396330282466</v>
      </c>
      <c r="AT69" s="8">
        <v>4.5303489067628577</v>
      </c>
      <c r="AU69" s="8">
        <v>3.446023134050141</v>
      </c>
      <c r="AV69" s="8">
        <v>3.4734004035627661</v>
      </c>
      <c r="AW69" s="8">
        <v>4.2316338409981995</v>
      </c>
      <c r="AX69" s="8">
        <v>4.3212849524381625</v>
      </c>
      <c r="AY69" s="8">
        <v>4.1869977845000212</v>
      </c>
      <c r="AZ69" s="8">
        <v>3.4652480704581801</v>
      </c>
      <c r="BA69" s="8">
        <v>3.8050377595227389</v>
      </c>
      <c r="BB69" s="8">
        <v>3.8942728207862154</v>
      </c>
      <c r="BC69" s="8">
        <v>3.6635118377663254</v>
      </c>
      <c r="BD69" s="8">
        <v>3.4234143984538572</v>
      </c>
    </row>
    <row r="70" spans="3:56" x14ac:dyDescent="0.2">
      <c r="C70" s="5" t="s">
        <v>116</v>
      </c>
      <c r="D70" s="6" t="s">
        <v>58</v>
      </c>
      <c r="E70" s="8">
        <v>8.5664342180637778</v>
      </c>
      <c r="F70" s="8">
        <v>9.7021861544272383</v>
      </c>
      <c r="G70" s="8">
        <v>7.4261605614382988</v>
      </c>
      <c r="H70" s="8">
        <v>5.886769627380275</v>
      </c>
      <c r="I70" s="8">
        <v>6.9845184736523311</v>
      </c>
      <c r="J70" s="8">
        <v>8.0039075124156849</v>
      </c>
      <c r="K70" s="8">
        <v>8.6844897422409257</v>
      </c>
      <c r="L70" s="8">
        <v>6.566040050556917</v>
      </c>
      <c r="M70" s="8">
        <v>6.1304278724188528</v>
      </c>
      <c r="N70" s="8">
        <v>5.9930600451240075</v>
      </c>
      <c r="O70" s="8">
        <v>5.1348478496077901</v>
      </c>
      <c r="P70" s="8">
        <v>4.6595186709682208</v>
      </c>
      <c r="Q70" s="8">
        <v>4.8902346646931392</v>
      </c>
      <c r="R70" s="8">
        <v>6.1233272873056777</v>
      </c>
      <c r="S70" s="8">
        <v>6.087560442070493</v>
      </c>
      <c r="T70" s="8">
        <v>6.0289592652029915</v>
      </c>
      <c r="U70" s="8">
        <v>5.7946689552379738</v>
      </c>
      <c r="V70" s="8">
        <v>5.9585392564779118</v>
      </c>
      <c r="W70" s="17">
        <v>6.0776415353609377</v>
      </c>
      <c r="X70" s="8">
        <v>5.5789969104157278</v>
      </c>
      <c r="Y70" s="8">
        <v>4.975808172739721</v>
      </c>
      <c r="Z70" s="8">
        <v>5.311762825477742</v>
      </c>
      <c r="AA70" s="8">
        <v>5.8423063983650367</v>
      </c>
      <c r="AB70" s="8">
        <v>5.9303981317394046</v>
      </c>
      <c r="AC70" s="8">
        <v>5.8452238231330789</v>
      </c>
      <c r="AD70" s="8">
        <v>6.1669378295153869</v>
      </c>
      <c r="AE70" s="8">
        <v>6.1468580812919118</v>
      </c>
      <c r="AF70" s="8">
        <v>5.9768139127546158</v>
      </c>
      <c r="AG70" s="8">
        <v>6.2465802610836079</v>
      </c>
      <c r="AH70" s="8">
        <v>6.5168894840255156</v>
      </c>
      <c r="AI70" s="8">
        <v>6.2583725695430026</v>
      </c>
      <c r="AJ70" s="8">
        <v>6.0618114609189453</v>
      </c>
      <c r="AK70" s="8">
        <v>6.2378242848406611</v>
      </c>
      <c r="AL70" s="8">
        <v>6.47723989232649</v>
      </c>
      <c r="AM70" s="8">
        <v>6.4407886184912302</v>
      </c>
      <c r="AN70" s="8">
        <v>6.3054183773857142</v>
      </c>
      <c r="AO70" s="8">
        <v>6.7720649251986913</v>
      </c>
      <c r="AP70" s="8">
        <v>7.112003498196243</v>
      </c>
      <c r="AQ70" s="8">
        <v>6.7537183391744842</v>
      </c>
      <c r="AR70" s="8">
        <v>6.7050941757842724</v>
      </c>
      <c r="AS70" s="8">
        <v>7.2236962579469139</v>
      </c>
      <c r="AT70" s="8">
        <v>7.2546902518152327</v>
      </c>
      <c r="AU70" s="8">
        <v>7.3280704106619572</v>
      </c>
      <c r="AV70" s="8">
        <v>6.8733164851454571</v>
      </c>
      <c r="AW70" s="8">
        <v>6.8825256441321372</v>
      </c>
      <c r="AX70" s="8">
        <v>7.7728955358608243</v>
      </c>
      <c r="AY70" s="8">
        <v>7.9310094405025815</v>
      </c>
      <c r="AZ70" s="8">
        <v>7.6258045366540861</v>
      </c>
      <c r="BA70" s="8">
        <v>7.0907183716647726</v>
      </c>
      <c r="BB70" s="8">
        <v>6.3295223089235693</v>
      </c>
      <c r="BC70" s="8">
        <v>6.3161543588799525</v>
      </c>
      <c r="BD70" s="8">
        <v>6.6511917533081286</v>
      </c>
    </row>
    <row r="71" spans="3:56" x14ac:dyDescent="0.2">
      <c r="C71" s="5" t="s">
        <v>68</v>
      </c>
      <c r="D71" s="6" t="s">
        <v>58</v>
      </c>
      <c r="E71" s="8">
        <v>3.3180831693862594</v>
      </c>
      <c r="F71" s="8">
        <v>4.2302570160843036</v>
      </c>
      <c r="G71" s="8">
        <v>3.989136632764632</v>
      </c>
      <c r="H71" s="8">
        <v>3.6432535901488357</v>
      </c>
      <c r="I71" s="8">
        <v>3.5006049399157897</v>
      </c>
      <c r="J71" s="8">
        <v>3.7156565254478244</v>
      </c>
      <c r="K71" s="8">
        <v>3.5092795347907608</v>
      </c>
      <c r="L71" s="8">
        <v>3.2848399808932411</v>
      </c>
      <c r="M71" s="8">
        <v>3.5466247944511071</v>
      </c>
      <c r="N71" s="8">
        <v>3.7215480660283045</v>
      </c>
      <c r="O71" s="8">
        <v>3.1459436736586501</v>
      </c>
      <c r="P71" s="8">
        <v>3.015167839343301</v>
      </c>
      <c r="Q71" s="8">
        <v>3.0799808441516419</v>
      </c>
      <c r="R71" s="8">
        <v>3.2982552800734615</v>
      </c>
      <c r="S71" s="8">
        <v>3.3444250465254655</v>
      </c>
      <c r="T71" s="8">
        <v>3.3756554573753785</v>
      </c>
      <c r="U71" s="8">
        <v>3.2436753406738545</v>
      </c>
      <c r="V71" s="8">
        <v>3.1812157212295089</v>
      </c>
      <c r="W71" s="17">
        <v>3.2408869459683713</v>
      </c>
      <c r="X71" s="8">
        <v>3.2600724486923749</v>
      </c>
      <c r="Y71" s="8">
        <v>3.0587766956318885</v>
      </c>
      <c r="Z71" s="8">
        <v>3.007381190473879</v>
      </c>
      <c r="AA71" s="8">
        <v>3.0221909082530285</v>
      </c>
      <c r="AB71" s="8">
        <v>3.2664785861387804</v>
      </c>
      <c r="AC71" s="8">
        <v>3.3628456717402573</v>
      </c>
      <c r="AD71" s="8">
        <v>3.2493212214694336</v>
      </c>
      <c r="AE71" s="8">
        <v>3.0164825068251342</v>
      </c>
      <c r="AF71" s="8">
        <v>3.0395004451691112</v>
      </c>
      <c r="AG71" s="8">
        <v>3.1647322521836143</v>
      </c>
      <c r="AH71" s="8">
        <v>3.0457073913457227</v>
      </c>
      <c r="AI71" s="8">
        <v>2.7298589245350362</v>
      </c>
      <c r="AJ71" s="8">
        <v>2.6722366552721533</v>
      </c>
      <c r="AK71" s="8">
        <v>2.8300268035616938</v>
      </c>
      <c r="AL71" s="8">
        <v>2.9959522347037573</v>
      </c>
      <c r="AM71" s="8">
        <v>2.9177822327423799</v>
      </c>
      <c r="AN71" s="8">
        <v>2.8478866557043956</v>
      </c>
      <c r="AO71" s="8">
        <v>2.6984144932881668</v>
      </c>
      <c r="AP71" s="8">
        <v>2.6703416964098259</v>
      </c>
      <c r="AQ71" s="8">
        <v>2.6169625179795242</v>
      </c>
      <c r="AR71" s="8">
        <v>2.5066697564975575</v>
      </c>
      <c r="AS71" s="8">
        <v>2.9085958869329729</v>
      </c>
      <c r="AT71" s="8">
        <v>3.0749337548771845</v>
      </c>
      <c r="AU71" s="8">
        <v>2.8502260756240156</v>
      </c>
      <c r="AV71" s="8">
        <v>2.593215657581855</v>
      </c>
      <c r="AW71" s="8">
        <v>3.1458680719913321</v>
      </c>
      <c r="AX71" s="8">
        <v>2.9152520971399634</v>
      </c>
      <c r="AY71" s="8">
        <v>3.3223580409944304</v>
      </c>
      <c r="AZ71" s="8">
        <v>3.3947365877235378</v>
      </c>
      <c r="BA71" s="8">
        <v>2.7542453009303212</v>
      </c>
      <c r="BB71" s="8">
        <v>3.4589883928183283</v>
      </c>
      <c r="BC71" s="8">
        <v>3.4628228161892833</v>
      </c>
      <c r="BD71" s="8">
        <v>3.5716714663630582</v>
      </c>
    </row>
    <row r="72" spans="3:56" x14ac:dyDescent="0.2">
      <c r="C72" s="5" t="s">
        <v>69</v>
      </c>
      <c r="D72" s="6" t="s">
        <v>58</v>
      </c>
      <c r="E72" s="8">
        <v>4.6301130738619811</v>
      </c>
      <c r="F72" s="8">
        <v>3.8977492764109987</v>
      </c>
      <c r="G72" s="8">
        <v>3.4767152563529926</v>
      </c>
      <c r="H72" s="8">
        <v>2.8096153452161441</v>
      </c>
      <c r="I72" s="8">
        <v>2.7063116789752302</v>
      </c>
      <c r="J72" s="8">
        <v>3.3729356630170737</v>
      </c>
      <c r="K72" s="8">
        <v>2.4004002842686458</v>
      </c>
      <c r="L72" s="8">
        <v>1.4697036096248279</v>
      </c>
      <c r="M72" s="8">
        <v>1.6815399455679196</v>
      </c>
      <c r="N72" s="8">
        <v>1.8782433475386731</v>
      </c>
      <c r="O72" s="8">
        <v>1.5986601555606836</v>
      </c>
      <c r="P72" s="8">
        <v>1.6084060399033964</v>
      </c>
      <c r="Q72" s="8">
        <v>2.4178665600000002</v>
      </c>
      <c r="R72" s="8">
        <v>2.5120550736120433</v>
      </c>
      <c r="S72" s="8">
        <v>2.1484156468886617</v>
      </c>
      <c r="T72" s="8">
        <v>1.9528693751425135</v>
      </c>
      <c r="U72" s="8">
        <v>1.9823286740756501</v>
      </c>
      <c r="V72" s="8">
        <v>1.8873708470834167</v>
      </c>
      <c r="W72" s="17">
        <v>1.9495918711222644</v>
      </c>
      <c r="X72" s="8">
        <v>1.9456674695446754</v>
      </c>
      <c r="Y72" s="8">
        <v>1.8257674133098605</v>
      </c>
      <c r="Z72" s="8">
        <v>2.0521655798430714</v>
      </c>
      <c r="AA72" s="8">
        <v>1.8876377060822509</v>
      </c>
      <c r="AB72" s="8">
        <v>1.955807684014397</v>
      </c>
      <c r="AC72" s="8">
        <v>1.8438365491580035</v>
      </c>
      <c r="AD72" s="8">
        <v>1.891748989194429</v>
      </c>
      <c r="AE72" s="8">
        <v>1.8337562800935479</v>
      </c>
      <c r="AF72" s="8">
        <v>1.9710053985679115</v>
      </c>
      <c r="AG72" s="8">
        <v>1.9540589854032062</v>
      </c>
      <c r="AH72" s="8">
        <v>1.6464901675246093</v>
      </c>
      <c r="AI72" s="40" t="s">
        <v>90</v>
      </c>
      <c r="AJ72" s="40" t="s">
        <v>90</v>
      </c>
      <c r="AK72" s="40" t="s">
        <v>90</v>
      </c>
      <c r="AL72" s="40" t="s">
        <v>90</v>
      </c>
      <c r="AM72" s="40" t="s">
        <v>90</v>
      </c>
      <c r="AN72" s="40" t="s">
        <v>90</v>
      </c>
      <c r="AO72" s="8">
        <v>1.816876122846901</v>
      </c>
      <c r="AP72" s="8">
        <v>1.7899335611490064</v>
      </c>
      <c r="AQ72" s="8">
        <v>1.7467411732059395</v>
      </c>
      <c r="AR72" s="8">
        <v>1.7485608153891723</v>
      </c>
      <c r="AS72" s="8">
        <v>1.9157279047048217</v>
      </c>
      <c r="AT72" s="8">
        <v>1.9832944288897258</v>
      </c>
      <c r="AU72" s="8">
        <v>1.8486327580570228</v>
      </c>
      <c r="AV72" s="8">
        <v>1.7113167346981331</v>
      </c>
      <c r="AW72" s="8">
        <v>2.0058096631243818</v>
      </c>
      <c r="AX72" s="8">
        <v>2.0671456403032988</v>
      </c>
      <c r="AY72" s="8">
        <v>2.1432102279248055</v>
      </c>
      <c r="AZ72" s="8">
        <v>2.2941132624227727</v>
      </c>
      <c r="BA72" s="8">
        <v>2.2572102208608738</v>
      </c>
      <c r="BB72" s="8">
        <v>2.3761133191607358</v>
      </c>
      <c r="BC72" s="8">
        <v>1.8745262949225576</v>
      </c>
      <c r="BD72" s="8">
        <v>2.8510198811717089</v>
      </c>
    </row>
    <row r="73" spans="3:56" x14ac:dyDescent="0.2">
      <c r="C73" s="5" t="s">
        <v>70</v>
      </c>
      <c r="D73" s="6" t="s">
        <v>58</v>
      </c>
      <c r="E73" s="8">
        <v>3.6926834516892617</v>
      </c>
      <c r="F73" s="8">
        <v>3.7097055669299013</v>
      </c>
      <c r="G73" s="8">
        <v>3.3053771872223727</v>
      </c>
      <c r="H73" s="8">
        <v>2.9775191833536878</v>
      </c>
      <c r="I73" s="8">
        <v>3.2925285738415631</v>
      </c>
      <c r="J73" s="8">
        <v>3.7296972326381352</v>
      </c>
      <c r="K73" s="8">
        <v>3.3086421650829143</v>
      </c>
      <c r="L73" s="8">
        <v>3.2198746558631957</v>
      </c>
      <c r="M73" s="8">
        <v>2.7830850047755491</v>
      </c>
      <c r="N73" s="8">
        <v>3.0368183340841624</v>
      </c>
      <c r="O73" s="8">
        <v>2.2022292466981304</v>
      </c>
      <c r="P73" s="8">
        <v>1.8971644271498347</v>
      </c>
      <c r="Q73" s="8">
        <v>2.0036195598777717</v>
      </c>
      <c r="R73" s="8">
        <v>1.6819252296517837</v>
      </c>
      <c r="S73" s="8">
        <v>1.6722283268622482</v>
      </c>
      <c r="T73" s="8">
        <v>1.7644347589212748</v>
      </c>
      <c r="U73" s="8">
        <v>1.9639013159181118</v>
      </c>
      <c r="V73" s="8">
        <v>1.7838412134304265</v>
      </c>
      <c r="W73" s="17">
        <v>2.1913567443180026</v>
      </c>
      <c r="X73" s="8">
        <v>2.2668546450446558</v>
      </c>
      <c r="Y73" s="8">
        <v>3.075723448375637</v>
      </c>
      <c r="Z73" s="8">
        <v>2.8549196705396009</v>
      </c>
      <c r="AA73" s="8">
        <v>2.8779045053338388</v>
      </c>
      <c r="AB73" s="8">
        <v>2.9694268006858255</v>
      </c>
      <c r="AC73" s="8">
        <v>2.9491091414715673</v>
      </c>
      <c r="AD73" s="8">
        <v>2.7876879469736613</v>
      </c>
      <c r="AE73" s="8">
        <v>2.8062937216158073</v>
      </c>
      <c r="AF73" s="8">
        <v>3.0797318200924759</v>
      </c>
      <c r="AG73" s="8">
        <v>3.4470835286397303</v>
      </c>
      <c r="AH73" s="8">
        <v>3.3391596373503858</v>
      </c>
      <c r="AI73" s="8">
        <v>2.9507908044328084</v>
      </c>
      <c r="AJ73" s="8">
        <v>2.8039897478857512</v>
      </c>
      <c r="AK73" s="8">
        <v>3.086823950343955</v>
      </c>
      <c r="AL73" s="8">
        <v>3.3635940163136109</v>
      </c>
      <c r="AM73" s="8">
        <v>3.2641649746192893</v>
      </c>
      <c r="AN73" s="8">
        <v>3.1425471020819997</v>
      </c>
      <c r="AO73" s="8">
        <v>3.2644960605215454</v>
      </c>
      <c r="AP73" s="8">
        <v>3.1121060935908442</v>
      </c>
      <c r="AQ73" s="8">
        <v>3.135567593114355</v>
      </c>
      <c r="AR73" s="8">
        <v>3.2079345517633335</v>
      </c>
      <c r="AS73" s="8">
        <v>3.2781678660128635</v>
      </c>
      <c r="AT73" s="8">
        <v>3.4070335462268244</v>
      </c>
      <c r="AU73" s="8">
        <v>3.3557405658255748</v>
      </c>
      <c r="AV73" s="8">
        <v>3.035594790015848</v>
      </c>
      <c r="AW73" s="8">
        <v>3.0828664384289874</v>
      </c>
      <c r="AX73" s="8">
        <v>3.3065865376510848</v>
      </c>
      <c r="AY73" s="8">
        <v>3.3743503181838697</v>
      </c>
      <c r="AZ73" s="8">
        <v>3.1011761723387412</v>
      </c>
      <c r="BA73" s="8">
        <v>3.4310149745046146</v>
      </c>
      <c r="BB73" s="8">
        <v>3.228540882532172</v>
      </c>
      <c r="BC73" s="8">
        <v>3.2364135924957158</v>
      </c>
      <c r="BD73" s="8">
        <v>3.4080209688528353</v>
      </c>
    </row>
    <row r="74" spans="3:56" x14ac:dyDescent="0.2">
      <c r="C74" s="5" t="s">
        <v>101</v>
      </c>
      <c r="D74" s="6" t="s">
        <v>58</v>
      </c>
      <c r="E74" s="8">
        <v>6.7795948292494694</v>
      </c>
      <c r="F74" s="8">
        <v>6.3864297738750624</v>
      </c>
      <c r="G74" s="8">
        <v>6.0620572747367056</v>
      </c>
      <c r="H74" s="8">
        <v>5.4866575654152445</v>
      </c>
      <c r="I74" s="8">
        <v>5.4145266863569912</v>
      </c>
      <c r="J74" s="8">
        <v>5.291822928490352</v>
      </c>
      <c r="K74" s="8">
        <v>6.5120805147665406</v>
      </c>
      <c r="L74" s="8">
        <v>7.8548875947147607</v>
      </c>
      <c r="M74" s="8">
        <v>6.5533171283210851</v>
      </c>
      <c r="N74" s="8">
        <v>7.0789997277429899</v>
      </c>
      <c r="O74" s="8">
        <v>6.8661286634169825</v>
      </c>
      <c r="P74" s="8">
        <v>6.7286811706966727</v>
      </c>
      <c r="Q74" s="8">
        <v>5.9947548472067087</v>
      </c>
      <c r="R74" s="8">
        <v>5.9266714285714297</v>
      </c>
      <c r="S74" s="8">
        <v>5.7309412011319569</v>
      </c>
      <c r="T74" s="8">
        <v>6.37394197526464</v>
      </c>
      <c r="U74" s="8">
        <v>6.1780161627710575</v>
      </c>
      <c r="V74" s="8">
        <v>5.9785288751935486</v>
      </c>
      <c r="W74" s="17">
        <v>5.4628294316399177</v>
      </c>
      <c r="X74" s="8">
        <v>5.4066533104369388</v>
      </c>
      <c r="Y74" s="8">
        <v>5.6126595052083337</v>
      </c>
      <c r="Z74" s="8">
        <v>5.3742037538475778</v>
      </c>
      <c r="AA74" s="8">
        <v>5.934907720578444</v>
      </c>
      <c r="AB74" s="8">
        <v>5.7722395954881369</v>
      </c>
      <c r="AC74" s="8">
        <v>7.0485403897366536</v>
      </c>
      <c r="AD74" s="8">
        <v>6.7891523135089731</v>
      </c>
      <c r="AE74" s="8">
        <v>5.716641269998842</v>
      </c>
      <c r="AF74" s="8">
        <v>5.2843163134136502</v>
      </c>
      <c r="AG74" s="8">
        <v>5.841243843523543</v>
      </c>
      <c r="AH74" s="8">
        <v>5.4658628493307049</v>
      </c>
      <c r="AI74" s="8">
        <v>5.3303873003397984</v>
      </c>
      <c r="AJ74" s="8">
        <v>5.1980287562135867</v>
      </c>
      <c r="AK74" s="8">
        <v>5.0807595927956148</v>
      </c>
      <c r="AL74" s="8">
        <v>5.5273854207902797</v>
      </c>
      <c r="AM74" s="8">
        <v>6.2553454486200923</v>
      </c>
      <c r="AN74" s="8">
        <v>5.8263231879372164</v>
      </c>
      <c r="AO74" s="8">
        <v>6.0275948629554996</v>
      </c>
      <c r="AP74" s="8">
        <v>6.6310996428882509</v>
      </c>
      <c r="AQ74" s="8">
        <v>6.2470403118463596</v>
      </c>
      <c r="AR74" s="8">
        <v>6.2298618852775416</v>
      </c>
      <c r="AS74" s="8">
        <v>5.202830973071559</v>
      </c>
      <c r="AT74" s="8">
        <v>4.9424898298816569</v>
      </c>
      <c r="AU74" s="8">
        <v>5.2909481058287424</v>
      </c>
      <c r="AV74" s="8">
        <v>5.5058921917919985</v>
      </c>
      <c r="AW74" s="8">
        <v>4.7332823847101695</v>
      </c>
      <c r="AX74" s="8">
        <v>5.3158845880925671</v>
      </c>
      <c r="AY74" s="8">
        <v>6.2633976767433044</v>
      </c>
      <c r="AZ74" s="8">
        <v>6.5908228865316625</v>
      </c>
      <c r="BA74" s="8">
        <v>5.0494667157043027</v>
      </c>
      <c r="BB74" s="8">
        <v>6.1233445149003396</v>
      </c>
      <c r="BC74" s="8">
        <v>6.3250246604446465</v>
      </c>
      <c r="BD74" s="8">
        <v>4.837868004389402</v>
      </c>
    </row>
    <row r="75" spans="3:56" x14ac:dyDescent="0.2">
      <c r="C75" s="5" t="s">
        <v>71</v>
      </c>
      <c r="D75" s="6" t="s">
        <v>58</v>
      </c>
      <c r="E75" s="8">
        <v>3.6171681462277734</v>
      </c>
      <c r="F75" s="8">
        <v>3.6475219342991223</v>
      </c>
      <c r="G75" s="8">
        <v>3.6415870846642737</v>
      </c>
      <c r="H75" s="8">
        <v>3.6349661958227695</v>
      </c>
      <c r="I75" s="8">
        <v>3.6254920969441518</v>
      </c>
      <c r="J75" s="8">
        <v>3.71252471169687</v>
      </c>
      <c r="K75" s="8">
        <v>3.7224105983583109</v>
      </c>
      <c r="L75" s="8">
        <v>3.7261844854412094</v>
      </c>
      <c r="M75" s="8">
        <v>3.7580611506195973</v>
      </c>
      <c r="N75" s="8">
        <v>3.7269371031405525</v>
      </c>
      <c r="O75" s="8">
        <v>3.7042091133536283</v>
      </c>
      <c r="P75" s="8">
        <v>3.6605117971592911</v>
      </c>
      <c r="Q75" s="8">
        <v>3.6627372881355931</v>
      </c>
      <c r="R75" s="8">
        <v>3.7744502645881006</v>
      </c>
      <c r="S75" s="8">
        <v>3.799791611244125</v>
      </c>
      <c r="T75" s="8">
        <v>3.7811930220669678</v>
      </c>
      <c r="U75" s="8">
        <v>3.8131158309612436</v>
      </c>
      <c r="V75" s="8">
        <v>3.7464019239070114</v>
      </c>
      <c r="W75" s="17">
        <v>3.7900583982202445</v>
      </c>
      <c r="X75" s="8">
        <v>3.770644772368354</v>
      </c>
      <c r="Y75" s="8">
        <v>3.7927357606344625</v>
      </c>
      <c r="Z75" s="8">
        <v>3.7815013314457135</v>
      </c>
      <c r="AA75" s="8">
        <v>3.79821374508023</v>
      </c>
      <c r="AB75" s="8">
        <v>3.7646143238564678</v>
      </c>
      <c r="AC75" s="8">
        <v>3.8014603921293291</v>
      </c>
      <c r="AD75" s="8">
        <v>3.7672303473491771</v>
      </c>
      <c r="AE75" s="8">
        <v>3.7884055003923973</v>
      </c>
      <c r="AF75" s="8">
        <v>3.7665523126813447</v>
      </c>
      <c r="AG75" s="8">
        <v>3.80514524639851</v>
      </c>
      <c r="AH75" s="8">
        <v>3.7049525475950476</v>
      </c>
      <c r="AI75" s="8">
        <v>3.7449903638516728</v>
      </c>
      <c r="AJ75" s="8">
        <v>3.7510005408328824</v>
      </c>
      <c r="AK75" s="8">
        <v>3.7803394006835704</v>
      </c>
      <c r="AL75" s="8">
        <v>3.7560166577889689</v>
      </c>
      <c r="AM75" s="8">
        <v>3.7451453820312111</v>
      </c>
      <c r="AN75" s="8">
        <v>3.7411699151135771</v>
      </c>
      <c r="AO75" s="8">
        <v>3.7412629618353419</v>
      </c>
      <c r="AP75" s="8">
        <v>3.7110022004400878</v>
      </c>
      <c r="AQ75" s="8">
        <v>3.719441049784634</v>
      </c>
      <c r="AR75" s="8">
        <v>3.7328316915431654</v>
      </c>
      <c r="AS75" s="8">
        <v>3.7349030470914126</v>
      </c>
      <c r="AT75" s="8">
        <v>3.737628759359616</v>
      </c>
      <c r="AU75" s="8">
        <v>3.7609513496790159</v>
      </c>
      <c r="AV75" s="8">
        <v>3.8194425901201599</v>
      </c>
      <c r="AW75" s="8">
        <v>3.7849542130299025</v>
      </c>
      <c r="AX75" s="8">
        <v>3.7811680875429441</v>
      </c>
      <c r="AY75" s="8">
        <v>3.8152639870154665</v>
      </c>
      <c r="AZ75" s="8">
        <v>3.8013603852927433</v>
      </c>
      <c r="BA75" s="8">
        <v>4.0562068889036755</v>
      </c>
      <c r="BB75" s="8">
        <v>3.828887031514161</v>
      </c>
      <c r="BC75" s="8">
        <v>3.7858898639936776</v>
      </c>
      <c r="BD75" s="8">
        <v>4.1424640789686107</v>
      </c>
    </row>
    <row r="76" spans="3:56" x14ac:dyDescent="0.2">
      <c r="C76" s="5" t="s">
        <v>102</v>
      </c>
      <c r="D76" s="6" t="s">
        <v>58</v>
      </c>
      <c r="E76" s="8">
        <v>5.6420628892104805</v>
      </c>
      <c r="F76" s="8">
        <v>6.0412352730469889</v>
      </c>
      <c r="G76" s="8">
        <v>6.1707262176550826</v>
      </c>
      <c r="H76" s="8">
        <v>6.1652381938690972</v>
      </c>
      <c r="I76" s="8">
        <v>6.1724666410641351</v>
      </c>
      <c r="J76" s="8">
        <v>6.2072705764267271</v>
      </c>
      <c r="K76" s="8">
        <v>6.2905681694392994</v>
      </c>
      <c r="L76" s="8">
        <v>6.3013871730483721</v>
      </c>
      <c r="M76" s="8">
        <v>6.2181295012489839</v>
      </c>
      <c r="N76" s="8">
        <v>6.0685048687735872</v>
      </c>
      <c r="O76" s="8">
        <v>6.1092629479557186</v>
      </c>
      <c r="P76" s="8">
        <v>6.1218936330686553</v>
      </c>
      <c r="Q76" s="8">
        <v>6.1397068362183909</v>
      </c>
      <c r="R76" s="8">
        <v>6.1413875375481686</v>
      </c>
      <c r="S76" s="8">
        <v>6.1300786093488542</v>
      </c>
      <c r="T76" s="8">
        <v>6.0788828115397449</v>
      </c>
      <c r="U76" s="8">
        <v>6.0750539470221625</v>
      </c>
      <c r="V76" s="8">
        <v>6.1259820326702847</v>
      </c>
      <c r="W76" s="17">
        <v>6.1069281865448248</v>
      </c>
      <c r="X76" s="8">
        <v>6.1046190552463324</v>
      </c>
      <c r="Y76" s="8">
        <v>6.0274745040293123</v>
      </c>
      <c r="Z76" s="8">
        <v>5.5861594593664305</v>
      </c>
      <c r="AA76" s="8">
        <v>5.5934002401243923</v>
      </c>
      <c r="AB76" s="8">
        <v>5.6606233432522828</v>
      </c>
      <c r="AC76" s="8">
        <v>5.94976239078958</v>
      </c>
      <c r="AD76" s="8">
        <v>5.976385506686178</v>
      </c>
      <c r="AE76" s="8">
        <v>6.2610383097968363</v>
      </c>
      <c r="AF76" s="8">
        <v>6.1106650783367131</v>
      </c>
      <c r="AG76" s="8">
        <v>6.2001533848154331</v>
      </c>
      <c r="AH76" s="8">
        <v>5.8831859938433144</v>
      </c>
      <c r="AI76" s="8">
        <v>5.9350128018344988</v>
      </c>
      <c r="AJ76" s="8">
        <v>5.866346182050056</v>
      </c>
      <c r="AK76" s="8">
        <v>5.9981556255486144</v>
      </c>
      <c r="AL76" s="8">
        <v>6.0051707690906078</v>
      </c>
      <c r="AM76" s="8">
        <v>6.2165581160867509</v>
      </c>
      <c r="AN76" s="8">
        <v>6.2138550569433848</v>
      </c>
      <c r="AO76" s="8">
        <v>6.1843415622876003</v>
      </c>
      <c r="AP76" s="8">
        <v>6.2667101782581414</v>
      </c>
      <c r="AQ76" s="8">
        <v>6.0101149418944706</v>
      </c>
      <c r="AR76" s="8">
        <v>6.2525918640041569</v>
      </c>
      <c r="AS76" s="8">
        <v>6.0559723483178125</v>
      </c>
      <c r="AT76" s="8">
        <v>6.0835851839398432</v>
      </c>
      <c r="AU76" s="8">
        <v>5.8694686510843903</v>
      </c>
      <c r="AV76" s="8">
        <v>5.6964081948897034</v>
      </c>
      <c r="AW76" s="8">
        <v>5.7010042948526642</v>
      </c>
      <c r="AX76" s="8">
        <v>5.610960686922061</v>
      </c>
      <c r="AY76" s="8">
        <v>5.5916845637583892</v>
      </c>
      <c r="AZ76" s="8">
        <v>5.4824786532411851</v>
      </c>
      <c r="BA76" s="8">
        <v>5.6482380308433937</v>
      </c>
      <c r="BB76" s="8">
        <v>6.0591745422911147</v>
      </c>
      <c r="BC76" s="8">
        <v>5.8922101937603193</v>
      </c>
      <c r="BD76" s="8">
        <v>5.7827192032907559</v>
      </c>
    </row>
    <row r="77" spans="3:56" x14ac:dyDescent="0.2">
      <c r="C77" s="5" t="s">
        <v>72</v>
      </c>
      <c r="D77" s="6" t="s">
        <v>58</v>
      </c>
      <c r="E77" s="8">
        <v>7.1853542521308826</v>
      </c>
      <c r="F77" s="8">
        <v>7.661824962431198</v>
      </c>
      <c r="G77" s="8">
        <v>7.7815738282653815</v>
      </c>
      <c r="H77" s="8">
        <v>6.3949144882351376</v>
      </c>
      <c r="I77" s="8">
        <v>5.828807664885316</v>
      </c>
      <c r="J77" s="8">
        <v>6.1806546835236587</v>
      </c>
      <c r="K77" s="8">
        <v>6.5295338612644995</v>
      </c>
      <c r="L77" s="8">
        <v>6.9092401745341672</v>
      </c>
      <c r="M77" s="8">
        <v>7.152067078405465</v>
      </c>
      <c r="N77" s="8">
        <v>7.0325537715566542</v>
      </c>
      <c r="O77" s="8">
        <v>6.6180923108640943</v>
      </c>
      <c r="P77" s="8">
        <v>6.6940243269872033</v>
      </c>
      <c r="Q77" s="8">
        <v>7.8450147111317845</v>
      </c>
      <c r="R77" s="8">
        <v>7.997866171725259</v>
      </c>
      <c r="S77" s="8">
        <v>7.5692545014300574</v>
      </c>
      <c r="T77" s="8">
        <v>7.115852189101596</v>
      </c>
      <c r="U77" s="8">
        <v>6.8539266567968449</v>
      </c>
      <c r="V77" s="8">
        <v>6.6970777675773512</v>
      </c>
      <c r="W77" s="17">
        <v>7.0351944771623849</v>
      </c>
      <c r="X77" s="8">
        <v>7.911533489537045</v>
      </c>
      <c r="Y77" s="8">
        <v>8.4362547491841333</v>
      </c>
      <c r="Z77" s="8">
        <v>7.1295308561261406</v>
      </c>
      <c r="AA77" s="8">
        <v>7.5060894168490622</v>
      </c>
      <c r="AB77" s="8">
        <v>8.1692379488352191</v>
      </c>
      <c r="AC77" s="8">
        <v>8.9077233330947472</v>
      </c>
      <c r="AD77" s="8">
        <v>9.002556053108556</v>
      </c>
      <c r="AE77" s="8">
        <v>9.0154647588529802</v>
      </c>
      <c r="AF77" s="8">
        <v>9.9869288065597317</v>
      </c>
      <c r="AG77" s="8">
        <v>10.265054703924585</v>
      </c>
      <c r="AH77" s="8">
        <v>9.9520080574160552</v>
      </c>
      <c r="AI77" s="8">
        <v>8.9648203766064771</v>
      </c>
      <c r="AJ77" s="8">
        <v>8.2073358866719079</v>
      </c>
      <c r="AK77" s="8">
        <v>8.1599248151361188</v>
      </c>
      <c r="AL77" s="8">
        <v>8.2769658432371962</v>
      </c>
      <c r="AM77" s="8">
        <v>8.3328887910497684</v>
      </c>
      <c r="AN77" s="8">
        <v>8.0071236410539885</v>
      </c>
      <c r="AO77" s="8">
        <v>8.0446313680762707</v>
      </c>
      <c r="AP77" s="8">
        <v>7.1200331248045039</v>
      </c>
      <c r="AQ77" s="8">
        <v>7.0598491885380579</v>
      </c>
      <c r="AR77" s="8">
        <v>7.2717561834116227</v>
      </c>
      <c r="AS77" s="8">
        <v>8.1991505685667185</v>
      </c>
      <c r="AT77" s="8">
        <v>8.4883306794867863</v>
      </c>
      <c r="AU77" s="8">
        <v>8.440301145861989</v>
      </c>
      <c r="AV77" s="8">
        <v>8.4060941296803229</v>
      </c>
      <c r="AW77" s="8">
        <v>8.1655633815337971</v>
      </c>
      <c r="AX77" s="8">
        <v>7.9984598569693688</v>
      </c>
      <c r="AY77" s="8">
        <v>8.2830559804793698</v>
      </c>
      <c r="AZ77" s="8">
        <v>8.021383403320641</v>
      </c>
      <c r="BA77" s="8">
        <v>8.0076308824436797</v>
      </c>
      <c r="BB77" s="8">
        <v>8.5006547272335578</v>
      </c>
      <c r="BC77" s="8">
        <v>9.2380562510605007</v>
      </c>
      <c r="BD77" s="8">
        <v>10.310642964421335</v>
      </c>
    </row>
    <row r="78" spans="3:56" x14ac:dyDescent="0.2">
      <c r="C78" s="5" t="s">
        <v>73</v>
      </c>
      <c r="D78" s="6" t="s">
        <v>58</v>
      </c>
      <c r="E78" s="8">
        <v>5.6643531027860394</v>
      </c>
      <c r="F78" s="8">
        <v>4.5827403272497129</v>
      </c>
      <c r="G78" s="8">
        <v>4.2877464148833306</v>
      </c>
      <c r="H78" s="8">
        <v>4.1706971213833794</v>
      </c>
      <c r="I78" s="8">
        <v>4.1901215422245759</v>
      </c>
      <c r="J78" s="8">
        <v>4.6837544467755174</v>
      </c>
      <c r="K78" s="8">
        <v>5.9698800404682757</v>
      </c>
      <c r="L78" s="8">
        <v>5.5521364298678391</v>
      </c>
      <c r="M78" s="8">
        <v>5.0745826324352645</v>
      </c>
      <c r="N78" s="8">
        <v>5.193481411254826</v>
      </c>
      <c r="O78" s="8">
        <v>5.7379190835795839</v>
      </c>
      <c r="P78" s="8">
        <v>6.0852440380575814</v>
      </c>
      <c r="Q78" s="8">
        <v>5.5311801093643203</v>
      </c>
      <c r="R78" s="8">
        <v>5.4154451686741947</v>
      </c>
      <c r="S78" s="8">
        <v>4.8866730711043864</v>
      </c>
      <c r="T78" s="8">
        <v>4.8449404098430939</v>
      </c>
      <c r="U78" s="8">
        <v>4.8894858574802695</v>
      </c>
      <c r="V78" s="8">
        <v>5.1423172680629152</v>
      </c>
      <c r="W78" s="17">
        <v>5.7553526677134323</v>
      </c>
      <c r="X78" s="8">
        <v>6.0476542221240406</v>
      </c>
      <c r="Y78" s="8">
        <v>5.8113279406259659</v>
      </c>
      <c r="Z78" s="8">
        <v>5.2960739030023092</v>
      </c>
      <c r="AA78" s="8">
        <v>5.7066839467772601</v>
      </c>
      <c r="AB78" s="8">
        <v>5.7937859395288438</v>
      </c>
      <c r="AC78" s="8">
        <v>5.9531277184657974</v>
      </c>
      <c r="AD78" s="8">
        <v>5.4962372184451143</v>
      </c>
      <c r="AE78" s="8">
        <v>4.2519637293765378</v>
      </c>
      <c r="AF78" s="8">
        <v>4.3473937601283845</v>
      </c>
      <c r="AG78" s="8">
        <v>4.4845884292977871</v>
      </c>
      <c r="AH78" s="8">
        <v>4.4822267096805968</v>
      </c>
      <c r="AI78" s="8">
        <v>5.0276425915557663</v>
      </c>
      <c r="AJ78" s="8">
        <v>4.975689411348772</v>
      </c>
      <c r="AK78" s="8">
        <v>5.1357395584194823</v>
      </c>
      <c r="AL78" s="8">
        <v>4.9763835479016887</v>
      </c>
      <c r="AM78" s="8">
        <v>4.7130397172217338</v>
      </c>
      <c r="AN78" s="8">
        <v>4.6856782189579986</v>
      </c>
      <c r="AO78" s="8">
        <v>4.6867809807819754</v>
      </c>
      <c r="AP78" s="8">
        <v>4.5402651746673568</v>
      </c>
      <c r="AQ78" s="8">
        <v>5.1349022028471119</v>
      </c>
      <c r="AR78" s="8">
        <v>5.378633925686592</v>
      </c>
      <c r="AS78" s="8">
        <v>5.909051678611843</v>
      </c>
      <c r="AT78" s="8">
        <v>5.7860524782958418</v>
      </c>
      <c r="AU78" s="8">
        <v>5.6234788243712126</v>
      </c>
      <c r="AV78" s="8">
        <v>5.1496266035712965</v>
      </c>
      <c r="AW78" s="8">
        <v>4.9906682301045553</v>
      </c>
      <c r="AX78" s="8">
        <v>4.9990228143480753</v>
      </c>
      <c r="AY78" s="8">
        <v>5.01</v>
      </c>
      <c r="AZ78" s="8">
        <v>5.055379060588975</v>
      </c>
      <c r="BA78" s="8">
        <v>5.1260897919956063</v>
      </c>
      <c r="BB78" s="8">
        <v>5.0043189365496996</v>
      </c>
      <c r="BC78" s="8">
        <v>5.0556174757642856</v>
      </c>
      <c r="BD78" s="8">
        <v>5.3109424364879763</v>
      </c>
    </row>
    <row r="79" spans="3:56" x14ac:dyDescent="0.2">
      <c r="C79" s="5" t="s">
        <v>74</v>
      </c>
      <c r="D79" s="6" t="s">
        <v>58</v>
      </c>
      <c r="E79" s="8">
        <v>1.5631242384875457</v>
      </c>
      <c r="F79" s="8">
        <v>1.5512493084216206</v>
      </c>
      <c r="G79" s="8">
        <v>1.5514028538848395</v>
      </c>
      <c r="H79" s="8">
        <v>1.5504057973054779</v>
      </c>
      <c r="I79" s="8">
        <v>1.5624536021960189</v>
      </c>
      <c r="J79" s="8">
        <v>1.5574077007737459</v>
      </c>
      <c r="K79" s="8">
        <v>1.5566828383395208</v>
      </c>
      <c r="L79" s="8">
        <v>1.5767555448794939</v>
      </c>
      <c r="M79" s="8">
        <v>1.6054229393662147</v>
      </c>
      <c r="N79" s="8">
        <v>1.5797838357842633</v>
      </c>
      <c r="O79" s="8">
        <v>1.6002668427527318</v>
      </c>
      <c r="P79" s="8">
        <v>1.5856048106386593</v>
      </c>
      <c r="Q79" s="8">
        <v>1.5733834920836605</v>
      </c>
      <c r="R79" s="8">
        <v>1.5709026753972366</v>
      </c>
      <c r="S79" s="8">
        <v>1.5838112899702661</v>
      </c>
      <c r="T79" s="8">
        <v>1.5704734926995532</v>
      </c>
      <c r="U79" s="8">
        <v>1.5648733529923127</v>
      </c>
      <c r="V79" s="8">
        <v>1.56430100592087</v>
      </c>
      <c r="W79" s="17">
        <v>1.5626967122275581</v>
      </c>
      <c r="X79" s="8">
        <v>1.5666421093129672</v>
      </c>
      <c r="Y79" s="8">
        <v>1.5705991008947635</v>
      </c>
      <c r="Z79" s="8">
        <v>1.5591164995155673</v>
      </c>
      <c r="AA79" s="8">
        <v>1.5598870386529342</v>
      </c>
      <c r="AB79" s="8">
        <v>1.5679864439496805</v>
      </c>
      <c r="AC79" s="8">
        <v>1.5643174710189711</v>
      </c>
      <c r="AD79" s="8">
        <v>1.5739572221241587</v>
      </c>
      <c r="AE79" s="8">
        <v>1.5562611881746231</v>
      </c>
      <c r="AF79" s="8">
        <v>1.5253792869781275</v>
      </c>
      <c r="AG79" s="8">
        <v>1.5241463114157399</v>
      </c>
      <c r="AH79" s="8">
        <v>1.5213966568065682</v>
      </c>
      <c r="AI79" s="8">
        <v>1.5414906736301843</v>
      </c>
      <c r="AJ79" s="8">
        <v>1.5221174029400548</v>
      </c>
      <c r="AK79" s="8">
        <v>1.5253946811512415</v>
      </c>
      <c r="AL79" s="8">
        <v>1.5364636990613554</v>
      </c>
      <c r="AM79" s="8">
        <v>1.5241445171369983</v>
      </c>
      <c r="AN79" s="8">
        <v>1.5257941163028079</v>
      </c>
      <c r="AO79" s="8">
        <v>1.5214236200882034</v>
      </c>
      <c r="AP79" s="8">
        <v>1.5223748300938347</v>
      </c>
      <c r="AQ79" s="8">
        <v>1.5407034094116407</v>
      </c>
      <c r="AR79" s="8">
        <v>1.5220109189621531</v>
      </c>
      <c r="AS79" s="8">
        <v>1.5316817757725141</v>
      </c>
      <c r="AT79" s="8">
        <v>1.5245631365266266</v>
      </c>
      <c r="AU79" s="8">
        <v>1.5223338797727237</v>
      </c>
      <c r="AV79" s="8">
        <v>1.5361980496699332</v>
      </c>
      <c r="AW79" s="8">
        <v>1.5336122498010423</v>
      </c>
      <c r="AX79" s="8">
        <v>1.5247254270542321</v>
      </c>
      <c r="AY79" s="8">
        <v>1.5248273023571421</v>
      </c>
      <c r="AZ79" s="8">
        <v>1.515176566461427</v>
      </c>
      <c r="BA79" s="8">
        <v>1.5330056615163727</v>
      </c>
      <c r="BB79" s="8">
        <v>1.5254972343179947</v>
      </c>
      <c r="BC79" s="8">
        <v>1.6244249590847957</v>
      </c>
      <c r="BD79" s="8">
        <v>1.6083326124775332</v>
      </c>
    </row>
    <row r="80" spans="3:56" x14ac:dyDescent="0.2">
      <c r="C80" s="16" t="s">
        <v>78</v>
      </c>
      <c r="D80" s="6" t="s">
        <v>58</v>
      </c>
      <c r="E80" s="8">
        <v>0.37584874032767079</v>
      </c>
      <c r="F80" s="8">
        <v>0.38089975645774321</v>
      </c>
      <c r="G80" s="8">
        <v>0.37753149065608788</v>
      </c>
      <c r="H80" s="8">
        <v>0.38824456469930163</v>
      </c>
      <c r="I80" s="8">
        <v>0.39057790529139697</v>
      </c>
      <c r="J80" s="8">
        <v>0.38564812324023673</v>
      </c>
      <c r="K80" s="8">
        <v>0.38610403850420427</v>
      </c>
      <c r="L80" s="8">
        <v>0.39107343951326651</v>
      </c>
      <c r="M80" s="8">
        <v>0.4287626619372697</v>
      </c>
      <c r="N80" s="8">
        <v>0.43834497935653965</v>
      </c>
      <c r="O80" s="8">
        <v>0.43251777255857898</v>
      </c>
      <c r="P80" s="8">
        <v>0.41074512682497544</v>
      </c>
      <c r="Q80" s="8">
        <v>0.42619396737157722</v>
      </c>
      <c r="R80" s="8">
        <v>0.44585409100588225</v>
      </c>
      <c r="S80" s="8">
        <v>0.46608142273456704</v>
      </c>
      <c r="T80" s="8">
        <v>0.46814508136505917</v>
      </c>
      <c r="U80" s="8">
        <v>0.47326890032333574</v>
      </c>
      <c r="V80" s="8">
        <v>0.46094908384052413</v>
      </c>
      <c r="W80" s="17">
        <v>0.5116995113000421</v>
      </c>
      <c r="X80" s="8">
        <v>0.53693787451616026</v>
      </c>
      <c r="Y80" s="8">
        <v>0.53475658385626057</v>
      </c>
      <c r="Z80" s="8">
        <v>0.51762212569495392</v>
      </c>
      <c r="AA80" s="8">
        <v>0.50663657147554897</v>
      </c>
      <c r="AB80" s="8">
        <v>0.50497326887527982</v>
      </c>
      <c r="AC80" s="8">
        <v>0.49727873942743223</v>
      </c>
      <c r="AD80" s="8">
        <v>0.51698491845070627</v>
      </c>
      <c r="AE80" s="8">
        <v>0.50963084830922922</v>
      </c>
      <c r="AF80" s="8">
        <v>0.53272798824509426</v>
      </c>
      <c r="AG80" s="8">
        <v>0.51898849850190909</v>
      </c>
      <c r="AH80" s="8">
        <v>0.51699964481244964</v>
      </c>
      <c r="AI80" s="8">
        <v>0.46222632640521721</v>
      </c>
      <c r="AJ80" s="8">
        <v>0.4628956440609665</v>
      </c>
      <c r="AK80" s="8">
        <v>0.44426930192650399</v>
      </c>
      <c r="AL80" s="8">
        <v>0.5047839750403289</v>
      </c>
      <c r="AM80" s="8">
        <v>0.46731618273591985</v>
      </c>
      <c r="AN80" s="8">
        <v>0.44867086685565266</v>
      </c>
      <c r="AO80" s="8">
        <v>0.46510870083871769</v>
      </c>
      <c r="AP80" s="8">
        <v>0.45225110636149607</v>
      </c>
      <c r="AQ80" s="8">
        <v>0.45317306043263894</v>
      </c>
      <c r="AR80" s="8">
        <v>0.42797107115093153</v>
      </c>
      <c r="AS80" s="8">
        <v>0.4213022726695918</v>
      </c>
      <c r="AT80" s="8">
        <v>0.39764371743646382</v>
      </c>
      <c r="AU80" s="8">
        <v>0.40387187916678191</v>
      </c>
      <c r="AV80" s="8">
        <v>0.39761460670301063</v>
      </c>
      <c r="AW80" s="8">
        <v>0.39831046508194623</v>
      </c>
      <c r="AX80" s="8">
        <v>0.4039126262945027</v>
      </c>
      <c r="AY80" s="8">
        <v>0.40373076196597396</v>
      </c>
      <c r="AZ80" s="8">
        <v>0.39423870719710458</v>
      </c>
      <c r="BA80" s="8">
        <v>0.39433050695542032</v>
      </c>
      <c r="BB80" s="8">
        <v>0.37927903635583282</v>
      </c>
      <c r="BC80" s="8">
        <v>0.38143215686464427</v>
      </c>
      <c r="BD80" s="8">
        <v>0.37632272846221809</v>
      </c>
    </row>
    <row r="81" spans="3:56" x14ac:dyDescent="0.2">
      <c r="C81" s="16" t="s">
        <v>79</v>
      </c>
      <c r="D81" s="6" t="s">
        <v>58</v>
      </c>
      <c r="E81" s="8">
        <v>0.55739759012653789</v>
      </c>
      <c r="F81" s="8">
        <v>0.57404288114164981</v>
      </c>
      <c r="G81" s="8">
        <v>0.57370744843823074</v>
      </c>
      <c r="H81" s="8">
        <v>0.61263196332841274</v>
      </c>
      <c r="I81" s="8">
        <v>0.57236146464922344</v>
      </c>
      <c r="J81" s="8">
        <v>0.56363165238190149</v>
      </c>
      <c r="K81" s="8">
        <v>0.58524955657479294</v>
      </c>
      <c r="L81" s="8">
        <v>0.57056278132051796</v>
      </c>
      <c r="M81" s="8">
        <v>0.58625285257873117</v>
      </c>
      <c r="N81" s="8">
        <v>0.58000266316250548</v>
      </c>
      <c r="O81" s="8">
        <v>0.55905622849277359</v>
      </c>
      <c r="P81" s="8">
        <v>0.61002400951623381</v>
      </c>
      <c r="Q81" s="8">
        <v>0.58348714072523589</v>
      </c>
      <c r="R81" s="8">
        <v>0.56056848573611817</v>
      </c>
      <c r="S81" s="8">
        <v>0.57000541172226105</v>
      </c>
      <c r="T81" s="8">
        <v>0.58202023159466532</v>
      </c>
      <c r="U81" s="8">
        <v>0.55057384353055494</v>
      </c>
      <c r="V81" s="8">
        <v>0.56306647903593254</v>
      </c>
      <c r="W81" s="17">
        <v>0.62142940171667127</v>
      </c>
      <c r="X81" s="8">
        <v>0.72574165034842641</v>
      </c>
      <c r="Y81" s="8">
        <v>0.76632558466492984</v>
      </c>
      <c r="Z81" s="8">
        <v>0.74603715745938259</v>
      </c>
      <c r="AA81" s="8">
        <v>0.71732418153473065</v>
      </c>
      <c r="AB81" s="8">
        <v>0.61245802568819552</v>
      </c>
      <c r="AC81" s="8">
        <v>0.61256908957115408</v>
      </c>
      <c r="AD81" s="8">
        <v>0.62703241852971936</v>
      </c>
      <c r="AE81" s="8">
        <v>0.56547448771630782</v>
      </c>
      <c r="AF81" s="8">
        <v>0.59071226902016016</v>
      </c>
      <c r="AG81" s="8">
        <v>0.56058384310330567</v>
      </c>
      <c r="AH81" s="8">
        <v>0.59293525506304934</v>
      </c>
      <c r="AI81" s="8">
        <v>0.57310132523467705</v>
      </c>
      <c r="AJ81" s="8">
        <v>0.58323998721772474</v>
      </c>
      <c r="AK81" s="8">
        <v>0.58900856517917377</v>
      </c>
      <c r="AL81" s="8">
        <v>0.58064227083946496</v>
      </c>
      <c r="AM81" s="8">
        <v>0.64419854562514656</v>
      </c>
      <c r="AN81" s="8">
        <v>0.63391792685814818</v>
      </c>
      <c r="AO81" s="8">
        <v>0.67099483204134369</v>
      </c>
      <c r="AP81" s="8">
        <v>0.65723523261623096</v>
      </c>
      <c r="AQ81" s="8">
        <v>0.6851129879274177</v>
      </c>
      <c r="AR81" s="8">
        <v>0.74110161347428061</v>
      </c>
      <c r="AS81" s="8">
        <v>0.76908568039942105</v>
      </c>
      <c r="AT81" s="8">
        <v>0.71650897828915094</v>
      </c>
      <c r="AU81" s="8">
        <v>0.68405951068793192</v>
      </c>
      <c r="AV81" s="8">
        <v>0.6784386595747125</v>
      </c>
      <c r="AW81" s="8">
        <v>0.65402898497935169</v>
      </c>
      <c r="AX81" s="8">
        <v>0.61935100579266444</v>
      </c>
      <c r="AY81" s="8">
        <v>0.64468387286350937</v>
      </c>
      <c r="AZ81" s="8">
        <v>0.62671800704842529</v>
      </c>
      <c r="BA81" s="8">
        <v>0.64654923476754245</v>
      </c>
      <c r="BB81" s="8">
        <v>0.64840975469202256</v>
      </c>
      <c r="BC81" s="8">
        <v>0.65468650206850521</v>
      </c>
      <c r="BD81" s="8">
        <v>0.63143815922207513</v>
      </c>
    </row>
    <row r="82" spans="3:56" x14ac:dyDescent="0.2">
      <c r="C82" s="16" t="s">
        <v>80</v>
      </c>
      <c r="D82" s="6" t="s">
        <v>58</v>
      </c>
      <c r="E82" s="8">
        <v>0.82748167308285026</v>
      </c>
      <c r="F82" s="8">
        <v>1.1166732714256338</v>
      </c>
      <c r="G82" s="8">
        <v>1.0170494275419779</v>
      </c>
      <c r="H82" s="8">
        <v>0.7690673823286539</v>
      </c>
      <c r="I82" s="8">
        <v>0.67700739436662349</v>
      </c>
      <c r="J82" s="8">
        <v>0.56306289079378169</v>
      </c>
      <c r="K82" s="8">
        <v>0.58066769697381926</v>
      </c>
      <c r="L82" s="8">
        <v>0.6116634750863883</v>
      </c>
      <c r="M82" s="8">
        <v>0.67231943510614467</v>
      </c>
      <c r="N82" s="8">
        <v>0.82545061547383991</v>
      </c>
      <c r="O82" s="8">
        <v>0.7547753972691964</v>
      </c>
      <c r="P82" s="8">
        <v>0.62231831223628686</v>
      </c>
      <c r="Q82" s="8">
        <v>0.58483906838399835</v>
      </c>
      <c r="R82" s="8">
        <v>0.47414998252474871</v>
      </c>
      <c r="S82" s="8">
        <v>0.56903844390291014</v>
      </c>
      <c r="T82" s="8">
        <v>0.51446897366979161</v>
      </c>
      <c r="U82" s="8">
        <v>0.57561864982722699</v>
      </c>
      <c r="V82" s="8">
        <v>0.68039599369099379</v>
      </c>
      <c r="W82" s="17">
        <v>0.93195686987383408</v>
      </c>
      <c r="X82" s="8">
        <v>0.67198123470837534</v>
      </c>
      <c r="Y82" s="8">
        <v>0.62378977016782544</v>
      </c>
      <c r="Z82" s="8">
        <v>0.57282841402711948</v>
      </c>
      <c r="AA82" s="8">
        <v>0.53721513260663589</v>
      </c>
      <c r="AB82" s="8">
        <v>0.50507318158808845</v>
      </c>
      <c r="AC82" s="8">
        <v>0.59554507437501147</v>
      </c>
      <c r="AD82" s="8">
        <v>0.60131802783178667</v>
      </c>
      <c r="AE82" s="8">
        <v>0.58046411516392493</v>
      </c>
      <c r="AF82" s="8">
        <v>0.53517844343378362</v>
      </c>
      <c r="AG82" s="8">
        <v>0.51660802519512128</v>
      </c>
      <c r="AH82" s="8">
        <v>0.51278371907422182</v>
      </c>
      <c r="AI82" s="8">
        <v>0.57302448313076693</v>
      </c>
      <c r="AJ82" s="8">
        <v>0.60071996968548691</v>
      </c>
      <c r="AK82" s="8">
        <v>0.62908901826239927</v>
      </c>
      <c r="AL82" s="8">
        <v>0.57474108893981168</v>
      </c>
      <c r="AM82" s="8">
        <v>0.56367737380868344</v>
      </c>
      <c r="AN82" s="8">
        <v>0.54846047548916477</v>
      </c>
      <c r="AO82" s="8">
        <v>0.44716370698711688</v>
      </c>
      <c r="AP82" s="8">
        <v>0.52100752267645767</v>
      </c>
      <c r="AQ82" s="8">
        <v>0.4950496548014956</v>
      </c>
      <c r="AR82" s="8">
        <v>0.55317908197152932</v>
      </c>
      <c r="AS82" s="8">
        <v>0.65921133846454794</v>
      </c>
      <c r="AT82" s="8">
        <v>0.85033013500133203</v>
      </c>
      <c r="AU82" s="8">
        <v>0.79820221069294606</v>
      </c>
      <c r="AV82" s="8">
        <v>0.7258461762031807</v>
      </c>
      <c r="AW82" s="8">
        <v>1.1139847238904803</v>
      </c>
      <c r="AX82" s="8">
        <v>1.3339169266563526</v>
      </c>
      <c r="AY82" s="8">
        <v>1.5231849572024234</v>
      </c>
      <c r="AZ82" s="8">
        <v>1.4472782726209612</v>
      </c>
      <c r="BA82" s="8">
        <v>1.5355111461989985</v>
      </c>
      <c r="BB82" s="8">
        <v>1.6971384003095773</v>
      </c>
      <c r="BC82" s="8">
        <v>2.14</v>
      </c>
      <c r="BD82" s="115">
        <v>2.0251581661442319</v>
      </c>
    </row>
    <row r="83" spans="3:56" x14ac:dyDescent="0.2">
      <c r="C83" s="16" t="s">
        <v>122</v>
      </c>
      <c r="D83" s="6" t="s">
        <v>58</v>
      </c>
      <c r="E83" s="8">
        <v>0.3914515128385142</v>
      </c>
      <c r="F83" s="8">
        <v>0.38730159395709329</v>
      </c>
      <c r="G83" s="8">
        <v>0.4289372615555293</v>
      </c>
      <c r="H83" s="8">
        <v>0.3845541774429545</v>
      </c>
      <c r="I83" s="8">
        <v>0.40551472940018674</v>
      </c>
      <c r="J83" s="8">
        <v>0.41796130176095303</v>
      </c>
      <c r="K83" s="8">
        <v>0.40355296065231988</v>
      </c>
      <c r="L83" s="8">
        <v>0.41654363278410522</v>
      </c>
      <c r="M83" s="8">
        <v>0.40762308770371375</v>
      </c>
      <c r="N83" s="8">
        <v>0.41851933581855683</v>
      </c>
      <c r="O83" s="8">
        <v>0.42267011181696462</v>
      </c>
      <c r="P83" s="8">
        <v>0.44059812883481198</v>
      </c>
      <c r="Q83" s="8">
        <v>0.41340506967229179</v>
      </c>
      <c r="R83" s="8">
        <v>0.44253244497841265</v>
      </c>
      <c r="S83" s="8">
        <v>0.44141637625644425</v>
      </c>
      <c r="T83" s="8">
        <v>0.4472419794786433</v>
      </c>
      <c r="U83" s="8">
        <v>0.46440679264889756</v>
      </c>
      <c r="V83" s="8">
        <v>0.46245948913787904</v>
      </c>
      <c r="W83" s="17">
        <v>0.45919106754983158</v>
      </c>
      <c r="X83" s="8">
        <v>0.40697912560881178</v>
      </c>
      <c r="Y83" s="8">
        <v>0.41485041601829903</v>
      </c>
      <c r="Z83" s="8">
        <v>0.42042935172091711</v>
      </c>
      <c r="AA83" s="8">
        <v>0.39668945566361696</v>
      </c>
      <c r="AB83" s="8">
        <v>0.40688285968140964</v>
      </c>
      <c r="AC83" s="8">
        <v>0.38792308968048128</v>
      </c>
      <c r="AD83" s="8">
        <v>0.34360913016988626</v>
      </c>
      <c r="AE83" s="8">
        <v>0.32797598698986435</v>
      </c>
      <c r="AF83" s="8">
        <v>0.33517838442472364</v>
      </c>
      <c r="AG83" s="8">
        <v>0.29859121109952586</v>
      </c>
      <c r="AH83" s="8">
        <v>0.27512084489275074</v>
      </c>
      <c r="AI83" s="8">
        <v>0.26033873889179415</v>
      </c>
      <c r="AJ83" s="8">
        <v>0.28731465394020467</v>
      </c>
      <c r="AK83" s="8">
        <v>0.26525259461432821</v>
      </c>
      <c r="AL83" s="8">
        <v>0.26979786998969352</v>
      </c>
      <c r="AM83" s="8">
        <v>0.26938737873745278</v>
      </c>
      <c r="AN83" s="8">
        <v>0.26571893954860942</v>
      </c>
      <c r="AO83" s="8">
        <v>0.273891333528539</v>
      </c>
      <c r="AP83" s="8">
        <v>0.26861617053464537</v>
      </c>
      <c r="AQ83" s="8">
        <v>0.25231771655671897</v>
      </c>
      <c r="AR83" s="8">
        <v>0.25252101284060419</v>
      </c>
      <c r="AS83" s="8">
        <v>0.24505155994747349</v>
      </c>
      <c r="AT83" s="8">
        <v>0.25378963421172768</v>
      </c>
      <c r="AU83" s="8">
        <v>0.25343836669891595</v>
      </c>
      <c r="AV83" s="8">
        <v>0.25952717286110272</v>
      </c>
      <c r="AW83" s="8">
        <v>0.28591942467380743</v>
      </c>
      <c r="AX83" s="8">
        <v>0.30510736330140253</v>
      </c>
      <c r="AY83" s="8">
        <v>0.31428411531305733</v>
      </c>
      <c r="AZ83" s="8">
        <v>0.28956569748632033</v>
      </c>
      <c r="BA83" s="8">
        <v>0.29776898215373088</v>
      </c>
      <c r="BB83" s="8">
        <v>0.30809418663875154</v>
      </c>
      <c r="BC83" s="8">
        <v>0.24983872874605351</v>
      </c>
      <c r="BD83" s="8">
        <v>0.23064835540527209</v>
      </c>
    </row>
    <row r="84" spans="3:56" x14ac:dyDescent="0.2">
      <c r="C84" s="16" t="s">
        <v>82</v>
      </c>
      <c r="D84" s="6" t="s">
        <v>58</v>
      </c>
      <c r="E84" s="8">
        <v>2.3567170471720629</v>
      </c>
      <c r="F84" s="8">
        <v>2.3170281135511046</v>
      </c>
      <c r="G84" s="8">
        <v>2.3900625503238571</v>
      </c>
      <c r="H84" s="8">
        <v>2.4786820423627782</v>
      </c>
      <c r="I84" s="8">
        <v>2.142580274759073</v>
      </c>
      <c r="J84" s="8">
        <v>2.3533889156739849</v>
      </c>
      <c r="K84" s="8">
        <v>2.2381484418313797</v>
      </c>
      <c r="L84" s="8">
        <v>2.5082346151907666</v>
      </c>
      <c r="M84" s="8">
        <v>2.4617324370513844</v>
      </c>
      <c r="N84" s="8">
        <v>2.5729263435506873</v>
      </c>
      <c r="O84" s="8">
        <v>2.9193110707407781</v>
      </c>
      <c r="P84" s="8">
        <v>2.8821413454755338</v>
      </c>
      <c r="Q84" s="8">
        <v>2.7313197854007476</v>
      </c>
      <c r="R84" s="8">
        <v>2.5612434739393075</v>
      </c>
      <c r="S84" s="8">
        <v>2.4211762451138967</v>
      </c>
      <c r="T84" s="8">
        <v>2.0982788741354019</v>
      </c>
      <c r="U84" s="8">
        <v>2.1257430610683632</v>
      </c>
      <c r="V84" s="8">
        <v>2.1331843623853848</v>
      </c>
      <c r="W84" s="17">
        <v>2.0561797405998625</v>
      </c>
      <c r="X84" s="8">
        <v>2.0764185010792446</v>
      </c>
      <c r="Y84" s="8">
        <v>1.7667563822738435</v>
      </c>
      <c r="Z84" s="8">
        <v>1.716830428086459</v>
      </c>
      <c r="AA84" s="8">
        <v>1.6240505467378548</v>
      </c>
      <c r="AB84" s="8">
        <v>1.6170374876558606</v>
      </c>
      <c r="AC84" s="8">
        <v>1.9677245493417206</v>
      </c>
      <c r="AD84" s="8">
        <v>2.1296393397677278</v>
      </c>
      <c r="AE84" s="8">
        <v>2.0517003360666757</v>
      </c>
      <c r="AF84" s="8">
        <v>2.149706218754845</v>
      </c>
      <c r="AG84" s="8">
        <v>1.9444724519466789</v>
      </c>
      <c r="AH84" s="8">
        <v>1.8021160609613132</v>
      </c>
      <c r="AI84" s="8">
        <v>1.895901188468049</v>
      </c>
      <c r="AJ84" s="8">
        <v>1.7972769634641965</v>
      </c>
      <c r="AK84" s="8">
        <v>1.8153034997879907</v>
      </c>
      <c r="AL84" s="8">
        <v>2.30496924662389</v>
      </c>
      <c r="AM84" s="8">
        <v>2.6412331307250199</v>
      </c>
      <c r="AN84" s="8">
        <v>2.7927858303173054</v>
      </c>
      <c r="AO84" s="8">
        <v>2.6045004801822089</v>
      </c>
      <c r="AP84" s="8">
        <v>2.9946669498831731</v>
      </c>
      <c r="AQ84" s="8">
        <v>2.936977943396859</v>
      </c>
      <c r="AR84" s="8">
        <v>2.74</v>
      </c>
      <c r="AS84" s="8">
        <v>2.5757521967478034</v>
      </c>
      <c r="AT84" s="8">
        <v>2.3828410920244583</v>
      </c>
      <c r="AU84" s="8">
        <v>2.0032474338801833</v>
      </c>
      <c r="AV84" s="8">
        <v>1.9240017697819709</v>
      </c>
      <c r="AW84" s="8">
        <v>2.3306946862123561</v>
      </c>
      <c r="AX84" s="8">
        <v>2.5747079125431855</v>
      </c>
      <c r="AY84" s="8">
        <v>2.8819082830567764</v>
      </c>
      <c r="AZ84" s="8">
        <v>2.9283907411215231</v>
      </c>
      <c r="BA84" s="8">
        <v>2.7773297327597328</v>
      </c>
      <c r="BB84" s="8">
        <v>2.6294433563313415</v>
      </c>
      <c r="BC84" s="8">
        <v>2.8214978493106582</v>
      </c>
      <c r="BD84" s="8">
        <v>2.9507597184138588</v>
      </c>
    </row>
    <row r="85" spans="3:56" x14ac:dyDescent="0.2">
      <c r="C85" s="16" t="s">
        <v>84</v>
      </c>
      <c r="D85" s="6" t="s">
        <v>85</v>
      </c>
      <c r="E85" s="8">
        <v>0.41934084583203579</v>
      </c>
      <c r="F85" s="8">
        <v>0.40725468192052061</v>
      </c>
      <c r="G85" s="8">
        <v>0.37877784876968101</v>
      </c>
      <c r="H85" s="8">
        <v>0.42858909334786432</v>
      </c>
      <c r="I85" s="8">
        <v>0.36254705276218113</v>
      </c>
      <c r="J85" s="8">
        <v>0.3539456398065351</v>
      </c>
      <c r="K85" s="8">
        <v>0.39098789053649202</v>
      </c>
      <c r="L85" s="8">
        <v>0.41391067570242646</v>
      </c>
      <c r="M85" s="8">
        <v>0.4279887733531394</v>
      </c>
      <c r="N85" s="8">
        <v>0.40310497753162305</v>
      </c>
      <c r="O85" s="8">
        <v>0.42120932510112835</v>
      </c>
      <c r="P85" s="8">
        <v>0.48048322129807286</v>
      </c>
      <c r="Q85" s="8">
        <v>0.53441504887761826</v>
      </c>
      <c r="R85" s="8">
        <v>0.5821477026644386</v>
      </c>
      <c r="S85" s="8">
        <v>0.55129790853150162</v>
      </c>
      <c r="T85" s="8">
        <v>0.57755572929073296</v>
      </c>
      <c r="U85" s="8">
        <v>0.53963527982336035</v>
      </c>
      <c r="V85" s="8">
        <v>0.47855616756584135</v>
      </c>
      <c r="W85" s="17">
        <v>0.45337467011935839</v>
      </c>
      <c r="X85" s="8">
        <v>0.49634158535079675</v>
      </c>
      <c r="Y85" s="8">
        <v>0.40386063444403902</v>
      </c>
      <c r="Z85" s="8">
        <v>0.38751345300728623</v>
      </c>
      <c r="AA85" s="8">
        <v>0.39287753738684006</v>
      </c>
      <c r="AB85" s="8">
        <v>0.39056955936116994</v>
      </c>
      <c r="AC85" s="8">
        <v>0.35628059791806516</v>
      </c>
      <c r="AD85" s="8">
        <v>0.36860673767287205</v>
      </c>
      <c r="AE85" s="8">
        <v>0.34837867751357532</v>
      </c>
      <c r="AF85" s="8">
        <v>0.36628919573331614</v>
      </c>
      <c r="AG85" s="8">
        <v>0.32308841826450158</v>
      </c>
      <c r="AH85" s="8">
        <v>0.35798306881009229</v>
      </c>
      <c r="AI85" s="8">
        <v>0.41195747674345351</v>
      </c>
      <c r="AJ85" s="8">
        <v>0.41253491044821655</v>
      </c>
      <c r="AK85" s="8">
        <v>0.40377961738152068</v>
      </c>
      <c r="AL85" s="8">
        <v>0.44380813082963216</v>
      </c>
      <c r="AM85" s="8">
        <v>0.4001942183657371</v>
      </c>
      <c r="AN85" s="8">
        <v>0.40514205929322761</v>
      </c>
      <c r="AO85" s="8">
        <v>0.44848277057134373</v>
      </c>
      <c r="AP85" s="8">
        <v>0.43159551075633917</v>
      </c>
      <c r="AQ85" s="8">
        <v>0.4348586133707425</v>
      </c>
      <c r="AR85" s="8">
        <v>0.42093572612403118</v>
      </c>
      <c r="AS85" s="8">
        <v>0.4247498399546572</v>
      </c>
      <c r="AT85" s="8">
        <v>0.42382181269919461</v>
      </c>
      <c r="AU85" s="8">
        <v>0.43522762057637748</v>
      </c>
      <c r="AV85" s="8">
        <v>0.4064659622373043</v>
      </c>
      <c r="AW85" s="8">
        <v>0.42007024598049153</v>
      </c>
      <c r="AX85" s="8">
        <v>0.39016685558747033</v>
      </c>
      <c r="AY85" s="8">
        <v>0.38989395785471548</v>
      </c>
      <c r="AZ85" s="8">
        <v>0.3813439787769613</v>
      </c>
      <c r="BA85" s="8">
        <v>0.38233621858186406</v>
      </c>
      <c r="BB85" s="8">
        <v>0.38584524525770553</v>
      </c>
      <c r="BC85" s="8">
        <v>0.40973466889217564</v>
      </c>
      <c r="BD85" s="8">
        <v>0.4199085872576177</v>
      </c>
    </row>
    <row r="86" spans="3:56" x14ac:dyDescent="0.2">
      <c r="C86" s="16" t="s">
        <v>118</v>
      </c>
      <c r="D86" s="6" t="s">
        <v>58</v>
      </c>
      <c r="E86" s="8">
        <v>1.1420450528241448</v>
      </c>
      <c r="F86" s="8">
        <v>1.114144087792059</v>
      </c>
      <c r="G86" s="8">
        <v>0.97465253319092837</v>
      </c>
      <c r="H86" s="8">
        <v>0.93272144115729805</v>
      </c>
      <c r="I86" s="8">
        <v>1.0870235401392561</v>
      </c>
      <c r="J86" s="8">
        <v>1.2455242559160389</v>
      </c>
      <c r="K86" s="8">
        <v>1.254194143143222</v>
      </c>
      <c r="L86" s="8">
        <v>1.253155499916367</v>
      </c>
      <c r="M86" s="8">
        <v>1.4695765501818328</v>
      </c>
      <c r="N86" s="8">
        <v>1.7821406107125077</v>
      </c>
      <c r="O86" s="8">
        <v>1.6822484460350347</v>
      </c>
      <c r="P86" s="8">
        <v>1.6402630315539577</v>
      </c>
      <c r="Q86" s="8">
        <v>1.7143699597549691</v>
      </c>
      <c r="R86" s="8">
        <v>1.6192211267625054</v>
      </c>
      <c r="S86" s="8">
        <v>1.3814884865265353</v>
      </c>
      <c r="T86" s="8">
        <v>1.1721142028817264</v>
      </c>
      <c r="U86" s="8">
        <v>1.0962699343271858</v>
      </c>
      <c r="V86" s="8">
        <v>1.0647751048471339</v>
      </c>
      <c r="W86" s="17">
        <v>0.97937293665903835</v>
      </c>
      <c r="X86" s="8">
        <v>0.82900225752033385</v>
      </c>
      <c r="Y86" s="8">
        <v>0.81777581739422844</v>
      </c>
      <c r="Z86" s="8">
        <v>0.7948995310513598</v>
      </c>
      <c r="AA86" s="8">
        <v>0.82224548436493994</v>
      </c>
      <c r="AB86" s="8">
        <v>0.89254586342103859</v>
      </c>
      <c r="AC86" s="8">
        <v>0.8858577812606947</v>
      </c>
      <c r="AD86" s="8">
        <v>0.98976901453089794</v>
      </c>
      <c r="AE86" s="8">
        <v>1.1039661107484124</v>
      </c>
      <c r="AF86" s="8">
        <v>1.3387989265565552</v>
      </c>
      <c r="AG86" s="8">
        <v>1.1391712608784945</v>
      </c>
      <c r="AH86" s="8">
        <v>1.0092456716294671</v>
      </c>
      <c r="AI86" s="8">
        <v>0.99261445010329596</v>
      </c>
      <c r="AJ86" s="8">
        <v>0.9691834914490397</v>
      </c>
      <c r="AK86" s="8">
        <v>0.81955470968521538</v>
      </c>
      <c r="AL86" s="8">
        <v>0.75201432979817684</v>
      </c>
      <c r="AM86" s="8">
        <v>0.78403009949291469</v>
      </c>
      <c r="AN86" s="8">
        <v>0.76638873233493776</v>
      </c>
      <c r="AO86" s="8">
        <v>0.88834937283496396</v>
      </c>
      <c r="AP86" s="8">
        <v>0.92704621177452906</v>
      </c>
      <c r="AQ86" s="8">
        <v>0.94124808448779551</v>
      </c>
      <c r="AR86" s="8">
        <v>1.0954523654170409</v>
      </c>
      <c r="AS86" s="8">
        <v>0.97118923123399514</v>
      </c>
      <c r="AT86" s="8">
        <v>0.93448397069029221</v>
      </c>
      <c r="AU86" s="8">
        <v>0.89152007379948306</v>
      </c>
      <c r="AV86" s="8">
        <v>0.87911389654532113</v>
      </c>
      <c r="AW86" s="8">
        <v>0.93074512637023388</v>
      </c>
      <c r="AX86" s="8">
        <v>0.90220917400182377</v>
      </c>
      <c r="AY86" s="8">
        <v>1.0675735036649705</v>
      </c>
      <c r="AZ86" s="8">
        <v>1.0894852677170297</v>
      </c>
      <c r="BA86" s="8">
        <v>1.1662240737297911</v>
      </c>
      <c r="BB86" s="8">
        <v>1.3441706549061478</v>
      </c>
      <c r="BC86" s="8">
        <v>1.449973400933626</v>
      </c>
      <c r="BD86" s="8">
        <v>1.3683415126167329</v>
      </c>
    </row>
    <row r="87" spans="3:56" x14ac:dyDescent="0.2">
      <c r="C87" s="16" t="s">
        <v>104</v>
      </c>
      <c r="D87" s="6" t="s">
        <v>58</v>
      </c>
      <c r="E87" s="8">
        <v>0.86928073371961101</v>
      </c>
      <c r="F87" s="8">
        <v>0.87023867054060566</v>
      </c>
      <c r="G87" s="8">
        <v>0.8751197928739104</v>
      </c>
      <c r="H87" s="8">
        <v>0.8973217604517858</v>
      </c>
      <c r="I87" s="8">
        <v>0.86737636922712369</v>
      </c>
      <c r="J87" s="8">
        <v>0.86318936629607079</v>
      </c>
      <c r="K87" s="8">
        <v>0.93607300079854505</v>
      </c>
      <c r="L87" s="8">
        <v>0.98080030545289998</v>
      </c>
      <c r="M87" s="8">
        <v>1.0635973859230727</v>
      </c>
      <c r="N87" s="8">
        <v>1.2041699348232213</v>
      </c>
      <c r="O87" s="8">
        <v>1.2182346414834406</v>
      </c>
      <c r="P87" s="8">
        <v>1.2297904412955027</v>
      </c>
      <c r="Q87" s="8">
        <v>1.1997983996907746</v>
      </c>
      <c r="R87" s="8">
        <v>1.1701638261403802</v>
      </c>
      <c r="S87" s="8">
        <v>1.065282260066531</v>
      </c>
      <c r="T87" s="8">
        <v>1.0637364229569106</v>
      </c>
      <c r="U87" s="8">
        <v>0.93851135848639844</v>
      </c>
      <c r="V87" s="8">
        <v>0.80591720070247519</v>
      </c>
      <c r="W87" s="17">
        <v>0.78504078944781908</v>
      </c>
      <c r="X87" s="8">
        <v>0.75607640961172973</v>
      </c>
      <c r="Y87" s="8">
        <v>0.79212706665130483</v>
      </c>
      <c r="Z87" s="8">
        <v>0.80713617079017597</v>
      </c>
      <c r="AA87" s="8">
        <v>0.80146353498705603</v>
      </c>
      <c r="AB87" s="8">
        <v>0.83654420966747545</v>
      </c>
      <c r="AC87" s="8">
        <v>0.77397537849824127</v>
      </c>
      <c r="AD87" s="8">
        <v>0.76231119764485777</v>
      </c>
      <c r="AE87" s="8">
        <v>0.79280851161274346</v>
      </c>
      <c r="AF87" s="8">
        <v>0.86316158933366527</v>
      </c>
      <c r="AG87" s="8">
        <v>0.93832013817729898</v>
      </c>
      <c r="AH87" s="8">
        <v>1.1550102038675019</v>
      </c>
      <c r="AI87" s="8">
        <v>1.005739793962767</v>
      </c>
      <c r="AJ87" s="8">
        <v>0.92666488263016122</v>
      </c>
      <c r="AK87" s="8">
        <v>0.96462046771170096</v>
      </c>
      <c r="AL87" s="8">
        <v>1.1676143350805668</v>
      </c>
      <c r="AM87" s="8">
        <v>0.96477970070632935</v>
      </c>
      <c r="AN87" s="8">
        <v>0.91769688982132946</v>
      </c>
      <c r="AO87" s="8">
        <v>0.88052233459077656</v>
      </c>
      <c r="AP87" s="8">
        <v>0.91849591397166819</v>
      </c>
      <c r="AQ87" s="8">
        <v>0.9297912740093609</v>
      </c>
      <c r="AR87" s="8">
        <v>1.0893927010349154</v>
      </c>
      <c r="AS87" s="8">
        <v>1.0550651298308571</v>
      </c>
      <c r="AT87" s="8">
        <v>1.0318582786021693</v>
      </c>
      <c r="AU87" s="8">
        <v>1.0498645674388833</v>
      </c>
      <c r="AV87" s="8">
        <v>0.96564874428916825</v>
      </c>
      <c r="AW87" s="8">
        <v>1.0267602173915711</v>
      </c>
      <c r="AX87" s="8">
        <v>0.95422079294166362</v>
      </c>
      <c r="AY87" s="8">
        <v>0.96200299138642875</v>
      </c>
      <c r="AZ87" s="8">
        <v>1.1169785037911215</v>
      </c>
      <c r="BA87" s="8">
        <v>1.2278433397317654</v>
      </c>
      <c r="BB87" s="8">
        <v>1.1978140887784807</v>
      </c>
      <c r="BC87" s="8">
        <v>1.1855176254742052</v>
      </c>
      <c r="BD87" s="8">
        <v>1.1720132781349561</v>
      </c>
    </row>
    <row r="88" spans="3:56" x14ac:dyDescent="0.2">
      <c r="C88" s="16" t="s">
        <v>87</v>
      </c>
      <c r="D88" s="6" t="s">
        <v>58</v>
      </c>
      <c r="E88" s="8">
        <v>0.45490946174992158</v>
      </c>
      <c r="F88" s="8">
        <v>0.45750527743381103</v>
      </c>
      <c r="G88" s="8">
        <v>0.45874770418606992</v>
      </c>
      <c r="H88" s="8">
        <v>0.44564216131089385</v>
      </c>
      <c r="I88" s="8">
        <v>0.45220128840385204</v>
      </c>
      <c r="J88" s="8">
        <v>0.45389757108876988</v>
      </c>
      <c r="K88" s="8">
        <v>0.45057086043310607</v>
      </c>
      <c r="L88" s="8">
        <v>0.45316638125513919</v>
      </c>
      <c r="M88" s="8">
        <v>0.44828506366938486</v>
      </c>
      <c r="N88" s="8">
        <v>0.4462893933604935</v>
      </c>
      <c r="O88" s="8">
        <v>0.44603688432281779</v>
      </c>
      <c r="P88" s="8">
        <v>0.45536238605445251</v>
      </c>
      <c r="Q88" s="8">
        <v>0.44489592217233043</v>
      </c>
      <c r="R88" s="8">
        <v>0.44295643954973402</v>
      </c>
      <c r="S88" s="8">
        <v>0.4163973350579423</v>
      </c>
      <c r="T88" s="8">
        <v>0.42262000055877119</v>
      </c>
      <c r="U88" s="8">
        <v>0.41287131838651708</v>
      </c>
      <c r="V88" s="8">
        <v>0.42378569612873213</v>
      </c>
      <c r="W88" s="17">
        <v>0.42266689124633006</v>
      </c>
      <c r="X88" s="8">
        <v>0.42743034271033759</v>
      </c>
      <c r="Y88" s="8">
        <v>0.42505460642255727</v>
      </c>
      <c r="Z88" s="8">
        <v>0.41750846155904764</v>
      </c>
      <c r="AA88" s="8">
        <v>0.41315462667241143</v>
      </c>
      <c r="AB88" s="8">
        <v>0.4201315166136565</v>
      </c>
      <c r="AC88" s="8">
        <v>0.40715787267865367</v>
      </c>
      <c r="AD88" s="8">
        <v>0.42473758428876551</v>
      </c>
      <c r="AE88" s="8">
        <v>0.41307014091958705</v>
      </c>
      <c r="AF88" s="8">
        <v>0.41847665430305442</v>
      </c>
      <c r="AG88" s="8">
        <v>0.41765016601541033</v>
      </c>
      <c r="AH88" s="8">
        <v>0.41740017295030263</v>
      </c>
      <c r="AI88" s="8">
        <v>0.40394414716257615</v>
      </c>
      <c r="AJ88" s="8">
        <v>0.40388466645907489</v>
      </c>
      <c r="AK88" s="8">
        <v>0.4020535685430946</v>
      </c>
      <c r="AL88" s="8">
        <v>0.4036052543246611</v>
      </c>
      <c r="AM88" s="8">
        <v>0.36681181355350467</v>
      </c>
      <c r="AN88" s="8">
        <v>0.38316798022169063</v>
      </c>
      <c r="AO88" s="8">
        <v>0.37583679058704522</v>
      </c>
      <c r="AP88" s="8">
        <v>0.38087080399331164</v>
      </c>
      <c r="AQ88" s="8">
        <v>0.35478140937322511</v>
      </c>
      <c r="AR88" s="8">
        <v>0.36229113942648505</v>
      </c>
      <c r="AS88" s="8">
        <v>0.36122261075457279</v>
      </c>
      <c r="AT88" s="8">
        <v>0.40735264890682543</v>
      </c>
      <c r="AU88" s="8">
        <v>0.46983610049363017</v>
      </c>
      <c r="AV88" s="8">
        <v>0.47352740352646638</v>
      </c>
      <c r="AW88" s="8">
        <v>0.47506839340972562</v>
      </c>
      <c r="AX88" s="8">
        <v>0.47588416198107236</v>
      </c>
      <c r="AY88" s="8">
        <v>0.4386669750309779</v>
      </c>
      <c r="AZ88" s="8">
        <v>0.37714906540224929</v>
      </c>
      <c r="BA88" s="8">
        <v>0.39004129447070823</v>
      </c>
      <c r="BB88" s="8">
        <v>0.38441049118261456</v>
      </c>
      <c r="BC88" s="8">
        <v>0.3775134751906738</v>
      </c>
      <c r="BD88" s="8">
        <v>0.37161939347145462</v>
      </c>
    </row>
    <row r="89" spans="3:56" x14ac:dyDescent="0.2">
      <c r="C89" s="16" t="s">
        <v>88</v>
      </c>
      <c r="D89" s="6" t="s">
        <v>58</v>
      </c>
      <c r="E89" s="17">
        <v>1.1417581396237866</v>
      </c>
      <c r="F89" s="17">
        <v>1.1306072380855947</v>
      </c>
      <c r="G89" s="17">
        <v>1.0729626166977699</v>
      </c>
      <c r="H89" s="17">
        <v>1.0295499841415701</v>
      </c>
      <c r="I89" s="17">
        <v>1.0244888787161046</v>
      </c>
      <c r="J89" s="17">
        <v>1.0560701385029039</v>
      </c>
      <c r="K89" s="17">
        <v>0.99713331182309428</v>
      </c>
      <c r="L89" s="17">
        <v>1.0385914494951334</v>
      </c>
      <c r="M89" s="17">
        <v>1.0685715412551924</v>
      </c>
      <c r="N89" s="17">
        <v>1.0477063154488082</v>
      </c>
      <c r="O89" s="17">
        <v>1.0468312788235636</v>
      </c>
      <c r="P89" s="17">
        <v>1.0342135917548116</v>
      </c>
      <c r="Q89" s="17">
        <v>1.0956229118684158</v>
      </c>
      <c r="R89" s="17">
        <v>1.085704575004288</v>
      </c>
      <c r="S89" s="17">
        <v>1.0947322654462244</v>
      </c>
      <c r="T89" s="17">
        <v>1.1107161560683014</v>
      </c>
      <c r="U89" s="17">
        <v>1.0955344762691079</v>
      </c>
      <c r="V89" s="17">
        <v>1.0335755461035223</v>
      </c>
      <c r="W89" s="17">
        <v>1.0144537628719963</v>
      </c>
      <c r="X89" s="17">
        <v>1.3917401909372558</v>
      </c>
      <c r="Y89" s="17">
        <v>1.7103365028959097</v>
      </c>
      <c r="Z89" s="17">
        <v>1.6643444048879583</v>
      </c>
      <c r="AA89" s="17">
        <v>1.6158006965626148</v>
      </c>
      <c r="AB89" s="17">
        <v>1.5202330031464204</v>
      </c>
      <c r="AC89" s="17">
        <v>1.5843010676444969</v>
      </c>
      <c r="AD89" s="17">
        <v>1.7921759360349003</v>
      </c>
      <c r="AE89" s="17">
        <v>1.8206455791233032</v>
      </c>
      <c r="AF89" s="17">
        <v>1.9248584222971714</v>
      </c>
      <c r="AG89" s="17">
        <v>2.0169733816484645</v>
      </c>
      <c r="AH89" s="17">
        <v>2.0244007174471079</v>
      </c>
      <c r="AI89" s="17">
        <v>1.723405967377575</v>
      </c>
      <c r="AJ89" s="17">
        <v>1.7281140939105453</v>
      </c>
      <c r="AK89" s="17">
        <v>1.853126959134143</v>
      </c>
      <c r="AL89" s="17">
        <v>1.9853695337683663</v>
      </c>
      <c r="AM89" s="17">
        <v>1.8436576345416693</v>
      </c>
      <c r="AN89" s="17">
        <v>1.8854026178836145</v>
      </c>
      <c r="AO89" s="17">
        <v>1.8727777695530521</v>
      </c>
      <c r="AP89" s="17">
        <v>1.490483474618201</v>
      </c>
      <c r="AQ89" s="17">
        <v>1.1551825072332946</v>
      </c>
      <c r="AR89" s="17">
        <v>1.0031396891584532</v>
      </c>
      <c r="AS89" s="17">
        <v>0.9398285898481199</v>
      </c>
      <c r="AT89" s="17">
        <v>0.95805878930347321</v>
      </c>
      <c r="AU89" s="17">
        <v>1.0738361654591944</v>
      </c>
      <c r="AV89" s="17">
        <v>1.1279927760799948</v>
      </c>
      <c r="AW89" s="17">
        <v>1.1087404052991394</v>
      </c>
      <c r="AX89" s="17">
        <v>1.0196410139068972</v>
      </c>
      <c r="AY89" s="17">
        <v>1.048413937695529</v>
      </c>
      <c r="AZ89" s="17">
        <v>1.0388701255826633</v>
      </c>
      <c r="BA89" s="17">
        <v>1.050087183314909</v>
      </c>
      <c r="BB89" s="17">
        <v>1.0514612783600776</v>
      </c>
      <c r="BC89" s="17">
        <v>1.0402359792964724</v>
      </c>
      <c r="BD89" s="17">
        <v>0.9888050048626873</v>
      </c>
    </row>
    <row r="90" spans="3:56" x14ac:dyDescent="0.2">
      <c r="C90" s="18" t="s">
        <v>123</v>
      </c>
      <c r="D90" s="6" t="s">
        <v>58</v>
      </c>
      <c r="E90" s="17">
        <v>0.85577279367033732</v>
      </c>
      <c r="F90" s="17">
        <v>0.68035103847957556</v>
      </c>
      <c r="G90" s="17">
        <v>0.66093947068523484</v>
      </c>
      <c r="H90" s="17">
        <v>0.76602047939150453</v>
      </c>
      <c r="I90" s="17">
        <v>0.73767929267449528</v>
      </c>
      <c r="J90" s="17">
        <v>0.70483422792563588</v>
      </c>
      <c r="K90" s="17">
        <v>0.7324008350896537</v>
      </c>
      <c r="L90" s="17">
        <v>0.74700931519279556</v>
      </c>
      <c r="M90" s="17">
        <v>0.74045044156742956</v>
      </c>
      <c r="N90" s="17">
        <v>0.82826856380613612</v>
      </c>
      <c r="O90" s="17">
        <v>0.83415062203509305</v>
      </c>
      <c r="P90" s="17">
        <v>0.81882126606239314</v>
      </c>
      <c r="Q90" s="17">
        <v>0.87075970491293864</v>
      </c>
      <c r="R90" s="17">
        <v>0.9449994543209167</v>
      </c>
      <c r="S90" s="17">
        <v>0.87892285208114462</v>
      </c>
      <c r="T90" s="17">
        <v>0.88128120284659417</v>
      </c>
      <c r="U90" s="17">
        <v>0.88636704119850196</v>
      </c>
      <c r="V90" s="17">
        <v>0.89340072383805691</v>
      </c>
      <c r="W90" s="17">
        <v>0.88349480439262507</v>
      </c>
      <c r="X90" s="17">
        <v>0.89259442226206009</v>
      </c>
      <c r="Y90" s="17">
        <v>1.0435000052894943</v>
      </c>
      <c r="Z90" s="17">
        <v>1.0631921173179206</v>
      </c>
      <c r="AA90" s="17">
        <v>0.86664952261100336</v>
      </c>
      <c r="AB90" s="17">
        <v>1.098366606170599</v>
      </c>
      <c r="AC90" s="17">
        <v>1.0424661782142097</v>
      </c>
      <c r="AD90" s="17">
        <v>1.2029307004211578</v>
      </c>
      <c r="AE90" s="17">
        <v>1.268565123289789</v>
      </c>
      <c r="AF90" s="17">
        <v>1.3165318475718808</v>
      </c>
      <c r="AG90" s="17">
        <v>1.1760024000208698</v>
      </c>
      <c r="AH90" s="17">
        <v>0.93489030431705589</v>
      </c>
      <c r="AI90" s="17">
        <v>0.9</v>
      </c>
      <c r="AJ90" s="17">
        <v>1</v>
      </c>
      <c r="AK90" s="17">
        <v>1.05</v>
      </c>
      <c r="AL90" s="17">
        <v>1.2068228510177954</v>
      </c>
      <c r="AM90" s="17">
        <v>1.3157182825260776</v>
      </c>
      <c r="AN90" s="17">
        <v>1.22994622117237</v>
      </c>
      <c r="AO90" s="17">
        <v>1.0712277421298217</v>
      </c>
      <c r="AP90" s="17">
        <v>1.0635827042749042</v>
      </c>
      <c r="AQ90" s="17">
        <v>1.0092065267185857</v>
      </c>
      <c r="AR90" s="17">
        <v>0.94541738452331303</v>
      </c>
      <c r="AS90" s="17">
        <v>1.0399901163259575</v>
      </c>
      <c r="AT90" s="17">
        <v>0.8842058420530351</v>
      </c>
      <c r="AU90" s="17">
        <v>0.87027534838945575</v>
      </c>
      <c r="AV90" s="17">
        <v>0.77710126183323591</v>
      </c>
      <c r="AW90" s="17">
        <v>0.84953669374725493</v>
      </c>
      <c r="AX90" s="17">
        <v>0.73895194827538468</v>
      </c>
      <c r="AY90" s="17">
        <v>0.81368360390139949</v>
      </c>
      <c r="AZ90" s="17">
        <v>0.84340129570608235</v>
      </c>
      <c r="BA90" s="17">
        <v>0.84573106408958487</v>
      </c>
      <c r="BB90" s="17">
        <v>0.85079271654211241</v>
      </c>
      <c r="BC90" s="17">
        <v>0.86696139778482151</v>
      </c>
      <c r="BD90" s="17">
        <v>0.8727788347329648</v>
      </c>
    </row>
    <row r="91" spans="3:56" x14ac:dyDescent="0.2">
      <c r="C91" s="18" t="s">
        <v>100</v>
      </c>
      <c r="D91" s="6" t="s">
        <v>58</v>
      </c>
      <c r="E91" s="8">
        <v>0.60017500263074908</v>
      </c>
      <c r="F91" s="8">
        <v>0.63914540868737624</v>
      </c>
      <c r="G91" s="8">
        <v>0.62714004661508815</v>
      </c>
      <c r="H91" s="8">
        <v>0.61027767169261149</v>
      </c>
      <c r="I91" s="8">
        <v>0.66601477691484012</v>
      </c>
      <c r="J91" s="8">
        <v>0.6712620289473904</v>
      </c>
      <c r="K91" s="8">
        <v>0.71074935741849465</v>
      </c>
      <c r="L91" s="8">
        <v>0.69202268616328233</v>
      </c>
      <c r="M91" s="8">
        <v>0.69474815519171762</v>
      </c>
      <c r="N91" s="8">
        <v>0.68963940997660289</v>
      </c>
      <c r="O91" s="8">
        <v>0.68990492978153239</v>
      </c>
      <c r="P91" s="8">
        <v>0.67135246597004972</v>
      </c>
      <c r="Q91" s="8">
        <v>0.75052531797944821</v>
      </c>
      <c r="R91" s="8">
        <v>0.74450439485599984</v>
      </c>
      <c r="S91" s="8">
        <v>0.72743248930444748</v>
      </c>
      <c r="T91" s="8">
        <v>0.77589559540357411</v>
      </c>
      <c r="U91" s="8">
        <v>0.77713012523649427</v>
      </c>
      <c r="V91" s="8">
        <v>0.71585489025632398</v>
      </c>
      <c r="W91" s="17">
        <v>0.66499095189077873</v>
      </c>
      <c r="X91" s="8">
        <v>0.73719823270714202</v>
      </c>
      <c r="Y91" s="8">
        <v>0.82953341007788395</v>
      </c>
      <c r="Z91" s="8">
        <v>0.8358752202813996</v>
      </c>
      <c r="AA91" s="8">
        <v>0.80495605531680925</v>
      </c>
      <c r="AB91" s="8">
        <v>0.88887519004851423</v>
      </c>
      <c r="AC91" s="8">
        <v>0.88310588657656452</v>
      </c>
      <c r="AD91" s="8">
        <v>0.91144326210934012</v>
      </c>
      <c r="AE91" s="8">
        <v>0.90583027362470325</v>
      </c>
      <c r="AF91" s="8">
        <v>0.97745395852621408</v>
      </c>
      <c r="AG91" s="8">
        <v>1.0197532886673262</v>
      </c>
      <c r="AH91" s="8">
        <v>0.99168857712872338</v>
      </c>
      <c r="AI91" s="8">
        <v>1.0070837369689896</v>
      </c>
      <c r="AJ91" s="8">
        <v>1.0176601094036382</v>
      </c>
      <c r="AK91" s="8">
        <v>0.96243284485310765</v>
      </c>
      <c r="AL91" s="8">
        <v>0.97821329899662646</v>
      </c>
      <c r="AM91" s="8">
        <v>0.9906889580247441</v>
      </c>
      <c r="AN91" s="8">
        <v>0.9495533316542708</v>
      </c>
      <c r="AO91" s="8">
        <v>0.99848355467756411</v>
      </c>
      <c r="AP91" s="8">
        <v>1.0357421273944976</v>
      </c>
      <c r="AQ91" s="8">
        <v>1.0523258953953021</v>
      </c>
      <c r="AR91" s="8">
        <v>1.059325796650155</v>
      </c>
      <c r="AS91" s="8">
        <v>1.1079148096706728</v>
      </c>
      <c r="AT91" s="8">
        <v>1.1039767612045712</v>
      </c>
      <c r="AU91" s="8">
        <v>0.96488561058933653</v>
      </c>
      <c r="AV91" s="8">
        <v>0.78472452249973479</v>
      </c>
      <c r="AW91" s="8">
        <v>0.80751155900940652</v>
      </c>
      <c r="AX91" s="8">
        <v>0.71385861502231263</v>
      </c>
      <c r="AY91" s="8">
        <v>0.70388403150784495</v>
      </c>
      <c r="AZ91" s="8">
        <v>0.6899105816242771</v>
      </c>
      <c r="BA91" s="8">
        <v>0.68628238043012368</v>
      </c>
      <c r="BB91" s="8">
        <v>0.73635851905464256</v>
      </c>
      <c r="BC91" s="8">
        <v>0.73667775299545823</v>
      </c>
      <c r="BD91" s="8">
        <v>0.72817300993575029</v>
      </c>
    </row>
    <row r="92" spans="3:56" x14ac:dyDescent="0.2">
      <c r="C92" s="16" t="s">
        <v>89</v>
      </c>
      <c r="D92" s="6" t="s">
        <v>58</v>
      </c>
      <c r="E92" s="8">
        <v>0.78357003264006408</v>
      </c>
      <c r="F92" s="8">
        <v>0.79171162063023159</v>
      </c>
      <c r="G92" s="8">
        <v>0.80062886749788365</v>
      </c>
      <c r="H92" s="8">
        <v>0.80556362626446065</v>
      </c>
      <c r="I92" s="8">
        <v>0.81202401970100735</v>
      </c>
      <c r="J92" s="8">
        <v>0.87005931305280448</v>
      </c>
      <c r="K92" s="8">
        <v>0.79784398053885786</v>
      </c>
      <c r="L92" s="8">
        <v>0.78397821864971562</v>
      </c>
      <c r="M92" s="8">
        <v>0.78796699052744046</v>
      </c>
      <c r="N92" s="8">
        <v>0.75690202979483856</v>
      </c>
      <c r="O92" s="8">
        <v>0.73637723404672062</v>
      </c>
      <c r="P92" s="8">
        <v>0.76188636772818463</v>
      </c>
      <c r="Q92" s="8">
        <v>0.78153298163391738</v>
      </c>
      <c r="R92" s="8">
        <v>0.79014284971813276</v>
      </c>
      <c r="S92" s="8">
        <v>0.78563902496570559</v>
      </c>
      <c r="T92" s="8">
        <v>0.78454738976975258</v>
      </c>
      <c r="U92" s="8">
        <v>0.79343892459495713</v>
      </c>
      <c r="V92" s="8">
        <v>0.77304844622273361</v>
      </c>
      <c r="W92" s="17">
        <v>0.80098653117240115</v>
      </c>
      <c r="X92" s="8">
        <v>0.84121607983092073</v>
      </c>
      <c r="Y92" s="8">
        <v>0.83821617249570002</v>
      </c>
      <c r="Z92" s="8">
        <v>0.81479724055532443</v>
      </c>
      <c r="AA92" s="8">
        <v>0.7698171981463614</v>
      </c>
      <c r="AB92" s="8">
        <v>0.83643691945481624</v>
      </c>
      <c r="AC92" s="8">
        <v>0.81229490798109139</v>
      </c>
      <c r="AD92" s="8">
        <v>0.85424241128077905</v>
      </c>
      <c r="AE92" s="8">
        <v>0.79053070161238093</v>
      </c>
      <c r="AF92" s="8">
        <v>0.80281708056657697</v>
      </c>
      <c r="AG92" s="8">
        <v>0.79895462294554132</v>
      </c>
      <c r="AH92" s="8">
        <v>0.77819851814627317</v>
      </c>
      <c r="AI92" s="8">
        <v>0.74943128188268238</v>
      </c>
      <c r="AJ92" s="8">
        <v>0.79345532984487643</v>
      </c>
      <c r="AK92" s="8">
        <v>0.83203879199085518</v>
      </c>
      <c r="AL92" s="8">
        <v>0.83726616018176647</v>
      </c>
      <c r="AM92" s="8">
        <v>0.84070720061407611</v>
      </c>
      <c r="AN92" s="8">
        <v>0.86798176079493417</v>
      </c>
      <c r="AO92" s="8">
        <v>0.83805916560174754</v>
      </c>
      <c r="AP92" s="8">
        <v>0.80835163953547207</v>
      </c>
      <c r="AQ92" s="8">
        <v>0.81004932475478242</v>
      </c>
      <c r="AR92" s="8">
        <v>0.80853397312782116</v>
      </c>
      <c r="AS92" s="8">
        <v>0.83701072321821879</v>
      </c>
      <c r="AT92" s="8">
        <v>0.8515296990441954</v>
      </c>
      <c r="AU92" s="8">
        <v>0.88641133543771</v>
      </c>
      <c r="AV92" s="8">
        <v>0.84803589830385007</v>
      </c>
      <c r="AW92" s="8">
        <v>0.84835856673864996</v>
      </c>
      <c r="AX92" s="8">
        <v>0.86169583774154757</v>
      </c>
      <c r="AY92" s="8">
        <v>0.89183757659347285</v>
      </c>
      <c r="AZ92" s="8">
        <v>0.854650124562227</v>
      </c>
      <c r="BA92" s="8">
        <v>0.86026383446514998</v>
      </c>
      <c r="BB92" s="8">
        <v>0.8262069844334663</v>
      </c>
      <c r="BC92" s="8">
        <v>0.78525386914280504</v>
      </c>
      <c r="BD92" s="8">
        <v>0.75378471854195994</v>
      </c>
    </row>
    <row r="93" spans="3:56" x14ac:dyDescent="0.2">
      <c r="C93" s="16" t="s">
        <v>95</v>
      </c>
      <c r="D93" s="6" t="s">
        <v>58</v>
      </c>
      <c r="E93" s="8">
        <v>1.0963004991663736</v>
      </c>
      <c r="F93" s="8">
        <v>1.1349348597412745</v>
      </c>
      <c r="G93" s="8">
        <v>1.1513072277172574</v>
      </c>
      <c r="H93" s="8">
        <v>1.1420425758931645</v>
      </c>
      <c r="I93" s="8">
        <v>1.1532111970505827</v>
      </c>
      <c r="J93" s="8">
        <v>1.1186073368596643</v>
      </c>
      <c r="K93" s="8">
        <v>1.1146390562009652</v>
      </c>
      <c r="L93" s="8">
        <v>1.1570290111601103</v>
      </c>
      <c r="M93" s="8">
        <v>1.1682077468108658</v>
      </c>
      <c r="N93" s="8">
        <v>1.1815687224775997</v>
      </c>
      <c r="O93" s="8">
        <v>1.1800399271092081</v>
      </c>
      <c r="P93" s="8">
        <v>1.1382656655164669</v>
      </c>
      <c r="Q93" s="8">
        <v>1.156479491244</v>
      </c>
      <c r="R93" s="8">
        <v>1.1539261600125932</v>
      </c>
      <c r="S93" s="8">
        <v>1.1499261066997786</v>
      </c>
      <c r="T93" s="8">
        <v>1.218731864491013</v>
      </c>
      <c r="U93" s="8">
        <v>1.2571363259684436</v>
      </c>
      <c r="V93" s="8">
        <v>1.2891313952718879</v>
      </c>
      <c r="W93" s="17">
        <v>1.2914720404658131</v>
      </c>
      <c r="X93" s="8">
        <v>1.1725989266627244</v>
      </c>
      <c r="Y93" s="8">
        <v>1.3186546464879745</v>
      </c>
      <c r="Z93" s="8">
        <v>1.3099225952518161</v>
      </c>
      <c r="AA93" s="8">
        <v>1.2981463229949117</v>
      </c>
      <c r="AB93" s="8">
        <v>1.2989538465471184</v>
      </c>
      <c r="AC93" s="8">
        <v>1.2833510620762409</v>
      </c>
      <c r="AD93" s="8">
        <v>1.2686274220628941</v>
      </c>
      <c r="AE93" s="8">
        <v>1.2559358173171402</v>
      </c>
      <c r="AF93" s="8">
        <v>1.275428057569397</v>
      </c>
      <c r="AG93" s="8">
        <v>1.2599948242182064</v>
      </c>
      <c r="AH93" s="8">
        <v>1.2415651013534981</v>
      </c>
      <c r="AI93" s="8">
        <v>1.2126213146724791</v>
      </c>
      <c r="AJ93" s="8">
        <v>1.229799476656108</v>
      </c>
      <c r="AK93" s="8">
        <v>1.1952830378102255</v>
      </c>
      <c r="AL93" s="8">
        <v>1.2280871142391845</v>
      </c>
      <c r="AM93" s="8">
        <v>1.1581633924036101</v>
      </c>
      <c r="AN93" s="8">
        <v>1.3197788565859401</v>
      </c>
      <c r="AO93" s="8">
        <v>1.2867228438878118</v>
      </c>
      <c r="AP93" s="8">
        <v>1.2492239413102173</v>
      </c>
      <c r="AQ93" s="8">
        <v>1.26825828860971</v>
      </c>
      <c r="AR93" s="8">
        <v>1.1349602324462271</v>
      </c>
      <c r="AS93" s="8">
        <v>1.2346926835120013</v>
      </c>
      <c r="AT93" s="8">
        <v>1.2086670010600891</v>
      </c>
      <c r="AU93" s="8">
        <v>1.1899287751689425</v>
      </c>
      <c r="AV93" s="8">
        <v>1.3000639210368643</v>
      </c>
      <c r="AW93" s="8">
        <v>1.3043948987504042</v>
      </c>
      <c r="AX93" s="8">
        <v>1.2180845478811357</v>
      </c>
      <c r="AY93" s="8">
        <v>1.157244847330211</v>
      </c>
      <c r="AZ93" s="8">
        <v>1.1394736488101287</v>
      </c>
      <c r="BA93" s="8">
        <v>1.1677593229368461</v>
      </c>
      <c r="BB93" s="8">
        <v>1.1337131519274377</v>
      </c>
      <c r="BC93" s="8">
        <v>1.1858532295474304</v>
      </c>
      <c r="BD93" s="8">
        <v>1.11981642824613</v>
      </c>
    </row>
    <row r="94" spans="3:56" x14ac:dyDescent="0.2">
      <c r="C94" s="23" t="s">
        <v>96</v>
      </c>
      <c r="D94" s="6" t="s">
        <v>58</v>
      </c>
      <c r="E94" s="17">
        <v>1.0159626080802233</v>
      </c>
      <c r="F94" s="17">
        <v>0.85063835327756898</v>
      </c>
      <c r="G94" s="17">
        <v>0.86021921691474579</v>
      </c>
      <c r="H94" s="17">
        <v>0.91492263714113309</v>
      </c>
      <c r="I94" s="17">
        <v>0.93762935488697208</v>
      </c>
      <c r="J94" s="17">
        <v>1.0114931368305309</v>
      </c>
      <c r="K94" s="17">
        <v>0.98554484376531448</v>
      </c>
      <c r="L94" s="17">
        <v>0.96987391103046761</v>
      </c>
      <c r="M94" s="17">
        <v>0.95419892365935988</v>
      </c>
      <c r="N94" s="17">
        <v>0.96507000040439772</v>
      </c>
      <c r="O94" s="17">
        <v>0.94568111982432257</v>
      </c>
      <c r="P94" s="17">
        <v>0.92821963146427477</v>
      </c>
      <c r="Q94" s="17">
        <v>0.91816285157321809</v>
      </c>
      <c r="R94" s="17">
        <v>0.91053697835786462</v>
      </c>
      <c r="S94" s="17">
        <v>0.90292110573619178</v>
      </c>
      <c r="T94" s="17">
        <v>0.8797773192422349</v>
      </c>
      <c r="U94" s="17">
        <v>0.8765841745039985</v>
      </c>
      <c r="V94" s="17">
        <v>0.88077040212675028</v>
      </c>
      <c r="W94" s="17">
        <v>0.9246082400119856</v>
      </c>
      <c r="X94" s="17">
        <v>0.9429036940069544</v>
      </c>
      <c r="Y94" s="17">
        <v>0.9541458441036853</v>
      </c>
      <c r="Z94" s="17">
        <v>0.94223942565311247</v>
      </c>
      <c r="AA94" s="17">
        <v>0.90894761705259575</v>
      </c>
      <c r="AB94" s="17">
        <v>0.95837054003355837</v>
      </c>
      <c r="AC94" s="17">
        <v>0.92364548917188849</v>
      </c>
      <c r="AD94" s="17">
        <v>0.94087138383002467</v>
      </c>
      <c r="AE94" s="17">
        <v>0.87528848812659743</v>
      </c>
      <c r="AF94" s="17">
        <v>0.92717128444436425</v>
      </c>
      <c r="AG94" s="17">
        <v>0.93272640000511986</v>
      </c>
      <c r="AH94" s="17">
        <v>0.90631976814285786</v>
      </c>
      <c r="AI94" s="17">
        <v>0.93007645361779945</v>
      </c>
      <c r="AJ94" s="17">
        <v>0.90768139492827793</v>
      </c>
      <c r="AK94" s="17">
        <v>0.85496106466251676</v>
      </c>
      <c r="AL94" s="17">
        <v>0.8513668996345638</v>
      </c>
      <c r="AM94" s="17">
        <v>0.94772602281869278</v>
      </c>
      <c r="AN94" s="17">
        <v>0.90472999742194227</v>
      </c>
      <c r="AO94" s="17">
        <v>0.8807459914936232</v>
      </c>
      <c r="AP94" s="17">
        <v>0.8730691301641077</v>
      </c>
      <c r="AQ94" s="17">
        <v>0.88012475606628182</v>
      </c>
      <c r="AR94" s="17">
        <v>0.96114486791656628</v>
      </c>
      <c r="AS94" s="17">
        <v>0.96736074370873915</v>
      </c>
      <c r="AT94" s="17">
        <v>1.0061363070398344</v>
      </c>
      <c r="AU94" s="17">
        <v>1.0490368920646289</v>
      </c>
      <c r="AV94" s="17">
        <v>1.0778105244468295</v>
      </c>
      <c r="AW94" s="17">
        <v>1.0924790914634419</v>
      </c>
      <c r="AX94" s="17">
        <v>1.0911740475803171</v>
      </c>
      <c r="AY94" s="17">
        <v>1.0786416362936222</v>
      </c>
      <c r="AZ94" s="17">
        <v>1.0659760819957782</v>
      </c>
      <c r="BA94" s="17">
        <v>1.0643025870437235</v>
      </c>
      <c r="BB94" s="17">
        <v>1.0161246686166605</v>
      </c>
      <c r="BC94" s="17">
        <v>1.039060421256635</v>
      </c>
      <c r="BD94" s="17">
        <v>1.0385852624707392</v>
      </c>
    </row>
    <row r="95" spans="3:56" x14ac:dyDescent="0.2">
      <c r="C95" s="67"/>
      <c r="D95" s="64"/>
      <c r="E95" s="65"/>
      <c r="F95" s="65"/>
      <c r="G95" s="65"/>
      <c r="H95" s="65"/>
      <c r="J95" s="65"/>
      <c r="K95" s="65"/>
      <c r="L95" s="65"/>
      <c r="M95" s="65"/>
      <c r="N95" s="65"/>
      <c r="O95" s="65"/>
      <c r="P95" s="65"/>
      <c r="Q95" s="65"/>
      <c r="R95" s="65"/>
      <c r="S95" s="65"/>
      <c r="T95" s="65"/>
      <c r="U95" s="65"/>
      <c r="V95" s="65"/>
      <c r="W95" s="65"/>
      <c r="X95" s="65"/>
      <c r="Y95" s="65"/>
      <c r="Z95" s="65"/>
      <c r="AA95" s="65"/>
      <c r="AB95" s="65"/>
      <c r="AC95" s="65"/>
      <c r="AD95" s="65"/>
      <c r="AE95" s="65"/>
      <c r="AG95" s="65"/>
      <c r="AH95" s="65"/>
      <c r="AO95" s="65"/>
      <c r="AQ95" s="65"/>
      <c r="AR95" s="65"/>
      <c r="AS95" s="65"/>
      <c r="AT95" s="65"/>
      <c r="AU95" s="65"/>
      <c r="AV95" s="65"/>
      <c r="AW95" s="65"/>
      <c r="AX95" s="65"/>
      <c r="AY95" s="65"/>
      <c r="AZ95" s="65"/>
      <c r="BA95" s="65"/>
      <c r="BB95" s="65"/>
      <c r="BC95" s="65"/>
    </row>
    <row r="96" spans="3:56" x14ac:dyDescent="0.2">
      <c r="D96" s="64"/>
      <c r="E96" s="65"/>
      <c r="F96" s="65"/>
      <c r="G96" s="65"/>
      <c r="H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6" x14ac:dyDescent="0.2">
      <c r="C97" s="23" t="s">
        <v>106</v>
      </c>
      <c r="D97" s="6" t="s">
        <v>58</v>
      </c>
      <c r="E97" s="17">
        <v>7.75</v>
      </c>
      <c r="F97" s="17">
        <v>7.98</v>
      </c>
      <c r="G97" s="17">
        <v>7.99</v>
      </c>
      <c r="H97" s="17">
        <v>7.76</v>
      </c>
      <c r="I97" s="17">
        <v>7.62</v>
      </c>
      <c r="J97" s="17">
        <v>7.34</v>
      </c>
      <c r="K97" s="17">
        <v>7.51</v>
      </c>
      <c r="L97" s="17">
        <v>7.65</v>
      </c>
      <c r="M97" s="17">
        <v>7.42</v>
      </c>
      <c r="N97" s="17">
        <v>7.56</v>
      </c>
      <c r="O97" s="17">
        <v>7.98</v>
      </c>
      <c r="P97" s="17">
        <v>7.98</v>
      </c>
      <c r="Q97" s="17">
        <v>7.79</v>
      </c>
      <c r="R97" s="17">
        <v>7.77</v>
      </c>
      <c r="S97" s="17">
        <v>7.51</v>
      </c>
      <c r="T97" s="17">
        <v>7.59</v>
      </c>
      <c r="U97" s="17">
        <v>7.52</v>
      </c>
      <c r="V97" s="17">
        <v>7.77</v>
      </c>
      <c r="W97" s="17">
        <v>7.82</v>
      </c>
      <c r="X97" s="17">
        <v>7.51</v>
      </c>
      <c r="Y97" s="17">
        <v>7.76</v>
      </c>
      <c r="Z97" s="17">
        <v>7.29</v>
      </c>
      <c r="AA97" s="17">
        <v>7.55</v>
      </c>
      <c r="AB97" s="17">
        <v>7.5</v>
      </c>
      <c r="AC97" s="17">
        <v>7.87</v>
      </c>
      <c r="AD97" s="17">
        <v>7.88</v>
      </c>
      <c r="AE97" s="17">
        <v>6.9669999999999996</v>
      </c>
      <c r="AF97" s="17">
        <v>6.88</v>
      </c>
      <c r="AG97" s="17">
        <v>6.85</v>
      </c>
      <c r="AH97" s="17">
        <v>7.64</v>
      </c>
      <c r="AI97" s="17">
        <v>7.46</v>
      </c>
      <c r="AJ97" s="17">
        <v>7.14</v>
      </c>
      <c r="AK97" s="17">
        <v>7.48</v>
      </c>
      <c r="AL97" s="105">
        <v>7.09</v>
      </c>
      <c r="AM97" s="17">
        <v>7.51</v>
      </c>
      <c r="AN97" s="17">
        <v>7.85</v>
      </c>
      <c r="AO97" s="17">
        <v>7.74</v>
      </c>
      <c r="AP97" s="17">
        <v>7.99</v>
      </c>
      <c r="AQ97" s="17">
        <v>7.72</v>
      </c>
      <c r="AR97" s="17">
        <v>7.22</v>
      </c>
      <c r="AS97" s="17">
        <v>7.29</v>
      </c>
      <c r="AT97" s="17">
        <v>7.2</v>
      </c>
      <c r="AU97" s="17">
        <v>7.32</v>
      </c>
      <c r="AV97" s="17">
        <v>7.51</v>
      </c>
      <c r="AW97" s="17">
        <v>7.48</v>
      </c>
      <c r="AX97" s="17">
        <v>7.32</v>
      </c>
      <c r="AY97" s="17">
        <v>7.14</v>
      </c>
      <c r="AZ97" s="17">
        <v>7.16</v>
      </c>
      <c r="BA97" s="17">
        <v>7.4</v>
      </c>
      <c r="BB97" s="17">
        <v>7.41</v>
      </c>
      <c r="BC97" s="17">
        <v>7.56</v>
      </c>
      <c r="BD97" s="17">
        <v>7.82</v>
      </c>
    </row>
    <row r="98" spans="3:56" x14ac:dyDescent="0.2">
      <c r="D98" s="64"/>
      <c r="E98" s="65"/>
      <c r="F98" s="65"/>
      <c r="G98" s="65"/>
      <c r="H98" s="65"/>
      <c r="K98" s="65"/>
      <c r="L98" s="65"/>
      <c r="M98" s="65"/>
      <c r="N98" s="65"/>
      <c r="O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102" spans="3:56" x14ac:dyDescent="0.2">
      <c r="C102" s="1" t="s">
        <v>97</v>
      </c>
      <c r="E102" s="2">
        <v>2016</v>
      </c>
      <c r="F102" s="1"/>
      <c r="G102" s="1"/>
      <c r="H102" s="1"/>
      <c r="I102" s="1"/>
      <c r="J102" s="1"/>
      <c r="K102" s="1"/>
      <c r="L102" s="1"/>
      <c r="M102" s="1"/>
    </row>
    <row r="103" spans="3:56" x14ac:dyDescent="0.2">
      <c r="C103" s="3" t="s">
        <v>2</v>
      </c>
      <c r="D103" s="3" t="s">
        <v>3</v>
      </c>
      <c r="E103" s="4" t="s">
        <v>15</v>
      </c>
      <c r="F103" s="4" t="s">
        <v>16</v>
      </c>
      <c r="G103" s="4" t="s">
        <v>17</v>
      </c>
      <c r="H103" s="4" t="s">
        <v>18</v>
      </c>
      <c r="I103" s="4" t="s">
        <v>19</v>
      </c>
      <c r="J103" s="4" t="s">
        <v>20</v>
      </c>
      <c r="K103" s="4" t="s">
        <v>21</v>
      </c>
      <c r="L103" s="4" t="s">
        <v>22</v>
      </c>
      <c r="M103" s="4" t="s">
        <v>23</v>
      </c>
      <c r="N103" s="4" t="s">
        <v>24</v>
      </c>
      <c r="O103" s="4" t="s">
        <v>25</v>
      </c>
      <c r="P103" s="4" t="s">
        <v>26</v>
      </c>
      <c r="Q103" s="4" t="s">
        <v>27</v>
      </c>
      <c r="R103" s="4" t="s">
        <v>28</v>
      </c>
      <c r="S103" s="4" t="s">
        <v>29</v>
      </c>
      <c r="T103" s="4" t="s">
        <v>30</v>
      </c>
      <c r="U103" s="4" t="s">
        <v>31</v>
      </c>
      <c r="V103" s="4" t="s">
        <v>32</v>
      </c>
      <c r="W103" s="4" t="s">
        <v>33</v>
      </c>
      <c r="X103" s="4" t="s">
        <v>34</v>
      </c>
      <c r="Y103" s="4" t="s">
        <v>35</v>
      </c>
      <c r="Z103" s="4" t="s">
        <v>36</v>
      </c>
      <c r="AA103" s="4" t="s">
        <v>37</v>
      </c>
      <c r="AB103" s="4" t="s">
        <v>38</v>
      </c>
      <c r="AC103" s="26" t="s">
        <v>39</v>
      </c>
      <c r="AD103" s="4" t="s">
        <v>40</v>
      </c>
      <c r="AE103" s="4" t="s">
        <v>41</v>
      </c>
      <c r="AF103" s="4" t="s">
        <v>42</v>
      </c>
      <c r="AG103" s="4" t="s">
        <v>43</v>
      </c>
      <c r="AH103" s="4" t="s">
        <v>44</v>
      </c>
      <c r="AI103" s="4" t="s">
        <v>45</v>
      </c>
      <c r="AJ103" s="4" t="s">
        <v>46</v>
      </c>
      <c r="AK103" s="4" t="s">
        <v>47</v>
      </c>
      <c r="AL103" s="4" t="s">
        <v>48</v>
      </c>
      <c r="AM103" s="4" t="s">
        <v>49</v>
      </c>
      <c r="AN103" s="4" t="s">
        <v>50</v>
      </c>
      <c r="AO103" s="4" t="s">
        <v>51</v>
      </c>
      <c r="AP103" s="4" t="s">
        <v>52</v>
      </c>
      <c r="AQ103" s="4" t="s">
        <v>53</v>
      </c>
      <c r="AR103" s="4" t="s">
        <v>54</v>
      </c>
      <c r="AS103" s="4" t="s">
        <v>55</v>
      </c>
      <c r="AT103" s="4" t="s">
        <v>4</v>
      </c>
      <c r="AU103" s="4" t="s">
        <v>5</v>
      </c>
      <c r="AV103" s="4" t="s">
        <v>6</v>
      </c>
      <c r="AW103" s="4" t="s">
        <v>7</v>
      </c>
      <c r="AX103" s="4" t="s">
        <v>8</v>
      </c>
      <c r="AY103" s="4" t="s">
        <v>9</v>
      </c>
      <c r="AZ103" s="4" t="s">
        <v>10</v>
      </c>
      <c r="BA103" s="4" t="s">
        <v>11</v>
      </c>
      <c r="BB103" s="4" t="s">
        <v>12</v>
      </c>
      <c r="BC103" s="4" t="s">
        <v>13</v>
      </c>
      <c r="BD103" s="4" t="s">
        <v>14</v>
      </c>
    </row>
    <row r="104" spans="3:56" x14ac:dyDescent="0.2">
      <c r="C104" s="5" t="s">
        <v>57</v>
      </c>
      <c r="D104" s="6" t="s">
        <v>58</v>
      </c>
      <c r="E104" s="8">
        <v>16.3</v>
      </c>
      <c r="F104" s="8">
        <v>16.43</v>
      </c>
      <c r="G104" s="8">
        <v>16.329999999999998</v>
      </c>
      <c r="H104" s="8">
        <v>16.52</v>
      </c>
      <c r="I104" s="8">
        <v>16.55</v>
      </c>
      <c r="J104" s="8">
        <v>16.59</v>
      </c>
      <c r="K104" s="8">
        <v>16.43</v>
      </c>
      <c r="L104" s="8">
        <v>16.38</v>
      </c>
      <c r="M104" s="8">
        <v>16.510000000000002</v>
      </c>
      <c r="N104" s="8">
        <v>16.37</v>
      </c>
      <c r="O104" s="8">
        <v>16.38</v>
      </c>
      <c r="P104" s="8">
        <v>16.39</v>
      </c>
      <c r="Q104" s="8">
        <v>16.46</v>
      </c>
      <c r="R104" s="8">
        <v>16.260000000000002</v>
      </c>
      <c r="S104" s="8">
        <v>16.100000000000001</v>
      </c>
      <c r="T104" s="8">
        <v>15.93</v>
      </c>
      <c r="U104" s="8">
        <v>15.88</v>
      </c>
      <c r="V104" s="8">
        <v>15.93</v>
      </c>
      <c r="W104" s="17">
        <v>15.8</v>
      </c>
      <c r="X104" s="8">
        <v>15.81</v>
      </c>
      <c r="Y104" s="8">
        <v>15.86</v>
      </c>
      <c r="Z104" s="8">
        <v>15.78</v>
      </c>
      <c r="AA104" s="8">
        <v>15.78</v>
      </c>
      <c r="AB104" s="8">
        <v>15.7</v>
      </c>
      <c r="AC104" s="8">
        <v>15.74</v>
      </c>
      <c r="AD104" s="8">
        <v>15.76</v>
      </c>
      <c r="AE104" s="8">
        <v>15.68</v>
      </c>
      <c r="AF104" s="8">
        <v>15.65</v>
      </c>
      <c r="AG104" s="8">
        <v>15.68</v>
      </c>
      <c r="AH104" s="8">
        <v>15.7</v>
      </c>
      <c r="AI104" s="8">
        <v>15.71</v>
      </c>
      <c r="AJ104" s="8">
        <v>15.66</v>
      </c>
      <c r="AK104" s="8">
        <v>15.61</v>
      </c>
      <c r="AL104" s="8">
        <v>15.56</v>
      </c>
      <c r="AM104" s="8">
        <v>15.55</v>
      </c>
      <c r="AN104" s="8">
        <v>15.54</v>
      </c>
      <c r="AO104" s="8">
        <v>15.54</v>
      </c>
      <c r="AP104" s="8">
        <v>15.78</v>
      </c>
      <c r="AQ104" s="8">
        <v>15.73</v>
      </c>
      <c r="AR104" s="8">
        <v>15.74</v>
      </c>
      <c r="AS104" s="8">
        <v>15.72</v>
      </c>
      <c r="AT104" s="8">
        <v>15.67</v>
      </c>
      <c r="AU104" s="8">
        <v>15.7</v>
      </c>
      <c r="AV104" s="8">
        <v>15.59</v>
      </c>
      <c r="AW104" s="8">
        <v>15.67</v>
      </c>
      <c r="AX104" s="8">
        <v>15.68</v>
      </c>
      <c r="AY104" s="8">
        <v>15.71</v>
      </c>
      <c r="AZ104" s="8">
        <v>15.74</v>
      </c>
      <c r="BA104" s="8">
        <v>15.74</v>
      </c>
      <c r="BB104" s="8">
        <v>15.9</v>
      </c>
      <c r="BC104" s="8">
        <v>15.99</v>
      </c>
      <c r="BD104" s="8">
        <v>16</v>
      </c>
    </row>
    <row r="105" spans="3:56" x14ac:dyDescent="0.2">
      <c r="C105" s="5" t="s">
        <v>59</v>
      </c>
      <c r="D105" s="6" t="s">
        <v>58</v>
      </c>
      <c r="E105" s="8">
        <v>11.37</v>
      </c>
      <c r="F105" s="8">
        <v>11.28</v>
      </c>
      <c r="G105" s="8">
        <v>11.18</v>
      </c>
      <c r="H105" s="8">
        <v>11.13</v>
      </c>
      <c r="I105" s="8">
        <v>11.07</v>
      </c>
      <c r="J105" s="8">
        <v>10.97</v>
      </c>
      <c r="K105" s="8">
        <v>11.09</v>
      </c>
      <c r="L105" s="8">
        <v>11.12</v>
      </c>
      <c r="M105" s="8">
        <v>11.19</v>
      </c>
      <c r="N105" s="8">
        <v>11.17</v>
      </c>
      <c r="O105" s="8">
        <v>11.11</v>
      </c>
      <c r="P105" s="8">
        <v>11.09</v>
      </c>
      <c r="Q105" s="8">
        <v>11.13</v>
      </c>
      <c r="R105" s="8">
        <v>11.06</v>
      </c>
      <c r="S105" s="8">
        <v>10.92</v>
      </c>
      <c r="T105" s="8">
        <v>10.75</v>
      </c>
      <c r="U105" s="8">
        <v>10.81</v>
      </c>
      <c r="V105" s="8">
        <v>10.9</v>
      </c>
      <c r="W105" s="17">
        <v>10.97</v>
      </c>
      <c r="X105" s="8">
        <v>10.91</v>
      </c>
      <c r="Y105" s="8">
        <v>10.86</v>
      </c>
      <c r="Z105" s="8">
        <v>10.82</v>
      </c>
      <c r="AA105" s="8">
        <v>10.81</v>
      </c>
      <c r="AB105" s="8">
        <v>10.85</v>
      </c>
      <c r="AC105" s="8">
        <v>10.73</v>
      </c>
      <c r="AD105" s="8">
        <v>10.69</v>
      </c>
      <c r="AE105" s="8">
        <v>10.72</v>
      </c>
      <c r="AF105" s="8">
        <v>10.71</v>
      </c>
      <c r="AG105" s="8">
        <v>10.74</v>
      </c>
      <c r="AH105" s="8">
        <v>10.75</v>
      </c>
      <c r="AI105" s="8">
        <v>10.79</v>
      </c>
      <c r="AJ105" s="8">
        <v>10.87</v>
      </c>
      <c r="AK105" s="8">
        <v>10.81</v>
      </c>
      <c r="AL105" s="8">
        <v>10.78</v>
      </c>
      <c r="AM105" s="8">
        <v>10.78</v>
      </c>
      <c r="AN105" s="8">
        <v>10.86</v>
      </c>
      <c r="AO105" s="8">
        <v>10.85</v>
      </c>
      <c r="AP105" s="8">
        <v>10.84</v>
      </c>
      <c r="AQ105" s="8">
        <v>10.91</v>
      </c>
      <c r="AR105" s="8">
        <v>10.85</v>
      </c>
      <c r="AS105" s="8">
        <v>10.84</v>
      </c>
      <c r="AT105" s="8">
        <v>10.82</v>
      </c>
      <c r="AU105" s="8">
        <v>10.86</v>
      </c>
      <c r="AV105" s="8">
        <v>10.88</v>
      </c>
      <c r="AW105" s="8">
        <v>11.04</v>
      </c>
      <c r="AX105" s="8">
        <v>11.1</v>
      </c>
      <c r="AY105" s="8">
        <v>11.15</v>
      </c>
      <c r="AZ105" s="8">
        <v>11.17</v>
      </c>
      <c r="BA105" s="8">
        <v>11.26</v>
      </c>
      <c r="BB105" s="8">
        <v>11.32</v>
      </c>
      <c r="BC105" s="8">
        <v>11.36</v>
      </c>
      <c r="BD105" s="8">
        <v>11.37</v>
      </c>
    </row>
    <row r="106" spans="3:56" x14ac:dyDescent="0.2">
      <c r="C106" s="5" t="s">
        <v>60</v>
      </c>
      <c r="D106" s="6" t="s">
        <v>58</v>
      </c>
      <c r="E106" s="8">
        <v>5.27</v>
      </c>
      <c r="F106" s="8">
        <v>5.27</v>
      </c>
      <c r="G106" s="8">
        <v>5.26</v>
      </c>
      <c r="H106" s="8">
        <v>5.22</v>
      </c>
      <c r="I106" s="8">
        <v>5.18</v>
      </c>
      <c r="J106" s="8">
        <v>5.17</v>
      </c>
      <c r="K106" s="8">
        <v>5.18</v>
      </c>
      <c r="L106" s="8">
        <v>5.17</v>
      </c>
      <c r="M106" s="8">
        <v>5.15</v>
      </c>
      <c r="N106" s="8">
        <v>5.16</v>
      </c>
      <c r="O106" s="8">
        <v>5.15</v>
      </c>
      <c r="P106" s="8">
        <v>5.15</v>
      </c>
      <c r="Q106" s="8">
        <v>5.17</v>
      </c>
      <c r="R106" s="8">
        <v>5.23</v>
      </c>
      <c r="S106" s="8">
        <v>5.24</v>
      </c>
      <c r="T106" s="8">
        <v>5.28</v>
      </c>
      <c r="U106" s="8">
        <v>5.24</v>
      </c>
      <c r="V106" s="8">
        <v>5.26</v>
      </c>
      <c r="W106" s="17">
        <v>5.25</v>
      </c>
      <c r="X106" s="8">
        <v>5.23</v>
      </c>
      <c r="Y106" s="8">
        <v>5.19</v>
      </c>
      <c r="Z106" s="8">
        <v>5.19</v>
      </c>
      <c r="AA106" s="8">
        <v>5.21</v>
      </c>
      <c r="AB106" s="8">
        <v>5.23</v>
      </c>
      <c r="AC106" s="8">
        <v>5.26</v>
      </c>
      <c r="AD106" s="8">
        <v>5.24</v>
      </c>
      <c r="AE106" s="8">
        <v>5.25</v>
      </c>
      <c r="AF106" s="8">
        <v>5.22</v>
      </c>
      <c r="AG106" s="8">
        <v>5.21</v>
      </c>
      <c r="AH106" s="8">
        <v>5.21</v>
      </c>
      <c r="AI106" s="8">
        <v>5.27</v>
      </c>
      <c r="AJ106" s="8">
        <v>5.26</v>
      </c>
      <c r="AK106" s="8">
        <v>5.25</v>
      </c>
      <c r="AL106" s="8">
        <v>5.24</v>
      </c>
      <c r="AM106" s="8">
        <v>5.22</v>
      </c>
      <c r="AN106" s="8">
        <v>5.22</v>
      </c>
      <c r="AO106" s="8">
        <v>5.22</v>
      </c>
      <c r="AP106" s="8">
        <v>5.24</v>
      </c>
      <c r="AQ106" s="8">
        <v>5.25</v>
      </c>
      <c r="AR106" s="8">
        <v>5.26</v>
      </c>
      <c r="AS106" s="8">
        <v>5.25</v>
      </c>
      <c r="AT106" s="8">
        <v>5.23</v>
      </c>
      <c r="AU106" s="8">
        <v>5.23</v>
      </c>
      <c r="AV106" s="8">
        <v>5.24</v>
      </c>
      <c r="AW106" s="8">
        <v>5.24</v>
      </c>
      <c r="AX106" s="8">
        <v>5.24</v>
      </c>
      <c r="AY106" s="8">
        <v>5.23</v>
      </c>
      <c r="AZ106" s="8">
        <v>5.27</v>
      </c>
      <c r="BA106" s="8">
        <v>5.26</v>
      </c>
      <c r="BB106" s="8">
        <v>5.28</v>
      </c>
      <c r="BC106" s="8">
        <v>5.29</v>
      </c>
      <c r="BD106" s="8">
        <v>5.3</v>
      </c>
    </row>
    <row r="107" spans="3:56" x14ac:dyDescent="0.2">
      <c r="C107" s="5" t="s">
        <v>61</v>
      </c>
      <c r="D107" s="6" t="s">
        <v>58</v>
      </c>
      <c r="E107" s="8">
        <v>2.92</v>
      </c>
      <c r="F107" s="8">
        <v>2.94</v>
      </c>
      <c r="G107" s="8">
        <v>2.94</v>
      </c>
      <c r="H107" s="8">
        <v>2.93</v>
      </c>
      <c r="I107" s="8">
        <v>2.93</v>
      </c>
      <c r="J107" s="8">
        <v>2.92</v>
      </c>
      <c r="K107" s="8">
        <v>2.92</v>
      </c>
      <c r="L107" s="8">
        <v>2.92</v>
      </c>
      <c r="M107" s="8">
        <v>2.93</v>
      </c>
      <c r="N107" s="8">
        <v>2.92</v>
      </c>
      <c r="O107" s="8">
        <v>2.92</v>
      </c>
      <c r="P107" s="8">
        <v>2.92</v>
      </c>
      <c r="Q107" s="8">
        <v>2.96</v>
      </c>
      <c r="R107" s="8">
        <v>3</v>
      </c>
      <c r="S107" s="8">
        <v>3.04</v>
      </c>
      <c r="T107" s="8">
        <v>3</v>
      </c>
      <c r="U107" s="8">
        <v>2.97</v>
      </c>
      <c r="V107" s="8">
        <v>3.01</v>
      </c>
      <c r="W107" s="17">
        <v>3.01</v>
      </c>
      <c r="X107" s="8">
        <v>3</v>
      </c>
      <c r="Y107" s="8">
        <v>3</v>
      </c>
      <c r="Z107" s="8">
        <v>3</v>
      </c>
      <c r="AA107" s="8">
        <v>3</v>
      </c>
      <c r="AB107" s="8">
        <v>2.98</v>
      </c>
      <c r="AC107" s="8">
        <v>2.99</v>
      </c>
      <c r="AD107" s="8">
        <v>2.99</v>
      </c>
      <c r="AE107" s="8">
        <v>2.98</v>
      </c>
      <c r="AF107" s="8">
        <v>2.99</v>
      </c>
      <c r="AG107" s="8">
        <v>3</v>
      </c>
      <c r="AH107" s="8">
        <v>3</v>
      </c>
      <c r="AI107" s="8">
        <v>3.02</v>
      </c>
      <c r="AJ107" s="8">
        <v>3.01</v>
      </c>
      <c r="AK107" s="8">
        <v>3.01</v>
      </c>
      <c r="AL107" s="8">
        <v>3.01</v>
      </c>
      <c r="AM107" s="8">
        <v>2.99</v>
      </c>
      <c r="AN107" s="8">
        <v>2.98</v>
      </c>
      <c r="AO107" s="8">
        <v>2.98</v>
      </c>
      <c r="AP107" s="8">
        <v>2.99</v>
      </c>
      <c r="AQ107" s="8">
        <v>2.99</v>
      </c>
      <c r="AR107" s="8">
        <v>2.99</v>
      </c>
      <c r="AS107" s="8">
        <v>3</v>
      </c>
      <c r="AT107" s="8">
        <v>2.99</v>
      </c>
      <c r="AU107" s="8">
        <v>3</v>
      </c>
      <c r="AV107" s="8">
        <v>2.99</v>
      </c>
      <c r="AW107" s="8">
        <v>2.99</v>
      </c>
      <c r="AX107" s="8">
        <v>2.99</v>
      </c>
      <c r="AY107" s="8">
        <v>2.98</v>
      </c>
      <c r="AZ107" s="8">
        <v>2.98</v>
      </c>
      <c r="BA107" s="8">
        <v>2.99</v>
      </c>
      <c r="BB107" s="8">
        <v>2.99</v>
      </c>
      <c r="BC107" s="8">
        <v>3</v>
      </c>
      <c r="BD107" s="8">
        <v>3</v>
      </c>
    </row>
    <row r="108" spans="3:56" x14ac:dyDescent="0.2">
      <c r="C108" s="5" t="s">
        <v>62</v>
      </c>
      <c r="D108" s="6" t="s">
        <v>58</v>
      </c>
      <c r="E108" s="8">
        <v>5.41</v>
      </c>
      <c r="F108" s="8">
        <v>5.39</v>
      </c>
      <c r="G108" s="8">
        <v>5.41</v>
      </c>
      <c r="H108" s="8">
        <v>5.42</v>
      </c>
      <c r="I108" s="8">
        <v>5.41</v>
      </c>
      <c r="J108" s="8">
        <v>5.38</v>
      </c>
      <c r="K108" s="8">
        <v>5.37</v>
      </c>
      <c r="L108" s="8">
        <v>5.34</v>
      </c>
      <c r="M108" s="8">
        <v>5.37</v>
      </c>
      <c r="N108" s="8">
        <v>5.39</v>
      </c>
      <c r="O108" s="8">
        <v>5.4</v>
      </c>
      <c r="P108" s="8">
        <v>5.39</v>
      </c>
      <c r="Q108" s="8">
        <v>5.38</v>
      </c>
      <c r="R108" s="8">
        <v>5.36</v>
      </c>
      <c r="S108" s="8">
        <v>5.39</v>
      </c>
      <c r="T108" s="8">
        <v>5.37</v>
      </c>
      <c r="U108" s="8">
        <v>5.39</v>
      </c>
      <c r="V108" s="8">
        <v>5.41</v>
      </c>
      <c r="W108" s="17">
        <v>5.41</v>
      </c>
      <c r="X108" s="8">
        <v>5.36</v>
      </c>
      <c r="Y108" s="8">
        <v>5.39</v>
      </c>
      <c r="Z108" s="8">
        <v>5.41</v>
      </c>
      <c r="AA108" s="8">
        <v>5.38</v>
      </c>
      <c r="AB108" s="8">
        <v>5.35</v>
      </c>
      <c r="AC108" s="8">
        <v>5.34</v>
      </c>
      <c r="AD108" s="8">
        <v>5.33</v>
      </c>
      <c r="AE108" s="8">
        <v>5.33</v>
      </c>
      <c r="AF108" s="8">
        <v>5.34</v>
      </c>
      <c r="AG108" s="8">
        <v>5.36</v>
      </c>
      <c r="AH108" s="8">
        <v>5.37</v>
      </c>
      <c r="AI108" s="8">
        <v>5.38</v>
      </c>
      <c r="AJ108" s="8">
        <v>5.39</v>
      </c>
      <c r="AK108" s="8">
        <v>5.39</v>
      </c>
      <c r="AL108" s="8">
        <v>5.36</v>
      </c>
      <c r="AM108" s="8">
        <v>5.38</v>
      </c>
      <c r="AN108" s="8">
        <v>5.4</v>
      </c>
      <c r="AO108" s="8">
        <v>5.4</v>
      </c>
      <c r="AP108" s="8">
        <v>5.4</v>
      </c>
      <c r="AQ108" s="8">
        <v>5.4</v>
      </c>
      <c r="AR108" s="8">
        <v>5.41</v>
      </c>
      <c r="AS108" s="8">
        <v>5.39</v>
      </c>
      <c r="AT108" s="8">
        <v>5.41</v>
      </c>
      <c r="AU108" s="8">
        <v>5.41</v>
      </c>
      <c r="AV108" s="8">
        <v>5.42</v>
      </c>
      <c r="AW108" s="8">
        <v>5.42</v>
      </c>
      <c r="AX108" s="8">
        <v>5.45</v>
      </c>
      <c r="AY108" s="8">
        <v>5.46</v>
      </c>
      <c r="AZ108" s="8">
        <v>5.52</v>
      </c>
      <c r="BA108" s="8">
        <v>5.53</v>
      </c>
      <c r="BB108" s="8">
        <v>5.56</v>
      </c>
      <c r="BC108" s="8">
        <v>5.56</v>
      </c>
      <c r="BD108" s="8">
        <v>5.55</v>
      </c>
    </row>
    <row r="109" spans="3:56" x14ac:dyDescent="0.2">
      <c r="C109" s="5" t="s">
        <v>75</v>
      </c>
      <c r="D109" s="20" t="s">
        <v>76</v>
      </c>
      <c r="E109" s="8">
        <v>1.43</v>
      </c>
      <c r="F109" s="8">
        <v>1.38</v>
      </c>
      <c r="G109" s="8">
        <v>1.37</v>
      </c>
      <c r="H109" s="8">
        <v>1.37</v>
      </c>
      <c r="I109" s="8">
        <v>1.37</v>
      </c>
      <c r="J109" s="8">
        <v>1.38</v>
      </c>
      <c r="K109" s="8">
        <v>1.38</v>
      </c>
      <c r="L109" s="8">
        <v>1.37</v>
      </c>
      <c r="M109" s="8">
        <v>1.37</v>
      </c>
      <c r="N109" s="8">
        <v>1.37</v>
      </c>
      <c r="O109" s="8">
        <v>1.37</v>
      </c>
      <c r="P109" s="8">
        <v>1.37</v>
      </c>
      <c r="Q109" s="8">
        <v>1.37</v>
      </c>
      <c r="R109" s="8">
        <v>1.37</v>
      </c>
      <c r="S109" s="8">
        <v>1.37</v>
      </c>
      <c r="T109" s="8">
        <v>1.37</v>
      </c>
      <c r="U109" s="8">
        <v>1.37</v>
      </c>
      <c r="V109" s="8">
        <v>1.36</v>
      </c>
      <c r="W109" s="17">
        <v>1.36</v>
      </c>
      <c r="X109" s="8">
        <v>1.36</v>
      </c>
      <c r="Y109" s="8">
        <v>1.36</v>
      </c>
      <c r="Z109" s="8">
        <v>1.37</v>
      </c>
      <c r="AA109" s="8">
        <v>1.37</v>
      </c>
      <c r="AB109" s="8">
        <v>1.37</v>
      </c>
      <c r="AC109" s="8">
        <v>1.37</v>
      </c>
      <c r="AD109" s="8">
        <v>1.37</v>
      </c>
      <c r="AE109" s="8">
        <v>1.37</v>
      </c>
      <c r="AF109" s="8">
        <v>1.37</v>
      </c>
      <c r="AG109" s="8">
        <v>1.37</v>
      </c>
      <c r="AH109" s="8">
        <v>1.37</v>
      </c>
      <c r="AI109" s="8">
        <v>1.38</v>
      </c>
      <c r="AJ109" s="8">
        <v>1.38</v>
      </c>
      <c r="AK109" s="8">
        <v>1.37</v>
      </c>
      <c r="AL109" s="8">
        <v>1.37</v>
      </c>
      <c r="AM109" s="8">
        <v>1.37</v>
      </c>
      <c r="AN109" s="8">
        <v>1.37</v>
      </c>
      <c r="AO109" s="8">
        <v>1.37</v>
      </c>
      <c r="AP109" s="8">
        <v>1.36</v>
      </c>
      <c r="AQ109" s="8">
        <v>1.37</v>
      </c>
      <c r="AR109" s="8">
        <v>1.37</v>
      </c>
      <c r="AS109" s="8">
        <v>1.37</v>
      </c>
      <c r="AT109" s="8">
        <v>1.36</v>
      </c>
      <c r="AU109" s="8">
        <v>1.37</v>
      </c>
      <c r="AV109" s="8">
        <v>1.37</v>
      </c>
      <c r="AW109" s="8">
        <v>1.37</v>
      </c>
      <c r="AX109" s="8">
        <v>1.37</v>
      </c>
      <c r="AY109" s="8">
        <v>1.37</v>
      </c>
      <c r="AZ109" s="8">
        <v>1.38</v>
      </c>
      <c r="BA109" s="8">
        <v>1.37</v>
      </c>
      <c r="BB109" s="8">
        <v>1.37</v>
      </c>
      <c r="BC109" s="8">
        <v>1.38</v>
      </c>
      <c r="BD109" s="8">
        <v>1.38</v>
      </c>
    </row>
    <row r="110" spans="3:56" x14ac:dyDescent="0.2">
      <c r="C110" s="5" t="s">
        <v>63</v>
      </c>
      <c r="D110" s="6" t="s">
        <v>58</v>
      </c>
      <c r="E110" s="8">
        <v>16.489999999999998</v>
      </c>
      <c r="F110" s="8">
        <v>16.32</v>
      </c>
      <c r="G110" s="8">
        <v>16.05</v>
      </c>
      <c r="H110" s="8">
        <v>15.38</v>
      </c>
      <c r="I110" s="8">
        <v>15.2</v>
      </c>
      <c r="J110" s="8">
        <v>15.24</v>
      </c>
      <c r="K110" s="8">
        <v>15.23</v>
      </c>
      <c r="L110" s="8">
        <v>15.34</v>
      </c>
      <c r="M110" s="8">
        <v>15.45</v>
      </c>
      <c r="N110" s="8">
        <v>15.47</v>
      </c>
      <c r="O110" s="8">
        <v>15.61</v>
      </c>
      <c r="P110" s="8">
        <v>15.61</v>
      </c>
      <c r="Q110" s="8">
        <v>15.39</v>
      </c>
      <c r="R110" s="8">
        <v>15.18</v>
      </c>
      <c r="S110" s="8">
        <v>15.1</v>
      </c>
      <c r="T110" s="8">
        <v>14.73</v>
      </c>
      <c r="U110" s="8">
        <v>14.49</v>
      </c>
      <c r="V110" s="8">
        <v>14.42</v>
      </c>
      <c r="W110" s="17">
        <v>14.36</v>
      </c>
      <c r="X110" s="8">
        <v>14.28</v>
      </c>
      <c r="Y110" s="8">
        <v>14.23</v>
      </c>
      <c r="Z110" s="8">
        <v>14.11</v>
      </c>
      <c r="AA110" s="8">
        <v>14.22</v>
      </c>
      <c r="AB110" s="8">
        <v>14.26</v>
      </c>
      <c r="AC110" s="8">
        <v>14.28</v>
      </c>
      <c r="AD110" s="8">
        <v>14.47</v>
      </c>
      <c r="AE110" s="8">
        <v>14.76</v>
      </c>
      <c r="AF110" s="8">
        <v>14.83</v>
      </c>
      <c r="AG110" s="8">
        <v>14.78</v>
      </c>
      <c r="AH110" s="8">
        <v>14.93</v>
      </c>
      <c r="AI110" s="8">
        <v>15.11</v>
      </c>
      <c r="AJ110" s="8">
        <v>15.07</v>
      </c>
      <c r="AK110" s="8">
        <v>14.98</v>
      </c>
      <c r="AL110" s="8">
        <v>15.27</v>
      </c>
      <c r="AM110" s="8">
        <v>15.29</v>
      </c>
      <c r="AN110" s="8">
        <v>15.31</v>
      </c>
      <c r="AO110" s="8">
        <v>15.3</v>
      </c>
      <c r="AP110" s="8">
        <v>15.35</v>
      </c>
      <c r="AQ110" s="8">
        <v>15</v>
      </c>
      <c r="AR110" s="8">
        <v>15.86</v>
      </c>
      <c r="AS110" s="8">
        <v>14.89</v>
      </c>
      <c r="AT110" s="8">
        <v>15.02</v>
      </c>
      <c r="AU110" s="8">
        <v>15.11</v>
      </c>
      <c r="AV110" s="8">
        <v>15.05</v>
      </c>
      <c r="AW110" s="8">
        <v>15.03</v>
      </c>
      <c r="AX110" s="8">
        <v>15</v>
      </c>
      <c r="AY110" s="8">
        <v>15.36</v>
      </c>
      <c r="AZ110" s="8">
        <v>15.15</v>
      </c>
      <c r="BA110" s="8">
        <v>15.1</v>
      </c>
      <c r="BB110" s="8">
        <v>15.11</v>
      </c>
      <c r="BC110" s="8">
        <v>15.35</v>
      </c>
      <c r="BD110" s="8">
        <v>15.42</v>
      </c>
    </row>
    <row r="111" spans="3:56" x14ac:dyDescent="0.2">
      <c r="C111" s="5" t="s">
        <v>64</v>
      </c>
      <c r="D111" s="6" t="s">
        <v>58</v>
      </c>
      <c r="E111" s="8">
        <v>10.36</v>
      </c>
      <c r="F111" s="8">
        <v>10.9</v>
      </c>
      <c r="G111" s="8">
        <v>10.49</v>
      </c>
      <c r="H111" s="8">
        <v>9.75</v>
      </c>
      <c r="I111" s="8">
        <v>9.48</v>
      </c>
      <c r="J111" s="8">
        <v>9.5500000000000007</v>
      </c>
      <c r="K111" s="8">
        <v>9.35</v>
      </c>
      <c r="L111" s="8">
        <v>9.18</v>
      </c>
      <c r="M111" s="8">
        <v>9.14</v>
      </c>
      <c r="N111" s="8">
        <v>9.09</v>
      </c>
      <c r="O111" s="8">
        <v>9.06</v>
      </c>
      <c r="P111" s="8">
        <v>8.9499999999999993</v>
      </c>
      <c r="Q111" s="8">
        <v>8.86</v>
      </c>
      <c r="R111" s="8">
        <v>8.75</v>
      </c>
      <c r="S111" s="8">
        <v>9</v>
      </c>
      <c r="T111" s="8">
        <v>9.01</v>
      </c>
      <c r="U111" s="8">
        <v>8.85</v>
      </c>
      <c r="V111" s="8">
        <v>8.9700000000000006</v>
      </c>
      <c r="W111" s="17">
        <v>8.92</v>
      </c>
      <c r="X111" s="8">
        <v>8.91</v>
      </c>
      <c r="Y111" s="8">
        <v>8.9</v>
      </c>
      <c r="Z111" s="8">
        <v>8.74</v>
      </c>
      <c r="AA111" s="8">
        <v>8.75</v>
      </c>
      <c r="AB111" s="8">
        <v>8.67</v>
      </c>
      <c r="AC111" s="8">
        <v>8.7200000000000006</v>
      </c>
      <c r="AD111" s="8">
        <v>8.8000000000000007</v>
      </c>
      <c r="AE111" s="8">
        <v>8.94</v>
      </c>
      <c r="AF111" s="8">
        <v>9</v>
      </c>
      <c r="AG111" s="8">
        <v>8.89</v>
      </c>
      <c r="AH111" s="8">
        <v>8.85</v>
      </c>
      <c r="AI111" s="8">
        <v>8.99</v>
      </c>
      <c r="AJ111" s="8">
        <v>8.9600000000000009</v>
      </c>
      <c r="AK111" s="8">
        <v>9.02</v>
      </c>
      <c r="AL111" s="8">
        <v>9.07</v>
      </c>
      <c r="AM111" s="8">
        <v>9.16</v>
      </c>
      <c r="AN111" s="8">
        <v>9.0299999999999994</v>
      </c>
      <c r="AO111" s="8">
        <v>8.9700000000000006</v>
      </c>
      <c r="AP111" s="8">
        <v>8.93</v>
      </c>
      <c r="AQ111" s="8">
        <v>8.9</v>
      </c>
      <c r="AR111" s="8">
        <v>8.92</v>
      </c>
      <c r="AS111" s="8">
        <v>9</v>
      </c>
      <c r="AT111" s="8">
        <v>9.01</v>
      </c>
      <c r="AU111" s="8">
        <v>9.1300000000000008</v>
      </c>
      <c r="AV111" s="8">
        <v>9.17</v>
      </c>
      <c r="AW111" s="8">
        <v>9.16</v>
      </c>
      <c r="AX111" s="8">
        <v>9.3000000000000007</v>
      </c>
      <c r="AY111" s="8">
        <v>9.43</v>
      </c>
      <c r="AZ111" s="8">
        <v>9.6199999999999992</v>
      </c>
      <c r="BA111" s="8">
        <v>9.69</v>
      </c>
      <c r="BB111" s="8">
        <v>9.8000000000000007</v>
      </c>
      <c r="BC111" s="8">
        <v>10.07</v>
      </c>
      <c r="BD111" s="8">
        <v>10.08</v>
      </c>
    </row>
    <row r="112" spans="3:56" x14ac:dyDescent="0.2">
      <c r="C112" s="5" t="s">
        <v>65</v>
      </c>
      <c r="D112" s="6" t="s">
        <v>58</v>
      </c>
      <c r="E112" s="8">
        <v>5.05</v>
      </c>
      <c r="F112" s="8">
        <v>5.25</v>
      </c>
      <c r="G112" s="8">
        <v>5.25</v>
      </c>
      <c r="H112" s="8">
        <v>4.95</v>
      </c>
      <c r="I112" s="8">
        <v>5.09</v>
      </c>
      <c r="J112" s="8">
        <v>5.14</v>
      </c>
      <c r="K112" s="8">
        <v>5.18</v>
      </c>
      <c r="L112" s="8">
        <v>5.23</v>
      </c>
      <c r="M112" s="8">
        <v>5.12</v>
      </c>
      <c r="N112" s="8">
        <v>5.0999999999999996</v>
      </c>
      <c r="O112" s="8">
        <v>4.93</v>
      </c>
      <c r="P112" s="8">
        <v>4.83</v>
      </c>
      <c r="Q112" s="8">
        <v>4.8099999999999996</v>
      </c>
      <c r="R112" s="8">
        <v>4.82</v>
      </c>
      <c r="S112" s="8">
        <v>4.95</v>
      </c>
      <c r="T112" s="8">
        <v>4.8499999999999996</v>
      </c>
      <c r="U112" s="8">
        <v>4.99</v>
      </c>
      <c r="V112" s="8">
        <v>4.84</v>
      </c>
      <c r="W112" s="17">
        <v>4.84</v>
      </c>
      <c r="X112" s="8">
        <v>5.0199999999999996</v>
      </c>
      <c r="Y112" s="8">
        <v>5.12</v>
      </c>
      <c r="Z112" s="8">
        <v>4.92</v>
      </c>
      <c r="AA112" s="8">
        <v>4.8099999999999996</v>
      </c>
      <c r="AB112" s="8">
        <v>4.9000000000000004</v>
      </c>
      <c r="AC112" s="8">
        <v>5.17</v>
      </c>
      <c r="AD112" s="8">
        <v>5.25</v>
      </c>
      <c r="AE112" s="8">
        <v>5.4</v>
      </c>
      <c r="AF112" s="8">
        <v>5.61</v>
      </c>
      <c r="AG112" s="8">
        <v>5.75</v>
      </c>
      <c r="AH112" s="8">
        <v>5.73</v>
      </c>
      <c r="AI112" s="8">
        <v>5.76</v>
      </c>
      <c r="AJ112" s="8">
        <v>5.83</v>
      </c>
      <c r="AK112" s="8">
        <v>5.8</v>
      </c>
      <c r="AL112" s="8">
        <v>5.7</v>
      </c>
      <c r="AM112" s="8">
        <v>5.49</v>
      </c>
      <c r="AN112" s="8">
        <v>5.31</v>
      </c>
      <c r="AO112" s="8">
        <v>5.32</v>
      </c>
      <c r="AP112" s="8">
        <v>5.15</v>
      </c>
      <c r="AQ112" s="8">
        <v>5.16</v>
      </c>
      <c r="AR112" s="8">
        <v>5.16</v>
      </c>
      <c r="AS112" s="8">
        <v>5.23</v>
      </c>
      <c r="AT112" s="8">
        <v>5.1100000000000003</v>
      </c>
      <c r="AU112" s="8">
        <v>5</v>
      </c>
      <c r="AV112" s="8">
        <v>5.0599999999999996</v>
      </c>
      <c r="AW112" s="8">
        <v>5.09</v>
      </c>
      <c r="AX112" s="8">
        <v>5.14</v>
      </c>
      <c r="AY112" s="8">
        <v>5.19</v>
      </c>
      <c r="AZ112" s="8">
        <v>5.16</v>
      </c>
      <c r="BA112" s="8">
        <v>5.21</v>
      </c>
      <c r="BB112" s="8">
        <v>5.26</v>
      </c>
      <c r="BC112" s="8">
        <v>5.2</v>
      </c>
      <c r="BD112" s="8">
        <v>5.22</v>
      </c>
    </row>
    <row r="113" spans="3:56" x14ac:dyDescent="0.2">
      <c r="C113" s="5" t="s">
        <v>66</v>
      </c>
      <c r="D113" s="6" t="s">
        <v>58</v>
      </c>
      <c r="E113" s="8">
        <v>6.28</v>
      </c>
      <c r="F113" s="8">
        <v>6.47</v>
      </c>
      <c r="G113" s="8">
        <v>6.61</v>
      </c>
      <c r="H113" s="8">
        <v>6.29</v>
      </c>
      <c r="I113" s="8">
        <v>6.28</v>
      </c>
      <c r="J113" s="8">
        <v>6.25</v>
      </c>
      <c r="K113" s="8">
        <v>6.37</v>
      </c>
      <c r="L113" s="8">
        <v>6.09</v>
      </c>
      <c r="M113" s="8">
        <v>6.13</v>
      </c>
      <c r="N113" s="8">
        <v>6.14</v>
      </c>
      <c r="O113" s="8">
        <v>6</v>
      </c>
      <c r="P113" s="8">
        <v>5.89</v>
      </c>
      <c r="Q113" s="8">
        <v>5.76</v>
      </c>
      <c r="R113" s="8">
        <v>6.12</v>
      </c>
      <c r="S113" s="8">
        <v>6.02</v>
      </c>
      <c r="T113" s="8">
        <v>5.79</v>
      </c>
      <c r="U113" s="8">
        <v>5.58</v>
      </c>
      <c r="V113" s="8">
        <v>5.38</v>
      </c>
      <c r="W113" s="17">
        <v>5.81</v>
      </c>
      <c r="X113" s="8">
        <v>5.91</v>
      </c>
      <c r="Y113" s="8">
        <v>5.97</v>
      </c>
      <c r="Z113" s="8">
        <v>5.76</v>
      </c>
      <c r="AA113" s="8">
        <v>5.51</v>
      </c>
      <c r="AB113" s="8">
        <v>5.76</v>
      </c>
      <c r="AC113" s="8">
        <v>5.84</v>
      </c>
      <c r="AD113" s="8">
        <v>5.67</v>
      </c>
      <c r="AE113" s="8">
        <v>5.44</v>
      </c>
      <c r="AF113" s="8">
        <v>5.85</v>
      </c>
      <c r="AG113" s="8">
        <v>6.21</v>
      </c>
      <c r="AH113" s="8">
        <v>6.21</v>
      </c>
      <c r="AI113" s="8">
        <v>6.1</v>
      </c>
      <c r="AJ113" s="8">
        <v>6.08</v>
      </c>
      <c r="AK113" s="8">
        <v>6.19</v>
      </c>
      <c r="AL113" s="8">
        <v>6.23</v>
      </c>
      <c r="AM113" s="8">
        <v>5.99</v>
      </c>
      <c r="AN113" s="8">
        <v>5.96</v>
      </c>
      <c r="AO113" s="8">
        <v>6.07</v>
      </c>
      <c r="AP113" s="8">
        <v>6.13</v>
      </c>
      <c r="AQ113" s="8">
        <v>5.94</v>
      </c>
      <c r="AR113" s="8">
        <v>5.68</v>
      </c>
      <c r="AS113" s="8">
        <v>5.93</v>
      </c>
      <c r="AT113" s="8">
        <v>6.13</v>
      </c>
      <c r="AU113" s="8">
        <v>6.21</v>
      </c>
      <c r="AV113" s="8">
        <v>6.11</v>
      </c>
      <c r="AW113" s="8">
        <v>6.33</v>
      </c>
      <c r="AX113" s="8">
        <v>6.52</v>
      </c>
      <c r="AY113" s="8">
        <v>6.45</v>
      </c>
      <c r="AZ113" s="8">
        <v>6.47</v>
      </c>
      <c r="BA113" s="8">
        <v>6.68</v>
      </c>
      <c r="BB113" s="8">
        <v>6.6</v>
      </c>
      <c r="BC113" s="8">
        <v>6.71</v>
      </c>
      <c r="BD113" s="8">
        <v>6.71</v>
      </c>
    </row>
    <row r="114" spans="3:56" x14ac:dyDescent="0.2">
      <c r="C114" s="5" t="s">
        <v>116</v>
      </c>
      <c r="D114" s="6" t="s">
        <v>58</v>
      </c>
      <c r="E114" s="8">
        <v>12</v>
      </c>
      <c r="F114" s="8">
        <v>12.85</v>
      </c>
      <c r="G114" s="8">
        <v>12.83</v>
      </c>
      <c r="H114" s="8">
        <v>11.94</v>
      </c>
      <c r="I114" s="8">
        <v>11.79</v>
      </c>
      <c r="J114" s="8">
        <v>12.01</v>
      </c>
      <c r="K114" s="8">
        <v>12.08</v>
      </c>
      <c r="L114" s="8">
        <v>12.09</v>
      </c>
      <c r="M114" s="8">
        <v>11.59</v>
      </c>
      <c r="N114" s="8">
        <v>11.63</v>
      </c>
      <c r="O114" s="8">
        <v>11.14</v>
      </c>
      <c r="P114" s="8">
        <v>10.94</v>
      </c>
      <c r="Q114" s="8">
        <v>10.63</v>
      </c>
      <c r="R114" s="8">
        <v>10.95</v>
      </c>
      <c r="S114" s="8">
        <v>11.09</v>
      </c>
      <c r="T114" s="8">
        <v>11.18</v>
      </c>
      <c r="U114" s="8">
        <v>11.14</v>
      </c>
      <c r="V114" s="8">
        <v>11.06</v>
      </c>
      <c r="W114" s="17">
        <v>11.1</v>
      </c>
      <c r="X114" s="8">
        <v>10.99</v>
      </c>
      <c r="Y114" s="8">
        <v>10.66</v>
      </c>
      <c r="Z114" s="8">
        <v>10.6</v>
      </c>
      <c r="AA114" s="8">
        <v>10.91</v>
      </c>
      <c r="AB114" s="8">
        <v>10.93</v>
      </c>
      <c r="AC114" s="8">
        <v>11.01</v>
      </c>
      <c r="AD114" s="8">
        <v>11.09</v>
      </c>
      <c r="AE114" s="8">
        <v>11.29</v>
      </c>
      <c r="AF114" s="8">
        <v>11.21</v>
      </c>
      <c r="AG114" s="8">
        <v>11.18</v>
      </c>
      <c r="AH114" s="8">
        <v>11.15</v>
      </c>
      <c r="AI114" s="8">
        <v>11.08</v>
      </c>
      <c r="AJ114" s="8">
        <v>11.13</v>
      </c>
      <c r="AK114" s="8">
        <v>11.2</v>
      </c>
      <c r="AL114" s="8">
        <v>11.14</v>
      </c>
      <c r="AM114" s="8">
        <v>11.46</v>
      </c>
      <c r="AN114" s="8">
        <v>11.6</v>
      </c>
      <c r="AO114" s="8">
        <v>11.7</v>
      </c>
      <c r="AP114" s="8">
        <v>11.81</v>
      </c>
      <c r="AQ114" s="8">
        <v>11.74</v>
      </c>
      <c r="AR114" s="8">
        <v>11.83</v>
      </c>
      <c r="AS114" s="8">
        <v>11.92</v>
      </c>
      <c r="AT114" s="8">
        <v>11.9</v>
      </c>
      <c r="AU114" s="8">
        <v>11.8</v>
      </c>
      <c r="AV114" s="8">
        <v>11.81</v>
      </c>
      <c r="AW114" s="8">
        <v>11.83</v>
      </c>
      <c r="AX114" s="8">
        <v>12.05</v>
      </c>
      <c r="AY114" s="8">
        <v>12.02</v>
      </c>
      <c r="AZ114" s="8">
        <v>12.19</v>
      </c>
      <c r="BA114" s="8">
        <v>12.16</v>
      </c>
      <c r="BB114" s="8">
        <v>12.04</v>
      </c>
      <c r="BC114" s="8">
        <v>12.22</v>
      </c>
      <c r="BD114" s="8">
        <v>12.22</v>
      </c>
    </row>
    <row r="115" spans="3:56" x14ac:dyDescent="0.2">
      <c r="C115" s="5" t="s">
        <v>68</v>
      </c>
      <c r="D115" s="6" t="s">
        <v>58</v>
      </c>
      <c r="E115" s="8">
        <v>4.82</v>
      </c>
      <c r="F115" s="8">
        <v>4.99</v>
      </c>
      <c r="G115" s="8">
        <v>5.04</v>
      </c>
      <c r="H115" s="8">
        <v>5.04</v>
      </c>
      <c r="I115" s="8">
        <v>4.97</v>
      </c>
      <c r="J115" s="8">
        <v>4.8099999999999996</v>
      </c>
      <c r="K115" s="8">
        <v>4.91</v>
      </c>
      <c r="L115" s="8">
        <v>4.8899999999999997</v>
      </c>
      <c r="M115" s="8">
        <v>4.8499999999999996</v>
      </c>
      <c r="N115" s="8">
        <v>4.97</v>
      </c>
      <c r="O115" s="8">
        <v>5.04</v>
      </c>
      <c r="P115" s="8">
        <v>5.04</v>
      </c>
      <c r="Q115" s="8">
        <v>4.9800000000000004</v>
      </c>
      <c r="R115" s="8">
        <v>4.9800000000000004</v>
      </c>
      <c r="S115" s="8">
        <v>4.92</v>
      </c>
      <c r="T115" s="8">
        <v>4.91</v>
      </c>
      <c r="U115" s="8">
        <v>4.9800000000000004</v>
      </c>
      <c r="V115" s="8">
        <v>4.8600000000000003</v>
      </c>
      <c r="W115" s="17">
        <v>5.01</v>
      </c>
      <c r="X115" s="8">
        <v>5.01</v>
      </c>
      <c r="Y115" s="8">
        <v>4.91</v>
      </c>
      <c r="Z115" s="8">
        <v>4.88</v>
      </c>
      <c r="AA115" s="8">
        <v>4.87</v>
      </c>
      <c r="AB115" s="8">
        <v>4.79</v>
      </c>
      <c r="AC115" s="8">
        <v>4.84</v>
      </c>
      <c r="AD115" s="8">
        <v>4.9000000000000004</v>
      </c>
      <c r="AE115" s="8">
        <v>4.8600000000000003</v>
      </c>
      <c r="AF115" s="8">
        <v>4.8499999999999996</v>
      </c>
      <c r="AG115" s="8">
        <v>4.8099999999999996</v>
      </c>
      <c r="AH115" s="8">
        <v>4.79</v>
      </c>
      <c r="AI115" s="8">
        <v>4.7</v>
      </c>
      <c r="AJ115" s="8">
        <v>4.6500000000000004</v>
      </c>
      <c r="AK115" s="8">
        <v>4.58</v>
      </c>
      <c r="AL115" s="8">
        <v>4.58</v>
      </c>
      <c r="AM115" s="8">
        <v>4.62</v>
      </c>
      <c r="AN115" s="8">
        <v>4.66</v>
      </c>
      <c r="AO115" s="8">
        <v>4.68</v>
      </c>
      <c r="AP115" s="8">
        <v>4.8099999999999996</v>
      </c>
      <c r="AQ115" s="8">
        <v>4.95</v>
      </c>
      <c r="AR115" s="8">
        <v>4.91</v>
      </c>
      <c r="AS115" s="8">
        <v>4.59</v>
      </c>
      <c r="AT115" s="8">
        <v>4.67</v>
      </c>
      <c r="AU115" s="8">
        <v>4.62</v>
      </c>
      <c r="AV115" s="8">
        <v>4.66</v>
      </c>
      <c r="AW115" s="8">
        <v>4.74</v>
      </c>
      <c r="AX115" s="8">
        <v>4.83</v>
      </c>
      <c r="AY115" s="8">
        <v>4.74</v>
      </c>
      <c r="AZ115" s="8">
        <v>4.97</v>
      </c>
      <c r="BA115" s="8">
        <v>4.8899999999999997</v>
      </c>
      <c r="BB115" s="8">
        <v>4.79</v>
      </c>
      <c r="BC115" s="8">
        <v>4.9000000000000004</v>
      </c>
      <c r="BD115" s="8">
        <v>4.95</v>
      </c>
    </row>
    <row r="116" spans="3:56" x14ac:dyDescent="0.2">
      <c r="C116" s="5" t="s">
        <v>69</v>
      </c>
      <c r="D116" s="6" t="s">
        <v>58</v>
      </c>
      <c r="E116" s="8">
        <v>4.37</v>
      </c>
      <c r="F116" s="8">
        <v>4.84</v>
      </c>
      <c r="G116" s="8">
        <v>4.57</v>
      </c>
      <c r="H116" s="8">
        <v>4.95</v>
      </c>
      <c r="I116" s="8">
        <v>4.75</v>
      </c>
      <c r="J116" s="8">
        <v>4.79</v>
      </c>
      <c r="K116" s="8">
        <v>4.7</v>
      </c>
      <c r="L116" s="8">
        <v>4.43</v>
      </c>
      <c r="M116" s="8">
        <v>4.2699999999999996</v>
      </c>
      <c r="N116" s="8">
        <v>4.2</v>
      </c>
      <c r="O116" s="8">
        <v>4.12</v>
      </c>
      <c r="P116" s="8">
        <v>4.0999999999999996</v>
      </c>
      <c r="Q116" s="8">
        <v>4.13</v>
      </c>
      <c r="R116" s="8">
        <v>4.1399999999999997</v>
      </c>
      <c r="S116" s="8">
        <v>3.98</v>
      </c>
      <c r="T116" s="8">
        <v>3.97</v>
      </c>
      <c r="U116" s="8">
        <v>4.05</v>
      </c>
      <c r="V116" s="8">
        <v>3.85</v>
      </c>
      <c r="W116" s="17">
        <v>3.82</v>
      </c>
      <c r="X116" s="8">
        <v>3.72</v>
      </c>
      <c r="Y116" s="8">
        <v>3.7</v>
      </c>
      <c r="Z116" s="8">
        <v>3.76</v>
      </c>
      <c r="AA116" s="8">
        <v>3.77</v>
      </c>
      <c r="AB116" s="8">
        <v>3.81</v>
      </c>
      <c r="AC116" s="8">
        <v>3.77</v>
      </c>
      <c r="AD116" s="8">
        <v>3.86</v>
      </c>
      <c r="AE116" s="8">
        <v>3.9</v>
      </c>
      <c r="AF116" s="8">
        <v>3.88</v>
      </c>
      <c r="AG116" s="8">
        <v>3.89</v>
      </c>
      <c r="AH116" s="8">
        <v>3.94</v>
      </c>
      <c r="AI116" s="40" t="s">
        <v>90</v>
      </c>
      <c r="AJ116" s="40" t="s">
        <v>90</v>
      </c>
      <c r="AK116" s="40" t="s">
        <v>90</v>
      </c>
      <c r="AL116" s="40" t="s">
        <v>90</v>
      </c>
      <c r="AM116" s="40" t="s">
        <v>90</v>
      </c>
      <c r="AN116" s="40" t="s">
        <v>90</v>
      </c>
      <c r="AO116" s="8">
        <v>3.74</v>
      </c>
      <c r="AP116" s="8">
        <v>3.71</v>
      </c>
      <c r="AQ116" s="8">
        <v>3.63</v>
      </c>
      <c r="AR116" s="8">
        <v>3.62</v>
      </c>
      <c r="AS116" s="8">
        <v>3.56</v>
      </c>
      <c r="AT116" s="8">
        <v>3.67</v>
      </c>
      <c r="AU116" s="8">
        <v>3.68</v>
      </c>
      <c r="AV116" s="8">
        <v>3.68</v>
      </c>
      <c r="AW116" s="8">
        <v>3.73</v>
      </c>
      <c r="AX116" s="8">
        <v>3.71</v>
      </c>
      <c r="AY116" s="8">
        <v>3.6</v>
      </c>
      <c r="AZ116" s="8">
        <v>3.82</v>
      </c>
      <c r="BA116" s="8">
        <v>3.74</v>
      </c>
      <c r="BB116" s="8">
        <v>3.88</v>
      </c>
      <c r="BC116" s="8">
        <v>3.95</v>
      </c>
      <c r="BD116" s="8">
        <v>4</v>
      </c>
    </row>
    <row r="117" spans="3:56" x14ac:dyDescent="0.2">
      <c r="C117" s="5" t="s">
        <v>70</v>
      </c>
      <c r="D117" s="6" t="s">
        <v>58</v>
      </c>
      <c r="E117" s="8">
        <v>4.53</v>
      </c>
      <c r="F117" s="8">
        <v>4.57</v>
      </c>
      <c r="G117" s="8">
        <v>4.63</v>
      </c>
      <c r="H117" s="8">
        <v>4.6399999999999997</v>
      </c>
      <c r="I117" s="8">
        <v>4.49</v>
      </c>
      <c r="J117" s="8">
        <v>4.54</v>
      </c>
      <c r="K117" s="8">
        <v>4.55</v>
      </c>
      <c r="L117" s="8">
        <v>4.54</v>
      </c>
      <c r="M117" s="8">
        <v>4.7</v>
      </c>
      <c r="N117" s="8">
        <v>4.83</v>
      </c>
      <c r="O117" s="8">
        <v>4.6100000000000003</v>
      </c>
      <c r="P117" s="8">
        <v>4.3600000000000003</v>
      </c>
      <c r="Q117" s="8">
        <v>4.16</v>
      </c>
      <c r="R117" s="8">
        <v>4.25</v>
      </c>
      <c r="S117" s="8">
        <v>4.26</v>
      </c>
      <c r="T117" s="8">
        <v>3.99</v>
      </c>
      <c r="U117" s="8">
        <v>3.97</v>
      </c>
      <c r="V117" s="8">
        <v>3.98</v>
      </c>
      <c r="W117" s="17">
        <v>4.17</v>
      </c>
      <c r="X117" s="8">
        <v>4.3499999999999996</v>
      </c>
      <c r="Y117" s="8">
        <v>4.5199999999999996</v>
      </c>
      <c r="Z117" s="8">
        <v>4.63</v>
      </c>
      <c r="AA117" s="8">
        <v>4.66</v>
      </c>
      <c r="AB117" s="8">
        <v>4.5599999999999996</v>
      </c>
      <c r="AC117" s="8">
        <v>4.6399999999999997</v>
      </c>
      <c r="AD117" s="8">
        <v>4.7</v>
      </c>
      <c r="AE117" s="8">
        <v>4.83</v>
      </c>
      <c r="AF117" s="8">
        <v>4.8099999999999996</v>
      </c>
      <c r="AG117" s="8">
        <v>4.9800000000000004</v>
      </c>
      <c r="AH117" s="8">
        <v>5.05</v>
      </c>
      <c r="AI117" s="8">
        <v>5.01</v>
      </c>
      <c r="AJ117" s="8">
        <v>4.99</v>
      </c>
      <c r="AK117" s="8">
        <v>4.95</v>
      </c>
      <c r="AL117" s="8">
        <v>5.01</v>
      </c>
      <c r="AM117" s="8">
        <v>4.88</v>
      </c>
      <c r="AN117" s="8">
        <v>4.7300000000000004</v>
      </c>
      <c r="AO117" s="8">
        <v>4.76</v>
      </c>
      <c r="AP117" s="8">
        <v>4.92</v>
      </c>
      <c r="AQ117" s="8">
        <v>5.04</v>
      </c>
      <c r="AR117" s="8">
        <v>4.97</v>
      </c>
      <c r="AS117" s="8">
        <v>4.99</v>
      </c>
      <c r="AT117" s="8">
        <v>4.83</v>
      </c>
      <c r="AU117" s="8">
        <v>4.95</v>
      </c>
      <c r="AV117" s="8">
        <v>4.97</v>
      </c>
      <c r="AW117" s="8">
        <v>4.96</v>
      </c>
      <c r="AX117" s="8">
        <v>5.21</v>
      </c>
      <c r="AY117" s="8">
        <v>5.01</v>
      </c>
      <c r="AZ117" s="8">
        <v>5.2</v>
      </c>
      <c r="BA117" s="8">
        <v>5.09</v>
      </c>
      <c r="BB117" s="8">
        <v>5.03</v>
      </c>
      <c r="BC117" s="8">
        <v>5.23</v>
      </c>
      <c r="BD117" s="8">
        <v>5.26</v>
      </c>
    </row>
    <row r="118" spans="3:56" x14ac:dyDescent="0.2">
      <c r="C118" s="5" t="s">
        <v>101</v>
      </c>
      <c r="D118" s="6" t="s">
        <v>58</v>
      </c>
      <c r="E118" s="8">
        <v>10.54</v>
      </c>
      <c r="F118" s="8">
        <v>10.56</v>
      </c>
      <c r="G118" s="8">
        <v>10.67</v>
      </c>
      <c r="H118" s="8">
        <v>10.83</v>
      </c>
      <c r="I118" s="8">
        <v>10.64</v>
      </c>
      <c r="J118" s="8">
        <v>10.87</v>
      </c>
      <c r="K118" s="8">
        <v>10.84</v>
      </c>
      <c r="L118" s="8">
        <v>10.73</v>
      </c>
      <c r="M118" s="8">
        <v>10.87</v>
      </c>
      <c r="N118" s="8">
        <v>10.85</v>
      </c>
      <c r="O118" s="8">
        <v>11.01</v>
      </c>
      <c r="P118" s="8">
        <v>10.81</v>
      </c>
      <c r="Q118" s="8">
        <v>10.86</v>
      </c>
      <c r="R118" s="8">
        <v>11.16</v>
      </c>
      <c r="S118" s="8">
        <v>11.1</v>
      </c>
      <c r="T118" s="8">
        <v>11.54</v>
      </c>
      <c r="U118" s="8">
        <v>11.65</v>
      </c>
      <c r="V118" s="8">
        <v>11.51</v>
      </c>
      <c r="W118" s="17">
        <v>11.25</v>
      </c>
      <c r="X118" s="8">
        <v>11.27</v>
      </c>
      <c r="Y118" s="8">
        <v>11.58</v>
      </c>
      <c r="Z118" s="8">
        <v>11.11</v>
      </c>
      <c r="AA118" s="8">
        <v>11.4</v>
      </c>
      <c r="AB118" s="8">
        <v>11.48</v>
      </c>
      <c r="AC118" s="8">
        <v>11.25</v>
      </c>
      <c r="AD118" s="8">
        <v>11.33</v>
      </c>
      <c r="AE118" s="8">
        <v>10.95</v>
      </c>
      <c r="AF118" s="8">
        <v>10.81</v>
      </c>
      <c r="AG118" s="8">
        <v>10.68</v>
      </c>
      <c r="AH118" s="8">
        <v>10.69</v>
      </c>
      <c r="AI118" s="8">
        <v>10.57</v>
      </c>
      <c r="AJ118" s="8">
        <v>10.57</v>
      </c>
      <c r="AK118" s="8">
        <v>10.71</v>
      </c>
      <c r="AL118" s="8">
        <v>10.73</v>
      </c>
      <c r="AM118" s="8">
        <v>10.3</v>
      </c>
      <c r="AN118" s="8">
        <v>10.33</v>
      </c>
      <c r="AO118" s="8">
        <v>10.57</v>
      </c>
      <c r="AP118" s="8">
        <v>11.49</v>
      </c>
      <c r="AQ118" s="8">
        <v>11.65</v>
      </c>
      <c r="AR118" s="8">
        <v>11.37</v>
      </c>
      <c r="AS118" s="8">
        <v>11.36</v>
      </c>
      <c r="AT118" s="8">
        <v>11.37</v>
      </c>
      <c r="AU118" s="8">
        <v>11.52</v>
      </c>
      <c r="AV118" s="8">
        <v>11.55</v>
      </c>
      <c r="AW118" s="8">
        <v>11.51</v>
      </c>
      <c r="AX118" s="8">
        <v>11.28</v>
      </c>
      <c r="AY118" s="8">
        <v>11.64</v>
      </c>
      <c r="AZ118" s="8">
        <v>11.63</v>
      </c>
      <c r="BA118" s="8">
        <v>11.45</v>
      </c>
      <c r="BB118" s="8">
        <v>11.19</v>
      </c>
      <c r="BC118" s="8">
        <v>11.01</v>
      </c>
      <c r="BD118" s="8">
        <v>11.01</v>
      </c>
    </row>
    <row r="119" spans="3:56" x14ac:dyDescent="0.2">
      <c r="C119" s="5" t="s">
        <v>71</v>
      </c>
      <c r="D119" s="6" t="s">
        <v>58</v>
      </c>
      <c r="E119" s="8">
        <v>5.73</v>
      </c>
      <c r="F119" s="8">
        <v>5.64</v>
      </c>
      <c r="G119" s="8">
        <v>5.66</v>
      </c>
      <c r="H119" s="8">
        <v>5.7</v>
      </c>
      <c r="I119" s="8">
        <v>5.8</v>
      </c>
      <c r="J119" s="8">
        <v>5.79</v>
      </c>
      <c r="K119" s="8">
        <v>5.75</v>
      </c>
      <c r="L119" s="8">
        <v>5.65</v>
      </c>
      <c r="M119" s="8">
        <v>5.72</v>
      </c>
      <c r="N119" s="8">
        <v>5.71</v>
      </c>
      <c r="O119" s="8">
        <v>5.72</v>
      </c>
      <c r="P119" s="8">
        <v>5.77</v>
      </c>
      <c r="Q119" s="8">
        <v>5.77</v>
      </c>
      <c r="R119" s="8">
        <v>5.87</v>
      </c>
      <c r="S119" s="8">
        <v>5.85</v>
      </c>
      <c r="T119" s="8">
        <v>5.85</v>
      </c>
      <c r="U119" s="8">
        <v>5.93</v>
      </c>
      <c r="V119" s="8">
        <v>5.91</v>
      </c>
      <c r="W119" s="17">
        <v>6.02</v>
      </c>
      <c r="X119" s="8">
        <v>6.02</v>
      </c>
      <c r="Y119" s="8">
        <v>6.06</v>
      </c>
      <c r="Z119" s="8">
        <v>6.02</v>
      </c>
      <c r="AA119" s="8">
        <v>6.04</v>
      </c>
      <c r="AB119" s="8">
        <v>5.98</v>
      </c>
      <c r="AC119" s="8">
        <v>5.98</v>
      </c>
      <c r="AD119" s="8">
        <v>5.91</v>
      </c>
      <c r="AE119" s="8">
        <v>5.9</v>
      </c>
      <c r="AF119" s="8">
        <v>5.92</v>
      </c>
      <c r="AG119" s="8">
        <v>5.99</v>
      </c>
      <c r="AH119" s="8">
        <v>6</v>
      </c>
      <c r="AI119" s="8">
        <v>6.06</v>
      </c>
      <c r="AJ119" s="8">
        <v>6.11</v>
      </c>
      <c r="AK119" s="8">
        <v>6.13</v>
      </c>
      <c r="AL119" s="8">
        <v>6.14</v>
      </c>
      <c r="AM119" s="8">
        <v>6.15</v>
      </c>
      <c r="AN119" s="8">
        <v>6.13</v>
      </c>
      <c r="AO119" s="8">
        <v>6.19</v>
      </c>
      <c r="AP119" s="8">
        <v>6.15</v>
      </c>
      <c r="AQ119" s="8">
        <v>6.17</v>
      </c>
      <c r="AR119" s="8">
        <v>6.16</v>
      </c>
      <c r="AS119" s="8">
        <v>6.18</v>
      </c>
      <c r="AT119" s="8">
        <v>6.14</v>
      </c>
      <c r="AU119" s="8">
        <v>6.17</v>
      </c>
      <c r="AV119" s="8">
        <v>6.13</v>
      </c>
      <c r="AW119" s="8">
        <v>6.12</v>
      </c>
      <c r="AX119" s="8">
        <v>6.08</v>
      </c>
      <c r="AY119" s="8">
        <v>6.13</v>
      </c>
      <c r="AZ119" s="8">
        <v>6.13</v>
      </c>
      <c r="BA119" s="8">
        <v>6.17</v>
      </c>
      <c r="BB119" s="8">
        <v>6.21</v>
      </c>
      <c r="BC119" s="8">
        <v>6.17</v>
      </c>
      <c r="BD119" s="8">
        <v>6.17</v>
      </c>
    </row>
    <row r="120" spans="3:56" x14ac:dyDescent="0.2">
      <c r="C120" s="5" t="s">
        <v>102</v>
      </c>
      <c r="D120" s="6" t="s">
        <v>58</v>
      </c>
      <c r="E120" s="17">
        <v>10.25</v>
      </c>
      <c r="F120" s="17">
        <v>10.3</v>
      </c>
      <c r="G120" s="17">
        <v>10.23</v>
      </c>
      <c r="H120" s="17">
        <v>9.81</v>
      </c>
      <c r="I120" s="17">
        <v>9.74</v>
      </c>
      <c r="J120" s="17">
        <v>9.75</v>
      </c>
      <c r="K120" s="17">
        <v>9.5299999999999994</v>
      </c>
      <c r="L120" s="17">
        <v>9.5500000000000007</v>
      </c>
      <c r="M120" s="17">
        <v>9.66</v>
      </c>
      <c r="N120" s="17">
        <v>9.7200000000000006</v>
      </c>
      <c r="O120" s="17">
        <v>9.76</v>
      </c>
      <c r="P120" s="17">
        <v>9.76</v>
      </c>
      <c r="Q120" s="17">
        <v>9.77</v>
      </c>
      <c r="R120" s="17">
        <v>9.7899999999999991</v>
      </c>
      <c r="S120" s="17">
        <v>9.7200000000000006</v>
      </c>
      <c r="T120" s="17">
        <v>9.7200000000000006</v>
      </c>
      <c r="U120" s="17">
        <v>9.83</v>
      </c>
      <c r="V120" s="17">
        <v>9.69</v>
      </c>
      <c r="W120" s="17">
        <v>9.77</v>
      </c>
      <c r="X120" s="17">
        <v>9.81</v>
      </c>
      <c r="Y120" s="17">
        <v>9.76</v>
      </c>
      <c r="Z120" s="17">
        <v>9.75</v>
      </c>
      <c r="AA120" s="17">
        <v>9.64</v>
      </c>
      <c r="AB120" s="17">
        <v>9.82</v>
      </c>
      <c r="AC120" s="17">
        <v>9.64</v>
      </c>
      <c r="AD120" s="17">
        <v>9.65</v>
      </c>
      <c r="AE120" s="17">
        <v>9.67</v>
      </c>
      <c r="AF120" s="17">
        <v>9.73</v>
      </c>
      <c r="AG120" s="17">
        <v>9.9</v>
      </c>
      <c r="AH120" s="17">
        <v>9.9700000000000006</v>
      </c>
      <c r="AI120" s="17">
        <v>9.7899999999999991</v>
      </c>
      <c r="AJ120" s="17">
        <v>9.84</v>
      </c>
      <c r="AK120" s="17">
        <v>9.93</v>
      </c>
      <c r="AL120" s="17">
        <v>9.9</v>
      </c>
      <c r="AM120" s="17">
        <v>9.89</v>
      </c>
      <c r="AN120" s="17">
        <v>9.8800000000000008</v>
      </c>
      <c r="AO120" s="17">
        <v>9.9</v>
      </c>
      <c r="AP120" s="17">
        <v>9.8800000000000008</v>
      </c>
      <c r="AQ120" s="17">
        <v>9.8699999999999992</v>
      </c>
      <c r="AR120" s="17">
        <v>9.85</v>
      </c>
      <c r="AS120" s="17">
        <v>9.7799999999999994</v>
      </c>
      <c r="AT120" s="17">
        <v>9.6999999999999993</v>
      </c>
      <c r="AU120" s="17">
        <v>9.83</v>
      </c>
      <c r="AV120" s="17">
        <v>9.92</v>
      </c>
      <c r="AW120" s="17">
        <v>9.9600000000000009</v>
      </c>
      <c r="AX120" s="17">
        <v>9.93</v>
      </c>
      <c r="AY120" s="17">
        <v>10.039999999999999</v>
      </c>
      <c r="AZ120" s="17">
        <v>10.15</v>
      </c>
      <c r="BA120" s="17">
        <v>10.23</v>
      </c>
      <c r="BB120" s="17">
        <v>10.3</v>
      </c>
      <c r="BC120" s="17">
        <v>10.4</v>
      </c>
      <c r="BD120" s="17">
        <v>10.46</v>
      </c>
    </row>
    <row r="121" spans="3:56" x14ac:dyDescent="0.2">
      <c r="C121" s="5" t="s">
        <v>72</v>
      </c>
      <c r="D121" s="6" t="s">
        <v>58</v>
      </c>
      <c r="E121" s="8">
        <v>11.02</v>
      </c>
      <c r="F121" s="8">
        <v>11.31</v>
      </c>
      <c r="G121" s="8">
        <v>11.26</v>
      </c>
      <c r="H121" s="8">
        <v>11.25</v>
      </c>
      <c r="I121" s="8">
        <v>11.49</v>
      </c>
      <c r="J121" s="8">
        <v>11.75</v>
      </c>
      <c r="K121" s="8">
        <v>11.52</v>
      </c>
      <c r="L121" s="8">
        <v>11.63</v>
      </c>
      <c r="M121" s="8">
        <v>11.99</v>
      </c>
      <c r="N121" s="8">
        <v>12.02</v>
      </c>
      <c r="O121" s="8">
        <v>11.98</v>
      </c>
      <c r="P121" s="8">
        <v>11.93</v>
      </c>
      <c r="Q121" s="8">
        <v>12.06</v>
      </c>
      <c r="R121" s="8">
        <v>12.28</v>
      </c>
      <c r="S121" s="8">
        <v>12.28</v>
      </c>
      <c r="T121" s="8">
        <v>12.4</v>
      </c>
      <c r="U121" s="8">
        <v>12.43</v>
      </c>
      <c r="V121" s="8">
        <v>12.51</v>
      </c>
      <c r="W121" s="17">
        <v>12.48</v>
      </c>
      <c r="X121" s="8">
        <v>12.36</v>
      </c>
      <c r="Y121" s="8">
        <v>12.66</v>
      </c>
      <c r="Z121" s="8">
        <v>12.84</v>
      </c>
      <c r="AA121" s="8">
        <v>12.94</v>
      </c>
      <c r="AB121" s="8">
        <v>13.02</v>
      </c>
      <c r="AC121" s="8">
        <v>13.2</v>
      </c>
      <c r="AD121" s="8">
        <v>13.42</v>
      </c>
      <c r="AE121" s="8">
        <v>13.25</v>
      </c>
      <c r="AF121" s="8">
        <v>13.44</v>
      </c>
      <c r="AG121" s="8">
        <v>13.8</v>
      </c>
      <c r="AH121" s="8">
        <v>13.79</v>
      </c>
      <c r="AI121" s="8">
        <v>13.82</v>
      </c>
      <c r="AJ121" s="8">
        <v>13.72</v>
      </c>
      <c r="AK121" s="8">
        <v>13.81</v>
      </c>
      <c r="AL121" s="8">
        <v>13.97</v>
      </c>
      <c r="AM121" s="8">
        <v>13.73</v>
      </c>
      <c r="AN121" s="8">
        <v>13.64</v>
      </c>
      <c r="AO121" s="8">
        <v>13.62</v>
      </c>
      <c r="AP121" s="8">
        <v>13.52</v>
      </c>
      <c r="AQ121" s="8">
        <v>13.33</v>
      </c>
      <c r="AR121" s="8">
        <v>13.4</v>
      </c>
      <c r="AS121" s="8">
        <v>13.4</v>
      </c>
      <c r="AT121" s="8">
        <v>13.39</v>
      </c>
      <c r="AU121" s="8">
        <v>13.47</v>
      </c>
      <c r="AV121" s="8">
        <v>13.53</v>
      </c>
      <c r="AW121" s="8">
        <v>13.53</v>
      </c>
      <c r="AX121" s="8">
        <v>13.44</v>
      </c>
      <c r="AY121" s="8">
        <v>13.49</v>
      </c>
      <c r="AZ121" s="8">
        <v>13.55</v>
      </c>
      <c r="BA121" s="8">
        <v>13.57</v>
      </c>
      <c r="BB121" s="8">
        <v>13.5</v>
      </c>
      <c r="BC121" s="8">
        <v>13.67</v>
      </c>
      <c r="BD121" s="8">
        <v>13.75</v>
      </c>
    </row>
    <row r="122" spans="3:56" x14ac:dyDescent="0.2">
      <c r="C122" s="5" t="s">
        <v>73</v>
      </c>
      <c r="D122" s="6" t="s">
        <v>58</v>
      </c>
      <c r="E122" s="8">
        <v>9.2799999999999994</v>
      </c>
      <c r="F122" s="8">
        <v>9.27</v>
      </c>
      <c r="G122" s="8">
        <v>9.19</v>
      </c>
      <c r="H122" s="8">
        <v>9.1</v>
      </c>
      <c r="I122" s="8">
        <v>9</v>
      </c>
      <c r="J122" s="8">
        <v>8.93</v>
      </c>
      <c r="K122" s="8">
        <v>9.1300000000000008</v>
      </c>
      <c r="L122" s="8">
        <v>9.18</v>
      </c>
      <c r="M122" s="8">
        <v>9.18</v>
      </c>
      <c r="N122" s="8">
        <v>9.18</v>
      </c>
      <c r="O122" s="8">
        <v>9.1300000000000008</v>
      </c>
      <c r="P122" s="8">
        <v>9.2100000000000009</v>
      </c>
      <c r="Q122" s="8">
        <v>9.31</v>
      </c>
      <c r="R122" s="8">
        <v>9.4</v>
      </c>
      <c r="S122" s="8">
        <v>9.44</v>
      </c>
      <c r="T122" s="8">
        <v>9.3000000000000007</v>
      </c>
      <c r="U122" s="8">
        <v>9.44</v>
      </c>
      <c r="V122" s="8">
        <v>9.5299999999999994</v>
      </c>
      <c r="W122" s="17">
        <v>9.82</v>
      </c>
      <c r="X122" s="8">
        <v>9.8000000000000007</v>
      </c>
      <c r="Y122" s="8">
        <v>10</v>
      </c>
      <c r="Z122" s="8">
        <v>10.039999999999999</v>
      </c>
      <c r="AA122" s="8">
        <v>10.029999999999999</v>
      </c>
      <c r="AB122" s="8">
        <v>10.130000000000001</v>
      </c>
      <c r="AC122" s="8">
        <v>10.17</v>
      </c>
      <c r="AD122" s="8">
        <v>9.98</v>
      </c>
      <c r="AE122" s="8">
        <v>9.9</v>
      </c>
      <c r="AF122" s="8">
        <v>9.7100000000000009</v>
      </c>
      <c r="AG122" s="8">
        <v>9.6300000000000008</v>
      </c>
      <c r="AH122" s="8">
        <v>9.64</v>
      </c>
      <c r="AI122" s="8">
        <v>9.68</v>
      </c>
      <c r="AJ122" s="8">
        <v>9.5500000000000007</v>
      </c>
      <c r="AK122" s="8">
        <v>9.64</v>
      </c>
      <c r="AL122" s="8">
        <v>9.6199999999999992</v>
      </c>
      <c r="AM122" s="8">
        <v>9.65</v>
      </c>
      <c r="AN122" s="8">
        <v>9.4700000000000006</v>
      </c>
      <c r="AO122" s="8">
        <v>9.52</v>
      </c>
      <c r="AP122" s="8">
        <v>9.49</v>
      </c>
      <c r="AQ122" s="8">
        <v>9.4499999999999993</v>
      </c>
      <c r="AR122" s="8">
        <v>9.6199999999999992</v>
      </c>
      <c r="AS122" s="8">
        <v>9.6999999999999993</v>
      </c>
      <c r="AT122" s="8">
        <v>9.7200000000000006</v>
      </c>
      <c r="AU122" s="8">
        <v>9.77</v>
      </c>
      <c r="AV122" s="8">
        <v>9.81</v>
      </c>
      <c r="AW122" s="8">
        <v>9.99</v>
      </c>
      <c r="AX122" s="8">
        <v>10.029999999999999</v>
      </c>
      <c r="AY122" s="8">
        <v>10.07</v>
      </c>
      <c r="AZ122" s="8">
        <v>10.18</v>
      </c>
      <c r="BA122" s="8">
        <v>10.26</v>
      </c>
      <c r="BB122" s="8">
        <v>10.29</v>
      </c>
      <c r="BC122" s="8">
        <v>10.36</v>
      </c>
      <c r="BD122" s="8">
        <v>10.37</v>
      </c>
    </row>
    <row r="123" spans="3:56" x14ac:dyDescent="0.2">
      <c r="C123" s="5" t="s">
        <v>74</v>
      </c>
      <c r="D123" s="6" t="s">
        <v>58</v>
      </c>
      <c r="E123" s="8">
        <v>2.91</v>
      </c>
      <c r="F123" s="8">
        <v>2.9</v>
      </c>
      <c r="G123" s="8">
        <v>2.9</v>
      </c>
      <c r="H123" s="8">
        <v>2.9</v>
      </c>
      <c r="I123" s="8">
        <v>2.89</v>
      </c>
      <c r="J123" s="8">
        <v>2.89</v>
      </c>
      <c r="K123" s="8">
        <v>2.93</v>
      </c>
      <c r="L123" s="8">
        <v>2.93</v>
      </c>
      <c r="M123" s="8">
        <v>2.91</v>
      </c>
      <c r="N123" s="8">
        <v>2.89</v>
      </c>
      <c r="O123" s="8">
        <v>2.9</v>
      </c>
      <c r="P123" s="8">
        <v>2.88</v>
      </c>
      <c r="Q123" s="8">
        <v>2.85</v>
      </c>
      <c r="R123" s="8">
        <v>2.91</v>
      </c>
      <c r="S123" s="8">
        <v>2.95</v>
      </c>
      <c r="T123" s="8">
        <v>2.92</v>
      </c>
      <c r="U123" s="8">
        <v>2.99</v>
      </c>
      <c r="V123" s="8">
        <v>2.99</v>
      </c>
      <c r="W123" s="17">
        <v>2.98</v>
      </c>
      <c r="X123" s="8">
        <v>2.98</v>
      </c>
      <c r="Y123" s="8">
        <v>2.98</v>
      </c>
      <c r="Z123" s="8">
        <v>3.1</v>
      </c>
      <c r="AA123" s="8">
        <v>3.11</v>
      </c>
      <c r="AB123" s="8">
        <v>3.08</v>
      </c>
      <c r="AC123" s="8">
        <v>3.09</v>
      </c>
      <c r="AD123" s="8">
        <v>3.08</v>
      </c>
      <c r="AE123" s="8">
        <v>3.07</v>
      </c>
      <c r="AF123" s="8">
        <v>3.07</v>
      </c>
      <c r="AG123" s="8">
        <v>3.05</v>
      </c>
      <c r="AH123" s="8">
        <v>3.04</v>
      </c>
      <c r="AI123" s="8">
        <v>3.07</v>
      </c>
      <c r="AJ123" s="8">
        <v>3.05</v>
      </c>
      <c r="AK123" s="8">
        <v>3.03</v>
      </c>
      <c r="AL123" s="8">
        <v>3.02</v>
      </c>
      <c r="AM123" s="8">
        <v>3.01</v>
      </c>
      <c r="AN123" s="8">
        <v>3.04</v>
      </c>
      <c r="AO123" s="8">
        <v>3.04</v>
      </c>
      <c r="AP123" s="8">
        <v>3.02</v>
      </c>
      <c r="AQ123" s="8">
        <v>2.95</v>
      </c>
      <c r="AR123" s="8">
        <v>2.94</v>
      </c>
      <c r="AS123" s="8">
        <v>2.95</v>
      </c>
      <c r="AT123" s="8">
        <v>2.99</v>
      </c>
      <c r="AU123" s="8">
        <v>2.99</v>
      </c>
      <c r="AV123" s="8">
        <v>2.99</v>
      </c>
      <c r="AW123" s="8">
        <v>2.98</v>
      </c>
      <c r="AX123" s="8">
        <v>3</v>
      </c>
      <c r="AY123" s="8">
        <v>3.01</v>
      </c>
      <c r="AZ123" s="8">
        <v>3.01</v>
      </c>
      <c r="BA123" s="8">
        <v>3.01</v>
      </c>
      <c r="BB123" s="8">
        <v>3.01</v>
      </c>
      <c r="BC123" s="8">
        <v>3.03</v>
      </c>
      <c r="BD123" s="8">
        <v>3.03</v>
      </c>
    </row>
    <row r="124" spans="3:56" x14ac:dyDescent="0.2">
      <c r="C124" s="16" t="s">
        <v>78</v>
      </c>
      <c r="D124" s="6" t="s">
        <v>58</v>
      </c>
      <c r="E124" s="8">
        <v>0.96</v>
      </c>
      <c r="F124" s="8">
        <v>0.98</v>
      </c>
      <c r="G124" s="8">
        <v>0.98</v>
      </c>
      <c r="H124" s="8">
        <v>0.97</v>
      </c>
      <c r="I124" s="8">
        <v>0.98</v>
      </c>
      <c r="J124" s="8">
        <v>0.98</v>
      </c>
      <c r="K124" s="8">
        <v>0.98</v>
      </c>
      <c r="L124" s="8">
        <v>0.99</v>
      </c>
      <c r="M124" s="8">
        <v>0.99</v>
      </c>
      <c r="N124" s="8">
        <v>0.99</v>
      </c>
      <c r="O124" s="8">
        <v>0.99</v>
      </c>
      <c r="P124" s="8">
        <v>0.99</v>
      </c>
      <c r="Q124" s="8">
        <v>1</v>
      </c>
      <c r="R124" s="8">
        <v>1</v>
      </c>
      <c r="S124" s="8">
        <v>1</v>
      </c>
      <c r="T124" s="8">
        <v>1</v>
      </c>
      <c r="U124" s="8">
        <v>1.01</v>
      </c>
      <c r="V124" s="8">
        <v>1.01</v>
      </c>
      <c r="W124" s="17">
        <v>1.01</v>
      </c>
      <c r="X124" s="8">
        <v>1.03</v>
      </c>
      <c r="Y124" s="8">
        <v>1.04</v>
      </c>
      <c r="Z124" s="8">
        <v>1.04</v>
      </c>
      <c r="AA124" s="8">
        <v>1.05</v>
      </c>
      <c r="AB124" s="8">
        <v>1.05</v>
      </c>
      <c r="AC124" s="8">
        <v>1.06</v>
      </c>
      <c r="AD124" s="8">
        <v>1.06</v>
      </c>
      <c r="AE124" s="8">
        <v>1.05</v>
      </c>
      <c r="AF124" s="8">
        <v>1.05</v>
      </c>
      <c r="AG124" s="8">
        <v>1.06</v>
      </c>
      <c r="AH124" s="8">
        <v>1.05</v>
      </c>
      <c r="AI124" s="8">
        <v>1.06</v>
      </c>
      <c r="AJ124" s="8">
        <v>1.06</v>
      </c>
      <c r="AK124" s="8">
        <v>1.06</v>
      </c>
      <c r="AL124" s="8">
        <v>1.06</v>
      </c>
      <c r="AM124" s="8">
        <v>1.06</v>
      </c>
      <c r="AN124" s="8">
        <v>1.06</v>
      </c>
      <c r="AO124" s="8">
        <v>1.06</v>
      </c>
      <c r="AP124" s="8">
        <v>1.05</v>
      </c>
      <c r="AQ124" s="8">
        <v>1.05</v>
      </c>
      <c r="AR124" s="8">
        <v>1.06</v>
      </c>
      <c r="AS124" s="8">
        <v>1.06</v>
      </c>
      <c r="AT124" s="8">
        <v>1.06</v>
      </c>
      <c r="AU124" s="8">
        <v>1.07</v>
      </c>
      <c r="AV124" s="8">
        <v>1.07</v>
      </c>
      <c r="AW124" s="8">
        <v>1.06</v>
      </c>
      <c r="AX124" s="8">
        <v>1.05</v>
      </c>
      <c r="AY124" s="8">
        <v>1.05</v>
      </c>
      <c r="AZ124" s="8">
        <v>1.06</v>
      </c>
      <c r="BA124" s="8">
        <v>1.05</v>
      </c>
      <c r="BB124" s="8">
        <v>1.06</v>
      </c>
      <c r="BC124" s="8">
        <v>1.06</v>
      </c>
      <c r="BD124" s="8">
        <v>1.06</v>
      </c>
    </row>
    <row r="125" spans="3:56" x14ac:dyDescent="0.2">
      <c r="C125" s="16" t="s">
        <v>79</v>
      </c>
      <c r="D125" s="6" t="s">
        <v>58</v>
      </c>
      <c r="E125" s="8">
        <v>1.84</v>
      </c>
      <c r="F125" s="8">
        <v>1.88</v>
      </c>
      <c r="G125" s="8">
        <v>1.84</v>
      </c>
      <c r="H125" s="8">
        <v>1.81</v>
      </c>
      <c r="I125" s="8">
        <v>1.8</v>
      </c>
      <c r="J125" s="8">
        <v>1.79</v>
      </c>
      <c r="K125" s="8">
        <v>1.7889999999999999</v>
      </c>
      <c r="L125" s="8">
        <v>1.78</v>
      </c>
      <c r="M125" s="8">
        <v>1.8</v>
      </c>
      <c r="N125" s="8">
        <v>1.81</v>
      </c>
      <c r="O125" s="8">
        <v>1.79</v>
      </c>
      <c r="P125" s="8">
        <v>1.8</v>
      </c>
      <c r="Q125" s="8">
        <v>1.8</v>
      </c>
      <c r="R125" s="8">
        <v>1.81</v>
      </c>
      <c r="S125" s="8">
        <v>1.82</v>
      </c>
      <c r="T125" s="8">
        <v>1.85</v>
      </c>
      <c r="U125" s="8">
        <v>1.84</v>
      </c>
      <c r="V125" s="8">
        <v>1.89</v>
      </c>
      <c r="W125" s="17">
        <v>1.94</v>
      </c>
      <c r="X125" s="8">
        <v>1.94</v>
      </c>
      <c r="Y125" s="8">
        <v>1.94</v>
      </c>
      <c r="Z125" s="8">
        <v>1.95</v>
      </c>
      <c r="AA125" s="8">
        <v>1.97</v>
      </c>
      <c r="AB125" s="8">
        <v>1.98</v>
      </c>
      <c r="AC125" s="8">
        <v>2</v>
      </c>
      <c r="AD125" s="8">
        <v>2.02</v>
      </c>
      <c r="AE125" s="8">
        <v>2.0099999999999998</v>
      </c>
      <c r="AF125" s="8">
        <v>2.04</v>
      </c>
      <c r="AG125" s="8">
        <v>2.0499999999999998</v>
      </c>
      <c r="AH125" s="8">
        <v>2.06</v>
      </c>
      <c r="AI125" s="8">
        <v>2.06</v>
      </c>
      <c r="AJ125" s="8">
        <v>2.0499999999999998</v>
      </c>
      <c r="AK125" s="8">
        <v>2.0499999999999998</v>
      </c>
      <c r="AL125" s="8">
        <v>2.0499999999999998</v>
      </c>
      <c r="AM125" s="8">
        <v>2.04</v>
      </c>
      <c r="AN125" s="8">
        <v>2.0499999999999998</v>
      </c>
      <c r="AO125" s="8">
        <v>2.0499999999999998</v>
      </c>
      <c r="AP125" s="8">
        <v>2.0499999999999998</v>
      </c>
      <c r="AQ125" s="8">
        <v>2.0499999999999998</v>
      </c>
      <c r="AR125" s="8">
        <v>2.0499999999999998</v>
      </c>
      <c r="AS125" s="8">
        <v>2.04</v>
      </c>
      <c r="AT125" s="8">
        <v>2.0299999999999998</v>
      </c>
      <c r="AU125" s="8">
        <v>2.0299999999999998</v>
      </c>
      <c r="AV125" s="8">
        <v>2.02</v>
      </c>
      <c r="AW125" s="8">
        <v>2.02</v>
      </c>
      <c r="AX125" s="8">
        <v>2.02</v>
      </c>
      <c r="AY125" s="8">
        <v>2.02</v>
      </c>
      <c r="AZ125" s="8">
        <v>2.04</v>
      </c>
      <c r="BA125" s="8">
        <v>2.04</v>
      </c>
      <c r="BB125" s="8">
        <v>2.0299999999999998</v>
      </c>
      <c r="BC125" s="8">
        <v>1.99</v>
      </c>
      <c r="BD125" s="8">
        <v>1.99</v>
      </c>
    </row>
    <row r="126" spans="3:56" x14ac:dyDescent="0.2">
      <c r="C126" s="16" t="s">
        <v>80</v>
      </c>
      <c r="D126" s="6" t="s">
        <v>58</v>
      </c>
      <c r="E126" s="8">
        <v>1.74</v>
      </c>
      <c r="F126" s="8">
        <v>1.71</v>
      </c>
      <c r="G126" s="8">
        <v>1.72</v>
      </c>
      <c r="H126" s="8">
        <v>1.72</v>
      </c>
      <c r="I126" s="8">
        <v>1.69</v>
      </c>
      <c r="J126" s="8">
        <v>1.63</v>
      </c>
      <c r="K126" s="8">
        <v>1.57</v>
      </c>
      <c r="L126" s="8">
        <v>1.54</v>
      </c>
      <c r="M126" s="8">
        <v>1.53</v>
      </c>
      <c r="N126" s="8">
        <v>1.5</v>
      </c>
      <c r="O126" s="8">
        <v>1.5</v>
      </c>
      <c r="P126" s="8">
        <v>1.51</v>
      </c>
      <c r="Q126" s="8">
        <v>1.47</v>
      </c>
      <c r="R126" s="8">
        <v>1.46</v>
      </c>
      <c r="S126" s="8">
        <v>1.47</v>
      </c>
      <c r="T126" s="8">
        <v>1.44</v>
      </c>
      <c r="U126" s="8">
        <v>1.41</v>
      </c>
      <c r="V126" s="8">
        <v>1.41</v>
      </c>
      <c r="W126" s="17">
        <v>1.43</v>
      </c>
      <c r="X126" s="8">
        <v>1.47</v>
      </c>
      <c r="Y126" s="8">
        <v>1.47</v>
      </c>
      <c r="Z126" s="8">
        <v>1.43</v>
      </c>
      <c r="AA126" s="8">
        <v>1.4</v>
      </c>
      <c r="AB126" s="8">
        <v>1.39</v>
      </c>
      <c r="AC126" s="8">
        <v>1.36</v>
      </c>
      <c r="AD126" s="8">
        <v>1.38</v>
      </c>
      <c r="AE126" s="8">
        <v>1.37</v>
      </c>
      <c r="AF126" s="8">
        <v>1.36</v>
      </c>
      <c r="AG126" s="8">
        <v>1.37</v>
      </c>
      <c r="AH126" s="8">
        <v>1.35</v>
      </c>
      <c r="AI126" s="8">
        <v>1.36</v>
      </c>
      <c r="AJ126" s="8">
        <v>1.34</v>
      </c>
      <c r="AK126" s="8">
        <v>1.35</v>
      </c>
      <c r="AL126" s="8">
        <v>1.39</v>
      </c>
      <c r="AM126" s="8">
        <v>1.4</v>
      </c>
      <c r="AN126" s="8">
        <v>1.4</v>
      </c>
      <c r="AO126" s="8">
        <v>1.37</v>
      </c>
      <c r="AP126" s="8">
        <v>1.39</v>
      </c>
      <c r="AQ126" s="8">
        <v>1.36</v>
      </c>
      <c r="AR126" s="8">
        <v>1.35</v>
      </c>
      <c r="AS126" s="8">
        <v>1.35</v>
      </c>
      <c r="AT126" s="8">
        <v>1.41</v>
      </c>
      <c r="AU126" s="8">
        <v>1.48</v>
      </c>
      <c r="AV126" s="8">
        <v>1.48</v>
      </c>
      <c r="AW126" s="8">
        <v>1.5</v>
      </c>
      <c r="AX126" s="8">
        <v>1.67</v>
      </c>
      <c r="AY126" s="8">
        <v>1.83</v>
      </c>
      <c r="AZ126" s="8">
        <v>1.97</v>
      </c>
      <c r="BA126" s="8">
        <v>1.99</v>
      </c>
      <c r="BB126" s="8">
        <v>2.15</v>
      </c>
      <c r="BC126" s="8">
        <v>2.2200000000000002</v>
      </c>
      <c r="BD126" s="115">
        <v>2.25</v>
      </c>
    </row>
    <row r="127" spans="3:56" x14ac:dyDescent="0.2">
      <c r="C127" s="16" t="s">
        <v>122</v>
      </c>
      <c r="D127" s="6" t="s">
        <v>58</v>
      </c>
      <c r="E127" s="8">
        <v>1.02</v>
      </c>
      <c r="F127" s="8">
        <v>1.03</v>
      </c>
      <c r="G127" s="8">
        <v>1.04</v>
      </c>
      <c r="H127" s="8">
        <v>1.04</v>
      </c>
      <c r="I127" s="8">
        <v>1.05</v>
      </c>
      <c r="J127" s="8">
        <v>1.03</v>
      </c>
      <c r="K127" s="8">
        <v>1.03</v>
      </c>
      <c r="L127" s="8">
        <v>1.04</v>
      </c>
      <c r="M127" s="8">
        <v>1.04</v>
      </c>
      <c r="N127" s="8">
        <v>1.04</v>
      </c>
      <c r="O127" s="8">
        <v>1.05</v>
      </c>
      <c r="P127" s="8">
        <v>1.05</v>
      </c>
      <c r="Q127" s="8">
        <v>1.04</v>
      </c>
      <c r="R127" s="8">
        <v>1.0900000000000001</v>
      </c>
      <c r="S127" s="8">
        <v>1.1399999999999999</v>
      </c>
      <c r="T127" s="8">
        <v>1.1299999999999999</v>
      </c>
      <c r="U127" s="8">
        <v>1.1599999999999999</v>
      </c>
      <c r="V127" s="8">
        <v>1.1599999999999999</v>
      </c>
      <c r="W127" s="17">
        <v>1.1599999999999999</v>
      </c>
      <c r="X127" s="8">
        <v>1.17</v>
      </c>
      <c r="Y127" s="8">
        <v>1.1599999999999999</v>
      </c>
      <c r="Z127" s="8">
        <v>1.1599999999999999</v>
      </c>
      <c r="AA127" s="8">
        <v>1.1599999999999999</v>
      </c>
      <c r="AB127" s="8">
        <v>1.1499999999999999</v>
      </c>
      <c r="AC127" s="8">
        <v>1.1299999999999999</v>
      </c>
      <c r="AD127" s="8">
        <v>1.1399999999999999</v>
      </c>
      <c r="AE127" s="8">
        <v>1.1299999999999999</v>
      </c>
      <c r="AF127" s="8">
        <v>1.1299999999999999</v>
      </c>
      <c r="AG127" s="8">
        <v>1.1299999999999999</v>
      </c>
      <c r="AH127" s="8">
        <v>1.1299999999999999</v>
      </c>
      <c r="AI127" s="8">
        <v>1.1299999999999999</v>
      </c>
      <c r="AJ127" s="8">
        <v>1.1200000000000001</v>
      </c>
      <c r="AK127" s="8">
        <v>1.1200000000000001</v>
      </c>
      <c r="AL127" s="8">
        <v>1.1200000000000001</v>
      </c>
      <c r="AM127" s="8">
        <v>1.1299999999999999</v>
      </c>
      <c r="AN127" s="8">
        <v>1.1200000000000001</v>
      </c>
      <c r="AO127" s="8">
        <v>1.1299999999999999</v>
      </c>
      <c r="AP127" s="8">
        <v>1.1200000000000001</v>
      </c>
      <c r="AQ127" s="8">
        <v>1.1200000000000001</v>
      </c>
      <c r="AR127" s="8">
        <v>1.1299999999999999</v>
      </c>
      <c r="AS127" s="8">
        <v>1.1299999999999999</v>
      </c>
      <c r="AT127" s="8">
        <v>1.1299999999999999</v>
      </c>
      <c r="AU127" s="8">
        <v>1.1299999999999999</v>
      </c>
      <c r="AV127" s="8">
        <v>1.1200000000000001</v>
      </c>
      <c r="AW127" s="8">
        <v>1.1299999999999999</v>
      </c>
      <c r="AX127" s="8">
        <v>1.1299999999999999</v>
      </c>
      <c r="AY127" s="8">
        <v>1.1299999999999999</v>
      </c>
      <c r="AZ127" s="8">
        <v>1.1399999999999999</v>
      </c>
      <c r="BA127" s="8">
        <v>1.1399999999999999</v>
      </c>
      <c r="BB127" s="8">
        <v>1.1299999999999999</v>
      </c>
      <c r="BC127" s="8">
        <v>1.1299999999999999</v>
      </c>
      <c r="BD127" s="8">
        <v>1.1299999999999999</v>
      </c>
    </row>
    <row r="128" spans="3:56" x14ac:dyDescent="0.2">
      <c r="C128" s="16" t="s">
        <v>82</v>
      </c>
      <c r="D128" s="6" t="s">
        <v>58</v>
      </c>
      <c r="E128" s="8">
        <v>3.68</v>
      </c>
      <c r="F128" s="8">
        <v>3.74</v>
      </c>
      <c r="G128" s="8">
        <v>3.79</v>
      </c>
      <c r="H128" s="8">
        <v>3.86</v>
      </c>
      <c r="I128" s="8">
        <v>3.84</v>
      </c>
      <c r="J128" s="8">
        <v>3.73</v>
      </c>
      <c r="K128" s="8">
        <v>3.68</v>
      </c>
      <c r="L128" s="8">
        <v>3.65</v>
      </c>
      <c r="M128" s="8">
        <v>3.75</v>
      </c>
      <c r="N128" s="8">
        <v>3.75</v>
      </c>
      <c r="O128" s="8">
        <v>3.73</v>
      </c>
      <c r="P128" s="8">
        <v>3.78</v>
      </c>
      <c r="Q128" s="8">
        <v>3.65</v>
      </c>
      <c r="R128" s="8">
        <v>3.55</v>
      </c>
      <c r="S128" s="8">
        <v>3.7</v>
      </c>
      <c r="T128" s="8">
        <v>3.77</v>
      </c>
      <c r="U128" s="8">
        <v>3.72</v>
      </c>
      <c r="V128" s="8">
        <v>3.64</v>
      </c>
      <c r="W128" s="17">
        <v>3.68</v>
      </c>
      <c r="X128" s="8">
        <v>3.68</v>
      </c>
      <c r="Y128" s="8">
        <v>3.67</v>
      </c>
      <c r="Z128" s="8">
        <v>3.64</v>
      </c>
      <c r="AA128" s="8">
        <v>3.49</v>
      </c>
      <c r="AB128" s="8">
        <v>3.47</v>
      </c>
      <c r="AC128" s="8">
        <v>3.51</v>
      </c>
      <c r="AD128" s="8">
        <v>3.51</v>
      </c>
      <c r="AE128" s="8">
        <v>3.6</v>
      </c>
      <c r="AF128" s="8">
        <v>3.66</v>
      </c>
      <c r="AG128" s="8">
        <v>3.64</v>
      </c>
      <c r="AH128" s="8">
        <v>3.67</v>
      </c>
      <c r="AI128" s="8">
        <v>3.69</v>
      </c>
      <c r="AJ128" s="8">
        <v>3.66</v>
      </c>
      <c r="AK128" s="8">
        <v>3.65</v>
      </c>
      <c r="AL128" s="8">
        <v>3.67</v>
      </c>
      <c r="AM128" s="8">
        <v>3.66</v>
      </c>
      <c r="AN128" s="8">
        <v>3.72</v>
      </c>
      <c r="AO128" s="8">
        <v>3.7</v>
      </c>
      <c r="AP128" s="8">
        <v>3.76</v>
      </c>
      <c r="AQ128" s="8">
        <v>3.8</v>
      </c>
      <c r="AR128" s="8">
        <v>3.93</v>
      </c>
      <c r="AS128" s="8">
        <v>3.89</v>
      </c>
      <c r="AT128" s="8">
        <v>3.92</v>
      </c>
      <c r="AU128" s="8">
        <v>3.81</v>
      </c>
      <c r="AV128" s="8">
        <v>3.75</v>
      </c>
      <c r="AW128" s="8">
        <v>3.75</v>
      </c>
      <c r="AX128" s="8">
        <v>3.75</v>
      </c>
      <c r="AY128" s="8">
        <v>3.71</v>
      </c>
      <c r="AZ128" s="8">
        <v>3.72</v>
      </c>
      <c r="BA128" s="8">
        <v>3.7</v>
      </c>
      <c r="BB128" s="8">
        <v>3.73</v>
      </c>
      <c r="BC128" s="8">
        <v>3.71</v>
      </c>
      <c r="BD128" s="8">
        <v>3.71</v>
      </c>
    </row>
    <row r="129" spans="3:56" x14ac:dyDescent="0.2">
      <c r="C129" s="16" t="s">
        <v>84</v>
      </c>
      <c r="D129" s="6" t="s">
        <v>85</v>
      </c>
      <c r="E129" s="8">
        <v>0.96</v>
      </c>
      <c r="F129" s="8">
        <v>0.96</v>
      </c>
      <c r="G129" s="8">
        <v>0.94</v>
      </c>
      <c r="H129" s="8">
        <v>0.93</v>
      </c>
      <c r="I129" s="8">
        <v>0.93</v>
      </c>
      <c r="J129" s="8">
        <v>0.93</v>
      </c>
      <c r="K129" s="8">
        <v>0.91</v>
      </c>
      <c r="L129" s="8">
        <v>0.92</v>
      </c>
      <c r="M129" s="8">
        <v>0.92</v>
      </c>
      <c r="N129" s="8">
        <v>0.9</v>
      </c>
      <c r="O129" s="8">
        <v>0.9</v>
      </c>
      <c r="P129" s="8">
        <v>0.9</v>
      </c>
      <c r="Q129" s="8">
        <v>0.92</v>
      </c>
      <c r="R129" s="8">
        <v>0.93</v>
      </c>
      <c r="S129" s="8">
        <v>0.93</v>
      </c>
      <c r="T129" s="8">
        <v>0.94</v>
      </c>
      <c r="U129" s="8">
        <v>0.92</v>
      </c>
      <c r="V129" s="8">
        <v>0.92</v>
      </c>
      <c r="W129" s="17">
        <v>0.93</v>
      </c>
      <c r="X129" s="8">
        <v>0.92</v>
      </c>
      <c r="Y129" s="8">
        <v>0.92</v>
      </c>
      <c r="Z129" s="8">
        <v>0.92</v>
      </c>
      <c r="AA129" s="8">
        <v>0.92</v>
      </c>
      <c r="AB129" s="8">
        <v>0.91</v>
      </c>
      <c r="AC129" s="8">
        <v>0.92</v>
      </c>
      <c r="AD129" s="8">
        <v>0.94</v>
      </c>
      <c r="AE129" s="8">
        <v>0.93</v>
      </c>
      <c r="AF129" s="8">
        <v>0.93</v>
      </c>
      <c r="AG129" s="8">
        <v>0.92</v>
      </c>
      <c r="AH129" s="8">
        <v>0.93</v>
      </c>
      <c r="AI129" s="8">
        <v>0.95</v>
      </c>
      <c r="AJ129" s="8">
        <v>0.94</v>
      </c>
      <c r="AK129" s="8">
        <v>0.94</v>
      </c>
      <c r="AL129" s="8">
        <v>0.94</v>
      </c>
      <c r="AM129" s="8">
        <v>0.94</v>
      </c>
      <c r="AN129" s="8">
        <v>0.94</v>
      </c>
      <c r="AO129" s="8">
        <v>0.94</v>
      </c>
      <c r="AP129" s="8">
        <v>0.95</v>
      </c>
      <c r="AQ129" s="8">
        <v>0.95</v>
      </c>
      <c r="AR129" s="8">
        <v>0.95</v>
      </c>
      <c r="AS129" s="8">
        <v>0.95</v>
      </c>
      <c r="AT129" s="8">
        <v>0.95</v>
      </c>
      <c r="AU129" s="8">
        <v>0.95</v>
      </c>
      <c r="AV129" s="8">
        <v>0.94</v>
      </c>
      <c r="AW129" s="8">
        <v>0.95</v>
      </c>
      <c r="AX129" s="8">
        <v>0.95</v>
      </c>
      <c r="AY129" s="8">
        <v>0.94</v>
      </c>
      <c r="AZ129" s="8">
        <v>0.94</v>
      </c>
      <c r="BA129" s="8">
        <v>0.94</v>
      </c>
      <c r="BB129" s="8">
        <v>0.95</v>
      </c>
      <c r="BC129" s="8">
        <v>0.94</v>
      </c>
      <c r="BD129" s="8">
        <v>0.94</v>
      </c>
    </row>
    <row r="130" spans="3:56" x14ac:dyDescent="0.2">
      <c r="C130" s="16" t="s">
        <v>118</v>
      </c>
      <c r="D130" s="6" t="s">
        <v>58</v>
      </c>
      <c r="E130" s="8">
        <v>2.0499999999999998</v>
      </c>
      <c r="F130" s="8">
        <v>2.08</v>
      </c>
      <c r="G130" s="8">
        <v>2.1</v>
      </c>
      <c r="H130" s="8">
        <v>2.1</v>
      </c>
      <c r="I130" s="8">
        <v>2.12</v>
      </c>
      <c r="J130" s="8">
        <v>2.16</v>
      </c>
      <c r="K130" s="8">
        <v>2.1800000000000002</v>
      </c>
      <c r="L130" s="8">
        <v>2.2400000000000002</v>
      </c>
      <c r="M130" s="8">
        <v>2.23</v>
      </c>
      <c r="N130" s="8">
        <v>2.29</v>
      </c>
      <c r="O130" s="8">
        <v>2.34</v>
      </c>
      <c r="P130" s="8">
        <v>2.37</v>
      </c>
      <c r="Q130" s="8">
        <v>2.46</v>
      </c>
      <c r="R130" s="8">
        <v>2.42</v>
      </c>
      <c r="S130" s="8">
        <v>2.5099999999999998</v>
      </c>
      <c r="T130" s="8">
        <v>2.48</v>
      </c>
      <c r="U130" s="8">
        <v>2.42</v>
      </c>
      <c r="V130" s="8">
        <v>2.37</v>
      </c>
      <c r="W130" s="17">
        <v>2.3199999999999998</v>
      </c>
      <c r="X130" s="8">
        <v>2.2400000000000002</v>
      </c>
      <c r="Y130" s="8">
        <v>2.16</v>
      </c>
      <c r="Z130" s="8">
        <v>2.13</v>
      </c>
      <c r="AA130" s="8">
        <v>2.09</v>
      </c>
      <c r="AB130" s="8">
        <v>2.11</v>
      </c>
      <c r="AC130" s="8">
        <v>2.09</v>
      </c>
      <c r="AD130" s="8">
        <v>2.09</v>
      </c>
      <c r="AE130" s="8">
        <v>2.11</v>
      </c>
      <c r="AF130" s="8">
        <v>2.15</v>
      </c>
      <c r="AG130" s="8">
        <v>2.16</v>
      </c>
      <c r="AH130" s="8">
        <v>2.15</v>
      </c>
      <c r="AI130" s="8">
        <v>2.14</v>
      </c>
      <c r="AJ130" s="8">
        <v>2.12</v>
      </c>
      <c r="AK130" s="8">
        <v>2.11</v>
      </c>
      <c r="AL130" s="8">
        <v>2.0699999999999998</v>
      </c>
      <c r="AM130" s="8">
        <v>2.04</v>
      </c>
      <c r="AN130" s="8">
        <v>2.02</v>
      </c>
      <c r="AO130" s="8">
        <v>2</v>
      </c>
      <c r="AP130" s="8">
        <v>1.98</v>
      </c>
      <c r="AQ130" s="8">
        <v>1.96</v>
      </c>
      <c r="AR130" s="8">
        <v>1.97</v>
      </c>
      <c r="AS130" s="8">
        <v>1.97</v>
      </c>
      <c r="AT130" s="8">
        <v>2</v>
      </c>
      <c r="AU130" s="8">
        <v>2</v>
      </c>
      <c r="AV130" s="8">
        <v>1.98</v>
      </c>
      <c r="AW130" s="8">
        <v>2.0499999999999998</v>
      </c>
      <c r="AX130" s="8">
        <v>2</v>
      </c>
      <c r="AY130" s="8">
        <v>2.02</v>
      </c>
      <c r="AZ130" s="8">
        <v>2.06</v>
      </c>
      <c r="BA130" s="8">
        <v>2.0699999999999998</v>
      </c>
      <c r="BB130" s="8">
        <v>2.16</v>
      </c>
      <c r="BC130" s="8">
        <v>2.19</v>
      </c>
      <c r="BD130" s="8">
        <v>2.19</v>
      </c>
    </row>
    <row r="131" spans="3:56" x14ac:dyDescent="0.2">
      <c r="C131" s="16" t="s">
        <v>104</v>
      </c>
      <c r="D131" s="6" t="s">
        <v>58</v>
      </c>
      <c r="E131" s="8">
        <v>2.15</v>
      </c>
      <c r="F131" s="8">
        <v>2.14</v>
      </c>
      <c r="G131" s="8">
        <v>2.12</v>
      </c>
      <c r="H131" s="8">
        <v>2.09</v>
      </c>
      <c r="I131" s="8">
        <v>2.06</v>
      </c>
      <c r="J131" s="8">
        <v>2.04</v>
      </c>
      <c r="K131" s="8">
        <v>2.06</v>
      </c>
      <c r="L131" s="8">
        <v>2.0499999999999998</v>
      </c>
      <c r="M131" s="8">
        <v>2.09</v>
      </c>
      <c r="N131" s="8">
        <v>2.0699999999999998</v>
      </c>
      <c r="O131" s="8">
        <v>2.11</v>
      </c>
      <c r="P131" s="8">
        <v>2.11</v>
      </c>
      <c r="Q131" s="8">
        <v>2.1</v>
      </c>
      <c r="R131" s="8">
        <v>2.15</v>
      </c>
      <c r="S131" s="8">
        <v>2.1800000000000002</v>
      </c>
      <c r="T131" s="8">
        <v>2.15</v>
      </c>
      <c r="U131" s="8">
        <v>2.1</v>
      </c>
      <c r="V131" s="8">
        <v>2.0699999999999998</v>
      </c>
      <c r="W131" s="17">
        <v>2.0699999999999998</v>
      </c>
      <c r="X131" s="8">
        <v>2.04</v>
      </c>
      <c r="Y131" s="8">
        <v>2.02</v>
      </c>
      <c r="Z131" s="8">
        <v>1.98</v>
      </c>
      <c r="AA131" s="8">
        <v>1.94</v>
      </c>
      <c r="AB131" s="8">
        <v>1.95</v>
      </c>
      <c r="AC131" s="8">
        <v>1.92</v>
      </c>
      <c r="AD131" s="8">
        <v>1.92</v>
      </c>
      <c r="AE131" s="8">
        <v>1.94</v>
      </c>
      <c r="AF131" s="8">
        <v>1.96</v>
      </c>
      <c r="AG131" s="8">
        <v>1.92</v>
      </c>
      <c r="AH131" s="8">
        <v>1.94</v>
      </c>
      <c r="AI131" s="8">
        <v>1.95</v>
      </c>
      <c r="AJ131" s="8">
        <v>1.94</v>
      </c>
      <c r="AK131" s="8">
        <v>1.93</v>
      </c>
      <c r="AL131" s="8">
        <v>1.96</v>
      </c>
      <c r="AM131" s="8">
        <v>1.98</v>
      </c>
      <c r="AN131" s="8">
        <v>2</v>
      </c>
      <c r="AO131" s="8">
        <v>2.0099999999999998</v>
      </c>
      <c r="AP131" s="8">
        <v>1.99</v>
      </c>
      <c r="AQ131" s="8">
        <v>1.98</v>
      </c>
      <c r="AR131" s="8">
        <v>1.98</v>
      </c>
      <c r="AS131" s="8">
        <v>2</v>
      </c>
      <c r="AT131" s="8">
        <v>2.02</v>
      </c>
      <c r="AU131" s="8">
        <v>2.0299999999999998</v>
      </c>
      <c r="AV131" s="8">
        <v>2.0299999999999998</v>
      </c>
      <c r="AW131" s="8">
        <v>2.0299999999999998</v>
      </c>
      <c r="AX131" s="8">
        <v>2.02</v>
      </c>
      <c r="AY131" s="8">
        <v>2.0299999999999998</v>
      </c>
      <c r="AZ131" s="8">
        <v>2.02</v>
      </c>
      <c r="BA131" s="8">
        <v>2.0299999999999998</v>
      </c>
      <c r="BB131" s="8">
        <v>2.11</v>
      </c>
      <c r="BC131" s="8">
        <v>2.11</v>
      </c>
      <c r="BD131" s="8">
        <v>2.1</v>
      </c>
    </row>
    <row r="132" spans="3:56" x14ac:dyDescent="0.2">
      <c r="C132" s="16" t="s">
        <v>87</v>
      </c>
      <c r="D132" s="6" t="s">
        <v>58</v>
      </c>
      <c r="E132" s="8">
        <v>1</v>
      </c>
      <c r="F132" s="8">
        <v>1</v>
      </c>
      <c r="G132" s="8">
        <v>1</v>
      </c>
      <c r="H132" s="8">
        <v>0.98</v>
      </c>
      <c r="I132" s="8">
        <v>0.98</v>
      </c>
      <c r="J132" s="8">
        <v>0.97</v>
      </c>
      <c r="K132" s="8">
        <v>0.97</v>
      </c>
      <c r="L132" s="8">
        <v>0.96</v>
      </c>
      <c r="M132" s="8">
        <v>0.96</v>
      </c>
      <c r="N132" s="8">
        <v>0.96</v>
      </c>
      <c r="O132" s="8">
        <v>0.96</v>
      </c>
      <c r="P132" s="8">
        <v>0.96</v>
      </c>
      <c r="Q132" s="8">
        <v>0.96</v>
      </c>
      <c r="R132" s="8">
        <v>0.97</v>
      </c>
      <c r="S132" s="8">
        <v>1.01</v>
      </c>
      <c r="T132" s="8">
        <v>1.01</v>
      </c>
      <c r="U132" s="8">
        <v>1.03</v>
      </c>
      <c r="V132" s="8">
        <v>1.04</v>
      </c>
      <c r="W132" s="17">
        <v>1.03</v>
      </c>
      <c r="X132" s="8">
        <v>1.03</v>
      </c>
      <c r="Y132" s="8">
        <v>1.02</v>
      </c>
      <c r="Z132" s="8">
        <v>1.02</v>
      </c>
      <c r="AA132" s="8">
        <v>1.01</v>
      </c>
      <c r="AB132" s="8">
        <v>1.01</v>
      </c>
      <c r="AC132" s="8">
        <v>1</v>
      </c>
      <c r="AD132" s="8">
        <v>1.01</v>
      </c>
      <c r="AE132" s="8">
        <v>1.01</v>
      </c>
      <c r="AF132" s="8">
        <v>1.01</v>
      </c>
      <c r="AG132" s="8">
        <v>1.01</v>
      </c>
      <c r="AH132" s="8">
        <v>1</v>
      </c>
      <c r="AI132" s="8">
        <v>1.01</v>
      </c>
      <c r="AJ132" s="8">
        <v>1.01</v>
      </c>
      <c r="AK132" s="8">
        <v>1.02</v>
      </c>
      <c r="AL132" s="8">
        <v>1.02</v>
      </c>
      <c r="AM132" s="8">
        <v>1.02</v>
      </c>
      <c r="AN132" s="8">
        <v>1.01</v>
      </c>
      <c r="AO132" s="8">
        <v>1.02</v>
      </c>
      <c r="AP132" s="8">
        <v>1.01</v>
      </c>
      <c r="AQ132" s="8">
        <v>1.02</v>
      </c>
      <c r="AR132" s="8">
        <v>1.02</v>
      </c>
      <c r="AS132" s="8">
        <v>1.02</v>
      </c>
      <c r="AT132" s="8">
        <v>1.02</v>
      </c>
      <c r="AU132" s="8">
        <v>1.01</v>
      </c>
      <c r="AV132" s="8">
        <v>1.03</v>
      </c>
      <c r="AW132" s="8">
        <v>1.02</v>
      </c>
      <c r="AX132" s="8">
        <v>1.03</v>
      </c>
      <c r="AY132" s="8">
        <v>1.02</v>
      </c>
      <c r="AZ132" s="8">
        <v>1.02</v>
      </c>
      <c r="BA132" s="8">
        <v>1.03</v>
      </c>
      <c r="BB132" s="8">
        <v>1.02</v>
      </c>
      <c r="BC132" s="8">
        <v>1</v>
      </c>
      <c r="BD132" s="8">
        <v>1</v>
      </c>
    </row>
    <row r="133" spans="3:56" x14ac:dyDescent="0.2">
      <c r="C133" s="16" t="s">
        <v>88</v>
      </c>
      <c r="D133" s="6" t="s">
        <v>58</v>
      </c>
      <c r="E133" s="8">
        <v>2.04</v>
      </c>
      <c r="F133" s="8">
        <v>2.0099999999999998</v>
      </c>
      <c r="G133" s="8">
        <v>1.97</v>
      </c>
      <c r="H133" s="8">
        <v>1.96</v>
      </c>
      <c r="I133" s="8">
        <v>1.96</v>
      </c>
      <c r="J133" s="8">
        <v>1.94</v>
      </c>
      <c r="K133" s="8">
        <v>1.93</v>
      </c>
      <c r="L133" s="8">
        <v>1.92</v>
      </c>
      <c r="M133" s="8">
        <v>1.92</v>
      </c>
      <c r="N133" s="8">
        <v>1.89</v>
      </c>
      <c r="O133" s="8">
        <v>1.89</v>
      </c>
      <c r="P133" s="8">
        <v>1.89</v>
      </c>
      <c r="Q133" s="8">
        <v>1.9</v>
      </c>
      <c r="R133" s="8">
        <v>1.94</v>
      </c>
      <c r="S133" s="8">
        <v>1.98</v>
      </c>
      <c r="T133" s="8">
        <v>2</v>
      </c>
      <c r="U133" s="8">
        <v>2.11</v>
      </c>
      <c r="V133" s="8">
        <v>2.2200000000000002</v>
      </c>
      <c r="W133" s="17">
        <v>2.33</v>
      </c>
      <c r="X133" s="8">
        <v>2.39</v>
      </c>
      <c r="Y133" s="8">
        <v>2.4300000000000002</v>
      </c>
      <c r="Z133" s="8">
        <v>2.4700000000000002</v>
      </c>
      <c r="AA133" s="8">
        <v>2.5299999999999998</v>
      </c>
      <c r="AB133" s="8">
        <v>2.6</v>
      </c>
      <c r="AC133" s="8">
        <v>2.64</v>
      </c>
      <c r="AD133" s="8">
        <v>2.7</v>
      </c>
      <c r="AE133" s="8">
        <v>2.76</v>
      </c>
      <c r="AF133" s="8">
        <v>2.8</v>
      </c>
      <c r="AG133" s="8">
        <v>2.83</v>
      </c>
      <c r="AH133" s="8">
        <v>2.83</v>
      </c>
      <c r="AI133" s="8">
        <v>2.86</v>
      </c>
      <c r="AJ133" s="8">
        <v>2.87</v>
      </c>
      <c r="AK133" s="8">
        <v>2.89</v>
      </c>
      <c r="AL133" s="8">
        <v>2.9</v>
      </c>
      <c r="AM133" s="8">
        <v>2.91</v>
      </c>
      <c r="AN133" s="8">
        <v>2.91</v>
      </c>
      <c r="AO133" s="8">
        <v>2.89</v>
      </c>
      <c r="AP133" s="8">
        <v>2.83</v>
      </c>
      <c r="AQ133" s="8">
        <v>2.77</v>
      </c>
      <c r="AR133" s="8">
        <v>2.62</v>
      </c>
      <c r="AS133" s="8">
        <v>2.5499999999999998</v>
      </c>
      <c r="AT133" s="8">
        <v>2.48</v>
      </c>
      <c r="AU133" s="8">
        <v>2.4300000000000002</v>
      </c>
      <c r="AV133" s="8">
        <v>2.39</v>
      </c>
      <c r="AW133" s="8">
        <v>2.33</v>
      </c>
      <c r="AX133" s="8">
        <v>2.25</v>
      </c>
      <c r="AY133" s="8">
        <v>2.23</v>
      </c>
      <c r="AZ133" s="8">
        <v>2.16</v>
      </c>
      <c r="BA133" s="8">
        <v>2.15</v>
      </c>
      <c r="BB133" s="8">
        <v>2.1</v>
      </c>
      <c r="BC133" s="8">
        <v>2.08</v>
      </c>
      <c r="BD133" s="8">
        <v>2.0699999999999998</v>
      </c>
    </row>
    <row r="134" spans="3:56" x14ac:dyDescent="0.2">
      <c r="C134" s="18" t="s">
        <v>123</v>
      </c>
      <c r="D134" s="6" t="s">
        <v>58</v>
      </c>
      <c r="E134" s="8">
        <v>1.88</v>
      </c>
      <c r="F134" s="8">
        <v>1.89</v>
      </c>
      <c r="G134" s="8">
        <v>1.92</v>
      </c>
      <c r="H134" s="8">
        <v>1.94</v>
      </c>
      <c r="I134" s="8">
        <v>1.95</v>
      </c>
      <c r="J134" s="8">
        <v>2.02</v>
      </c>
      <c r="K134" s="8">
        <v>2.02</v>
      </c>
      <c r="L134" s="8">
        <v>2.0499999999999998</v>
      </c>
      <c r="M134" s="8">
        <v>2.1</v>
      </c>
      <c r="N134" s="8">
        <v>2.12</v>
      </c>
      <c r="O134" s="8">
        <v>2.14</v>
      </c>
      <c r="P134" s="8">
        <v>2.15</v>
      </c>
      <c r="Q134" s="8">
        <v>2.1800000000000002</v>
      </c>
      <c r="R134" s="8">
        <v>2.0499999999999998</v>
      </c>
      <c r="S134" s="8">
        <v>2.0699999999999998</v>
      </c>
      <c r="T134" s="8">
        <v>2.16</v>
      </c>
      <c r="U134" s="8">
        <v>2.1800000000000002</v>
      </c>
      <c r="V134" s="8">
        <v>2.2200000000000002</v>
      </c>
      <c r="W134" s="17">
        <v>2.16</v>
      </c>
      <c r="X134" s="8">
        <v>1.98</v>
      </c>
      <c r="Y134" s="8">
        <v>1.95</v>
      </c>
      <c r="Z134" s="8">
        <v>2.06</v>
      </c>
      <c r="AA134" s="8">
        <v>2.04</v>
      </c>
      <c r="AB134" s="8">
        <v>2.0099999999999998</v>
      </c>
      <c r="AC134" s="8">
        <v>1.96</v>
      </c>
      <c r="AD134" s="8">
        <v>2.0299999999999998</v>
      </c>
      <c r="AE134" s="8">
        <v>1.97</v>
      </c>
      <c r="AF134" s="8">
        <v>2.11</v>
      </c>
      <c r="AG134" s="8">
        <v>2.29</v>
      </c>
      <c r="AH134" s="8">
        <v>2.2799999999999998</v>
      </c>
      <c r="AI134" s="8">
        <v>2.5099999999999998</v>
      </c>
      <c r="AJ134" s="8">
        <v>2.52</v>
      </c>
      <c r="AK134" s="8">
        <v>2.57</v>
      </c>
      <c r="AL134" s="8">
        <v>2.69</v>
      </c>
      <c r="AM134" s="8">
        <v>2.84</v>
      </c>
      <c r="AN134" s="8">
        <v>3.02</v>
      </c>
      <c r="AO134" s="8">
        <v>3.09</v>
      </c>
      <c r="AP134" s="8">
        <v>2.98</v>
      </c>
      <c r="AQ134" s="8">
        <v>2.67</v>
      </c>
      <c r="AR134" s="8">
        <v>2.2400000000000002</v>
      </c>
      <c r="AS134" s="8">
        <v>2.17</v>
      </c>
      <c r="AT134" s="8">
        <v>2.09</v>
      </c>
      <c r="AU134" s="8">
        <v>1.98</v>
      </c>
      <c r="AV134" s="8">
        <v>2.02</v>
      </c>
      <c r="AW134" s="8">
        <v>1.96</v>
      </c>
      <c r="AX134" s="8">
        <v>1.92</v>
      </c>
      <c r="AY134" s="8">
        <v>1.87</v>
      </c>
      <c r="AZ134" s="8">
        <v>1.76</v>
      </c>
      <c r="BA134" s="8">
        <v>1.76</v>
      </c>
      <c r="BB134" s="8">
        <v>1.73</v>
      </c>
      <c r="BC134" s="8">
        <v>1.74</v>
      </c>
      <c r="BD134" s="8">
        <v>1.75</v>
      </c>
    </row>
    <row r="135" spans="3:56" x14ac:dyDescent="0.2">
      <c r="C135" s="18" t="s">
        <v>100</v>
      </c>
      <c r="D135" s="6" t="s">
        <v>58</v>
      </c>
      <c r="E135" s="8">
        <v>1.36</v>
      </c>
      <c r="F135" s="8">
        <v>1.36</v>
      </c>
      <c r="G135" s="8">
        <v>1.35</v>
      </c>
      <c r="H135" s="8">
        <v>1.34</v>
      </c>
      <c r="I135" s="8">
        <v>1.33</v>
      </c>
      <c r="J135" s="8">
        <v>1.33</v>
      </c>
      <c r="K135" s="8">
        <v>1.34</v>
      </c>
      <c r="L135" s="8">
        <v>1.33</v>
      </c>
      <c r="M135" s="8">
        <v>1.32</v>
      </c>
      <c r="N135" s="8">
        <v>1.33</v>
      </c>
      <c r="O135" s="8">
        <v>1.34</v>
      </c>
      <c r="P135" s="8">
        <v>1.34</v>
      </c>
      <c r="Q135" s="8">
        <v>1.35</v>
      </c>
      <c r="R135" s="8">
        <v>1.37</v>
      </c>
      <c r="S135" s="8">
        <v>1.4</v>
      </c>
      <c r="T135" s="8">
        <v>1.39</v>
      </c>
      <c r="U135" s="8">
        <v>1.38</v>
      </c>
      <c r="V135" s="8">
        <v>1.41</v>
      </c>
      <c r="W135" s="17">
        <v>1.42</v>
      </c>
      <c r="X135" s="8">
        <v>1.44</v>
      </c>
      <c r="Y135" s="8">
        <v>1.45</v>
      </c>
      <c r="Z135" s="8">
        <v>1.46</v>
      </c>
      <c r="AA135" s="8">
        <v>1.5</v>
      </c>
      <c r="AB135" s="8">
        <v>1.52</v>
      </c>
      <c r="AC135" s="8">
        <v>1.53</v>
      </c>
      <c r="AD135" s="8">
        <v>1.53</v>
      </c>
      <c r="AE135" s="8">
        <v>1.58</v>
      </c>
      <c r="AF135" s="8">
        <v>1.6</v>
      </c>
      <c r="AG135" s="8">
        <v>1.62</v>
      </c>
      <c r="AH135" s="8">
        <v>1.65</v>
      </c>
      <c r="AI135" s="8">
        <v>1.65</v>
      </c>
      <c r="AJ135" s="8">
        <v>1.65</v>
      </c>
      <c r="AK135" s="8">
        <v>1.66</v>
      </c>
      <c r="AL135" s="8">
        <v>1.67</v>
      </c>
      <c r="AM135" s="8">
        <v>1.71</v>
      </c>
      <c r="AN135" s="8">
        <v>1.72</v>
      </c>
      <c r="AO135" s="8">
        <v>1.76</v>
      </c>
      <c r="AP135" s="8">
        <v>1.78</v>
      </c>
      <c r="AQ135" s="8">
        <v>1.83</v>
      </c>
      <c r="AR135" s="8">
        <v>1.85</v>
      </c>
      <c r="AS135" s="8">
        <v>1.84</v>
      </c>
      <c r="AT135" s="8">
        <v>1.82</v>
      </c>
      <c r="AU135" s="8">
        <v>1.77</v>
      </c>
      <c r="AV135" s="8">
        <v>1.72</v>
      </c>
      <c r="AW135" s="8">
        <v>1.66</v>
      </c>
      <c r="AX135" s="8">
        <v>1.62</v>
      </c>
      <c r="AY135" s="8">
        <v>1.55</v>
      </c>
      <c r="AZ135" s="8">
        <v>1.51</v>
      </c>
      <c r="BA135" s="8">
        <v>1.51</v>
      </c>
      <c r="BB135" s="8">
        <v>1.46</v>
      </c>
      <c r="BC135" s="8">
        <v>1.46</v>
      </c>
      <c r="BD135" s="8">
        <v>1.46</v>
      </c>
    </row>
    <row r="136" spans="3:56" x14ac:dyDescent="0.2">
      <c r="C136" s="16" t="s">
        <v>89</v>
      </c>
      <c r="D136" s="6" t="s">
        <v>58</v>
      </c>
      <c r="E136" s="17">
        <v>1.74</v>
      </c>
      <c r="F136" s="17">
        <v>1.73</v>
      </c>
      <c r="G136" s="17">
        <v>1.72</v>
      </c>
      <c r="H136" s="17">
        <v>1.72</v>
      </c>
      <c r="I136" s="17">
        <v>1.71</v>
      </c>
      <c r="J136" s="17">
        <v>1.72</v>
      </c>
      <c r="K136" s="17">
        <v>1.72</v>
      </c>
      <c r="L136" s="17">
        <v>1.73</v>
      </c>
      <c r="M136" s="17">
        <v>1.72</v>
      </c>
      <c r="N136" s="17">
        <v>1.68</v>
      </c>
      <c r="O136" s="17">
        <v>1.68</v>
      </c>
      <c r="P136" s="17">
        <v>1.68</v>
      </c>
      <c r="Q136" s="17">
        <v>1.7</v>
      </c>
      <c r="R136" s="17">
        <v>1.73</v>
      </c>
      <c r="S136" s="17">
        <v>1.74</v>
      </c>
      <c r="T136" s="17">
        <v>1.75</v>
      </c>
      <c r="U136" s="17">
        <v>1.73</v>
      </c>
      <c r="V136" s="17">
        <v>1.75</v>
      </c>
      <c r="W136" s="17">
        <v>1.76</v>
      </c>
      <c r="X136" s="17">
        <v>1.77</v>
      </c>
      <c r="Y136" s="17">
        <v>1.75</v>
      </c>
      <c r="Z136" s="17">
        <v>1.77</v>
      </c>
      <c r="AA136" s="17">
        <v>1.77</v>
      </c>
      <c r="AB136" s="17">
        <v>1.77</v>
      </c>
      <c r="AC136" s="17">
        <v>1.78</v>
      </c>
      <c r="AD136" s="17">
        <v>1.78</v>
      </c>
      <c r="AE136" s="17">
        <v>1.8</v>
      </c>
      <c r="AF136" s="17">
        <v>1.81</v>
      </c>
      <c r="AG136" s="17">
        <v>1.81</v>
      </c>
      <c r="AH136" s="17">
        <v>1.81</v>
      </c>
      <c r="AI136" s="17">
        <v>1.82</v>
      </c>
      <c r="AJ136" s="17">
        <v>1.81</v>
      </c>
      <c r="AK136" s="17">
        <v>1.81</v>
      </c>
      <c r="AL136" s="17">
        <v>1.83</v>
      </c>
      <c r="AM136" s="17">
        <v>1.81</v>
      </c>
      <c r="AN136" s="17">
        <v>1.8</v>
      </c>
      <c r="AO136" s="17">
        <v>1.79</v>
      </c>
      <c r="AP136" s="17">
        <v>1.8</v>
      </c>
      <c r="AQ136" s="17">
        <v>1.8</v>
      </c>
      <c r="AR136" s="17">
        <v>1.79</v>
      </c>
      <c r="AS136" s="17">
        <v>1.81</v>
      </c>
      <c r="AT136" s="17">
        <v>1.81</v>
      </c>
      <c r="AU136" s="17">
        <v>1.81</v>
      </c>
      <c r="AV136" s="17">
        <v>1.8</v>
      </c>
      <c r="AW136" s="17">
        <v>1.8</v>
      </c>
      <c r="AX136" s="17">
        <v>1.77</v>
      </c>
      <c r="AY136" s="17">
        <v>1.76</v>
      </c>
      <c r="AZ136" s="17">
        <v>1.74</v>
      </c>
      <c r="BA136" s="17">
        <v>1.74</v>
      </c>
      <c r="BB136" s="17">
        <v>1.76</v>
      </c>
      <c r="BC136" s="17">
        <v>1.74</v>
      </c>
      <c r="BD136" s="17">
        <v>1.75</v>
      </c>
    </row>
    <row r="137" spans="3:56" x14ac:dyDescent="0.2">
      <c r="C137" s="16" t="s">
        <v>95</v>
      </c>
      <c r="D137" s="6" t="s">
        <v>58</v>
      </c>
      <c r="E137" s="17">
        <v>1.97</v>
      </c>
      <c r="F137" s="17">
        <v>1.99</v>
      </c>
      <c r="G137" s="17">
        <v>1.99</v>
      </c>
      <c r="H137" s="17">
        <v>2</v>
      </c>
      <c r="I137" s="17">
        <v>1.99</v>
      </c>
      <c r="J137" s="17">
        <v>2.0099999999999998</v>
      </c>
      <c r="K137" s="17">
        <v>2.02</v>
      </c>
      <c r="L137" s="17">
        <v>2.0099999999999998</v>
      </c>
      <c r="M137" s="17">
        <v>2.0099999999999998</v>
      </c>
      <c r="N137" s="17">
        <v>2.0099999999999998</v>
      </c>
      <c r="O137" s="17">
        <v>2.0499999999999998</v>
      </c>
      <c r="P137" s="17">
        <v>2.06</v>
      </c>
      <c r="Q137" s="17">
        <v>2.0699999999999998</v>
      </c>
      <c r="R137" s="17">
        <v>2.09</v>
      </c>
      <c r="S137" s="17">
        <v>2.1</v>
      </c>
      <c r="T137" s="17">
        <v>2.13</v>
      </c>
      <c r="U137" s="17">
        <v>2.11</v>
      </c>
      <c r="V137" s="17">
        <v>2.11</v>
      </c>
      <c r="W137" s="17">
        <v>2.12</v>
      </c>
      <c r="X137" s="17">
        <v>2.12</v>
      </c>
      <c r="Y137" s="17">
        <v>2.12</v>
      </c>
      <c r="Z137" s="17">
        <v>2.11</v>
      </c>
      <c r="AA137" s="17">
        <v>2.0699999999999998</v>
      </c>
      <c r="AB137" s="17">
        <v>2.0499999999999998</v>
      </c>
      <c r="AC137" s="17">
        <v>2.0499999999999998</v>
      </c>
      <c r="AD137" s="17">
        <v>2.1</v>
      </c>
      <c r="AE137" s="17">
        <v>2.14</v>
      </c>
      <c r="AF137" s="17">
        <v>2.14</v>
      </c>
      <c r="AG137" s="17">
        <v>2.17</v>
      </c>
      <c r="AH137" s="17">
        <v>2.19</v>
      </c>
      <c r="AI137" s="17">
        <v>2.25</v>
      </c>
      <c r="AJ137" s="17">
        <v>2.2400000000000002</v>
      </c>
      <c r="AK137" s="17">
        <v>2.2400000000000002</v>
      </c>
      <c r="AL137" s="17">
        <v>2.23</v>
      </c>
      <c r="AM137" s="17">
        <v>2.1800000000000002</v>
      </c>
      <c r="AN137" s="17">
        <v>2.15</v>
      </c>
      <c r="AO137" s="17">
        <v>2.15</v>
      </c>
      <c r="AP137" s="17">
        <v>2.09</v>
      </c>
      <c r="AQ137" s="17">
        <v>2.09</v>
      </c>
      <c r="AR137" s="17">
        <v>2.1</v>
      </c>
      <c r="AS137" s="17">
        <v>2.11</v>
      </c>
      <c r="AT137" s="17">
        <v>2.13</v>
      </c>
      <c r="AU137" s="17">
        <v>2.14</v>
      </c>
      <c r="AV137" s="17">
        <v>2.12</v>
      </c>
      <c r="AW137" s="17">
        <v>2.11</v>
      </c>
      <c r="AX137" s="17">
        <v>2.09</v>
      </c>
      <c r="AY137" s="17">
        <v>2.1</v>
      </c>
      <c r="AZ137" s="17">
        <v>2.1</v>
      </c>
      <c r="BA137" s="17">
        <v>2.08</v>
      </c>
      <c r="BB137" s="17">
        <v>2.08</v>
      </c>
      <c r="BC137" s="17">
        <v>2.08</v>
      </c>
      <c r="BD137" s="17">
        <v>2.08</v>
      </c>
    </row>
    <row r="138" spans="3:56" x14ac:dyDescent="0.2">
      <c r="C138" s="23" t="s">
        <v>96</v>
      </c>
      <c r="D138" s="6" t="s">
        <v>58</v>
      </c>
      <c r="E138" s="17">
        <v>2.1800000000000002</v>
      </c>
      <c r="F138" s="17">
        <v>2.1</v>
      </c>
      <c r="G138" s="17">
        <v>2.13</v>
      </c>
      <c r="H138" s="17">
        <v>2.09</v>
      </c>
      <c r="I138" s="17">
        <v>2.0699999999999998</v>
      </c>
      <c r="J138" s="17">
        <v>2.0299999999999998</v>
      </c>
      <c r="K138" s="17">
        <v>2.0299999999999998</v>
      </c>
      <c r="L138" s="17">
        <v>2.04</v>
      </c>
      <c r="M138" s="17">
        <v>2.0299999999999998</v>
      </c>
      <c r="N138" s="17">
        <v>2</v>
      </c>
      <c r="O138" s="17">
        <v>2.0099999999999998</v>
      </c>
      <c r="P138" s="17">
        <v>2.02</v>
      </c>
      <c r="Q138" s="17">
        <v>2.02</v>
      </c>
      <c r="R138" s="17">
        <v>2.02</v>
      </c>
      <c r="S138" s="17">
        <v>2.0299999999999998</v>
      </c>
      <c r="T138" s="17">
        <v>2.0499999999999998</v>
      </c>
      <c r="U138" s="17">
        <v>2.0099999999999998</v>
      </c>
      <c r="V138" s="17">
        <v>2.04</v>
      </c>
      <c r="W138" s="17">
        <v>2.0299999999999998</v>
      </c>
      <c r="X138" s="17">
        <v>2.04</v>
      </c>
      <c r="Y138" s="17">
        <v>2</v>
      </c>
      <c r="Z138" s="17">
        <v>1.99</v>
      </c>
      <c r="AA138" s="17">
        <v>2.0099999999999998</v>
      </c>
      <c r="AB138" s="17">
        <v>1.99</v>
      </c>
      <c r="AC138" s="17">
        <v>1.98</v>
      </c>
      <c r="AD138" s="17">
        <v>2.02</v>
      </c>
      <c r="AE138" s="17">
        <v>2.0299999999999998</v>
      </c>
      <c r="AF138" s="17">
        <v>2.0099999999999998</v>
      </c>
      <c r="AG138" s="17">
        <v>2.0499999999999998</v>
      </c>
      <c r="AH138" s="17">
        <v>2.04</v>
      </c>
      <c r="AI138" s="17">
        <v>2.06</v>
      </c>
      <c r="AJ138" s="17">
        <v>2.06</v>
      </c>
      <c r="AK138" s="17">
        <v>2.0499999999999998</v>
      </c>
      <c r="AL138" s="17">
        <v>2.0499999999999998</v>
      </c>
      <c r="AM138" s="17">
        <v>2.0099999999999998</v>
      </c>
      <c r="AN138" s="17">
        <v>2.0099999999999998</v>
      </c>
      <c r="AO138" s="17">
        <v>2.02</v>
      </c>
      <c r="AP138" s="17">
        <v>2</v>
      </c>
      <c r="AQ138" s="17">
        <v>2.0099999999999998</v>
      </c>
      <c r="AR138" s="17">
        <v>2.0099999999999998</v>
      </c>
      <c r="AS138" s="17">
        <v>2.02</v>
      </c>
      <c r="AT138" s="17">
        <v>2.0099999999999998</v>
      </c>
      <c r="AU138" s="17">
        <v>2.0299999999999998</v>
      </c>
      <c r="AV138" s="17">
        <v>2.0299999999999998</v>
      </c>
      <c r="AW138" s="17">
        <v>2.0299999999999998</v>
      </c>
      <c r="AX138" s="17">
        <v>2.06</v>
      </c>
      <c r="AY138" s="17">
        <v>2.06</v>
      </c>
      <c r="AZ138" s="17">
        <v>2.0699999999999998</v>
      </c>
      <c r="BA138" s="17">
        <v>2.08</v>
      </c>
      <c r="BB138" s="17">
        <v>2.08</v>
      </c>
      <c r="BC138" s="17">
        <v>2.09</v>
      </c>
      <c r="BD138" s="17">
        <v>2.08</v>
      </c>
    </row>
    <row r="139" spans="3:56" x14ac:dyDescent="0.2">
      <c r="C139" s="67"/>
    </row>
    <row r="141" spans="3:56" x14ac:dyDescent="0.2">
      <c r="C141" s="23" t="s">
        <v>106</v>
      </c>
      <c r="D141" s="6" t="s">
        <v>58</v>
      </c>
      <c r="E141" s="17">
        <v>12.51</v>
      </c>
      <c r="F141" s="17">
        <v>12.67</v>
      </c>
      <c r="G141" s="17">
        <v>12.75</v>
      </c>
      <c r="H141" s="17">
        <v>12.82</v>
      </c>
      <c r="I141" s="17">
        <v>12.74</v>
      </c>
      <c r="J141" s="17">
        <v>12.81</v>
      </c>
      <c r="K141" s="17">
        <v>12.82</v>
      </c>
      <c r="L141" s="17">
        <v>12.87</v>
      </c>
      <c r="M141" s="17">
        <v>12.88</v>
      </c>
      <c r="N141" s="17">
        <v>12.87</v>
      </c>
      <c r="O141" s="17">
        <v>12.96</v>
      </c>
      <c r="P141" s="17">
        <v>12.95</v>
      </c>
      <c r="Q141" s="17">
        <v>12.96</v>
      </c>
      <c r="R141" s="17">
        <v>13</v>
      </c>
      <c r="S141" s="17">
        <v>13.03</v>
      </c>
      <c r="T141" s="17">
        <v>13.01</v>
      </c>
      <c r="U141" s="17">
        <v>13.02</v>
      </c>
      <c r="V141" s="17">
        <v>13.1</v>
      </c>
      <c r="W141" s="17">
        <v>13.1</v>
      </c>
      <c r="X141" s="17">
        <v>13.08</v>
      </c>
      <c r="Y141" s="17">
        <v>13</v>
      </c>
      <c r="Z141" s="17">
        <v>13.06</v>
      </c>
      <c r="AA141" s="17">
        <v>13.08</v>
      </c>
      <c r="AB141" s="17">
        <v>13.15</v>
      </c>
      <c r="AC141" s="17">
        <v>13.09</v>
      </c>
      <c r="AD141" s="17">
        <v>13.11</v>
      </c>
      <c r="AE141" s="17">
        <v>13.19</v>
      </c>
      <c r="AF141" s="17">
        <v>13.2</v>
      </c>
      <c r="AG141" s="17">
        <v>13.18</v>
      </c>
      <c r="AH141" s="17">
        <v>13.2</v>
      </c>
      <c r="AI141" s="17">
        <v>13.09</v>
      </c>
      <c r="AJ141" s="17">
        <v>13.21</v>
      </c>
      <c r="AK141" s="17">
        <v>13.2</v>
      </c>
      <c r="AL141" s="105">
        <v>13.23</v>
      </c>
      <c r="AM141" s="17">
        <v>13.23</v>
      </c>
      <c r="AN141" s="17">
        <v>13.26</v>
      </c>
      <c r="AO141" s="17">
        <v>13.28</v>
      </c>
      <c r="AP141" s="17">
        <v>13.37</v>
      </c>
      <c r="AQ141" s="17">
        <v>13.42</v>
      </c>
      <c r="AR141" s="17">
        <v>13.49</v>
      </c>
      <c r="AS141" s="17">
        <v>13.45</v>
      </c>
      <c r="AT141" s="17">
        <v>13.44</v>
      </c>
      <c r="AU141" s="17">
        <v>13.5</v>
      </c>
      <c r="AV141" s="17">
        <v>13.52</v>
      </c>
      <c r="AW141" s="17">
        <v>13.57</v>
      </c>
      <c r="AX141" s="17">
        <v>15.58</v>
      </c>
      <c r="AY141" s="17">
        <v>13.55</v>
      </c>
      <c r="AZ141" s="17">
        <v>13.6</v>
      </c>
      <c r="BA141" s="17">
        <v>13.61</v>
      </c>
      <c r="BB141" s="17">
        <v>13.6</v>
      </c>
      <c r="BC141" s="17">
        <v>13.65</v>
      </c>
      <c r="BD141" s="17">
        <v>13.65</v>
      </c>
    </row>
    <row r="143" spans="3:56" x14ac:dyDescent="0.2">
      <c r="C143" s="79"/>
    </row>
    <row r="144" spans="3:56" ht="25.5" customHeight="1" x14ac:dyDescent="0.2">
      <c r="C144" s="219"/>
      <c r="D144" s="220"/>
      <c r="E144" s="220"/>
      <c r="F144" s="220"/>
      <c r="G144" s="220"/>
      <c r="H144" s="220"/>
      <c r="I144" s="220"/>
      <c r="J144" s="220"/>
      <c r="K144" s="220"/>
      <c r="L144" s="220"/>
      <c r="M144" s="220"/>
      <c r="N144" s="220"/>
    </row>
  </sheetData>
  <mergeCells count="3">
    <mergeCell ref="C2:AE6"/>
    <mergeCell ref="C49:O50"/>
    <mergeCell ref="C144:N144"/>
  </mergeCells>
  <pageMargins left="0.7" right="0.7" top="0.75" bottom="0.75" header="0.3" footer="0.3"/>
  <pageSetup paperSize="9" orientation="portrait" r:id="rId1"/>
  <drawing r:id="rId2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dimension ref="C2:BD150"/>
  <sheetViews>
    <sheetView zoomScaleNormal="100" workbookViewId="0">
      <selection activeCell="G30" sqref="G30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21" width="5.42578125" bestFit="1" customWidth="1"/>
    <col min="22" max="22" width="5.7109375" customWidth="1"/>
    <col min="23" max="56" width="5.42578125" bestFit="1" customWidth="1"/>
    <col min="58" max="58" width="23.7109375" customWidth="1"/>
  </cols>
  <sheetData>
    <row r="2" spans="3:56" ht="18" customHeight="1" x14ac:dyDescent="0.2"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17"/>
      <c r="N2" s="217"/>
      <c r="O2" s="217"/>
      <c r="P2" s="217"/>
      <c r="Q2" s="217"/>
      <c r="R2" s="217"/>
      <c r="S2" s="217"/>
      <c r="T2" s="217"/>
      <c r="U2" s="217"/>
      <c r="V2" s="217"/>
      <c r="W2" s="217"/>
      <c r="X2" s="217"/>
      <c r="Y2" s="217"/>
      <c r="Z2" s="217"/>
      <c r="AA2" s="217"/>
      <c r="AB2" s="217"/>
      <c r="AC2" s="217"/>
      <c r="AD2" s="217"/>
      <c r="AE2" s="217"/>
    </row>
    <row r="3" spans="3:56" ht="21" customHeight="1" x14ac:dyDescent="0.2">
      <c r="C3" s="217"/>
      <c r="D3" s="217"/>
      <c r="E3" s="217"/>
      <c r="F3" s="217"/>
      <c r="G3" s="217"/>
      <c r="H3" s="217"/>
      <c r="I3" s="217"/>
      <c r="J3" s="217"/>
      <c r="K3" s="217"/>
      <c r="L3" s="217"/>
      <c r="M3" s="217"/>
      <c r="N3" s="217"/>
      <c r="O3" s="217"/>
      <c r="P3" s="217"/>
      <c r="Q3" s="217"/>
      <c r="R3" s="217"/>
      <c r="S3" s="217"/>
      <c r="T3" s="217"/>
      <c r="U3" s="217"/>
      <c r="V3" s="217"/>
      <c r="W3" s="217"/>
      <c r="X3" s="217"/>
      <c r="Y3" s="217"/>
      <c r="Z3" s="217"/>
      <c r="AA3" s="217"/>
      <c r="AB3" s="217"/>
      <c r="AC3" s="217"/>
      <c r="AD3" s="217"/>
      <c r="AE3" s="217"/>
    </row>
    <row r="4" spans="3:56" ht="32.25" customHeight="1" x14ac:dyDescent="0.2">
      <c r="C4" s="217"/>
      <c r="D4" s="217"/>
      <c r="E4" s="217"/>
      <c r="F4" s="217"/>
      <c r="G4" s="217"/>
      <c r="H4" s="217"/>
      <c r="I4" s="217"/>
      <c r="J4" s="217"/>
      <c r="K4" s="217"/>
      <c r="L4" s="217"/>
      <c r="M4" s="217"/>
      <c r="N4" s="217"/>
      <c r="O4" s="217"/>
      <c r="P4" s="217"/>
      <c r="Q4" s="217"/>
      <c r="R4" s="217"/>
      <c r="S4" s="217"/>
      <c r="T4" s="217"/>
      <c r="U4" s="217"/>
      <c r="V4" s="217"/>
      <c r="W4" s="217"/>
      <c r="X4" s="217"/>
      <c r="Y4" s="217"/>
      <c r="Z4" s="217"/>
      <c r="AA4" s="217"/>
      <c r="AB4" s="217"/>
      <c r="AC4" s="217"/>
      <c r="AD4" s="217"/>
      <c r="AE4" s="217"/>
    </row>
    <row r="5" spans="3:56" x14ac:dyDescent="0.2">
      <c r="C5" s="217"/>
      <c r="D5" s="217"/>
      <c r="E5" s="217"/>
      <c r="F5" s="217"/>
      <c r="G5" s="217"/>
      <c r="H5" s="217"/>
      <c r="I5" s="217"/>
      <c r="J5" s="217"/>
      <c r="K5" s="217"/>
      <c r="L5" s="217"/>
      <c r="M5" s="217"/>
      <c r="N5" s="217"/>
      <c r="O5" s="217"/>
      <c r="P5" s="217"/>
      <c r="Q5" s="217"/>
      <c r="R5" s="217"/>
      <c r="S5" s="217"/>
      <c r="T5" s="217"/>
      <c r="U5" s="217"/>
      <c r="V5" s="217"/>
      <c r="W5" s="217"/>
      <c r="X5" s="217"/>
      <c r="Y5" s="217"/>
      <c r="Z5" s="217"/>
      <c r="AA5" s="217"/>
      <c r="AB5" s="217"/>
      <c r="AC5" s="217"/>
      <c r="AD5" s="217"/>
      <c r="AE5" s="217"/>
    </row>
    <row r="6" spans="3:56" ht="24.95" customHeight="1" x14ac:dyDescent="0.2">
      <c r="C6" s="217"/>
      <c r="D6" s="217"/>
      <c r="E6" s="217"/>
      <c r="F6" s="217"/>
      <c r="G6" s="217"/>
      <c r="H6" s="217"/>
      <c r="I6" s="217"/>
      <c r="J6" s="217"/>
      <c r="K6" s="217"/>
      <c r="L6" s="217"/>
      <c r="M6" s="217"/>
      <c r="N6" s="217"/>
      <c r="O6" s="217"/>
      <c r="P6" s="217"/>
      <c r="Q6" s="217"/>
      <c r="R6" s="217"/>
      <c r="S6" s="217"/>
      <c r="T6" s="217"/>
      <c r="U6" s="217"/>
      <c r="V6" s="217"/>
      <c r="W6" s="217"/>
      <c r="X6" s="217"/>
      <c r="Y6" s="217"/>
      <c r="Z6" s="217"/>
      <c r="AA6" s="217"/>
      <c r="AB6" s="217"/>
      <c r="AC6" s="217"/>
      <c r="AD6" s="217"/>
      <c r="AE6" s="217"/>
    </row>
    <row r="7" spans="3:56" ht="24.95" customHeight="1" x14ac:dyDescent="0.2">
      <c r="C7" s="28" t="s">
        <v>98</v>
      </c>
    </row>
    <row r="8" spans="3:56" ht="15.75" x14ac:dyDescent="0.2">
      <c r="C8" s="29" t="s">
        <v>99</v>
      </c>
    </row>
    <row r="10" spans="3:56" ht="15" x14ac:dyDescent="0.25">
      <c r="M10" s="85"/>
    </row>
    <row r="12" spans="3:56" ht="15" customHeight="1" x14ac:dyDescent="0.2">
      <c r="C12" s="1" t="s">
        <v>0</v>
      </c>
      <c r="E12" s="2">
        <v>2017</v>
      </c>
      <c r="F12" s="2"/>
      <c r="G12" s="2"/>
      <c r="H12" s="2"/>
      <c r="I12" s="2"/>
      <c r="J12" s="2"/>
      <c r="K12" s="2"/>
      <c r="L12" s="2"/>
      <c r="M12" s="2"/>
    </row>
    <row r="13" spans="3:56" x14ac:dyDescent="0.2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">
      <c r="C14" s="5" t="s">
        <v>57</v>
      </c>
      <c r="D14" s="6" t="s">
        <v>58</v>
      </c>
      <c r="E14" s="93">
        <v>3.85</v>
      </c>
      <c r="F14" s="93">
        <v>3.85</v>
      </c>
      <c r="G14" s="8">
        <v>3.85</v>
      </c>
      <c r="H14" s="93">
        <v>3.87</v>
      </c>
      <c r="I14" s="93">
        <v>3.85</v>
      </c>
      <c r="J14" s="93">
        <v>3.85</v>
      </c>
      <c r="K14" s="8">
        <v>3.85</v>
      </c>
      <c r="L14" s="8">
        <v>3.85</v>
      </c>
      <c r="M14" s="8">
        <v>3.83</v>
      </c>
      <c r="N14" s="8">
        <v>3.82</v>
      </c>
      <c r="O14" s="93">
        <v>3.82</v>
      </c>
      <c r="P14" s="8">
        <v>3.78</v>
      </c>
      <c r="Q14" s="8">
        <v>3.81</v>
      </c>
      <c r="R14" s="8">
        <v>3.81</v>
      </c>
      <c r="S14" s="93">
        <v>3.8</v>
      </c>
      <c r="T14" s="93">
        <v>3.8</v>
      </c>
      <c r="U14" s="93">
        <v>3.8</v>
      </c>
      <c r="V14" s="93">
        <v>3.8</v>
      </c>
      <c r="W14" s="111">
        <v>3.8</v>
      </c>
      <c r="X14" s="8">
        <v>3.82</v>
      </c>
      <c r="Y14" s="93">
        <v>3.87</v>
      </c>
      <c r="Z14" s="93">
        <v>3.9</v>
      </c>
      <c r="AA14" s="8">
        <v>3.87</v>
      </c>
      <c r="AB14" s="8">
        <v>3.87</v>
      </c>
      <c r="AC14" s="93">
        <v>3.81</v>
      </c>
      <c r="AD14" s="17">
        <v>3.86</v>
      </c>
      <c r="AE14" s="93">
        <v>3.87</v>
      </c>
      <c r="AF14" s="93">
        <v>3.78</v>
      </c>
      <c r="AG14" s="8">
        <v>3.78</v>
      </c>
      <c r="AH14" s="93">
        <v>3.77</v>
      </c>
      <c r="AI14" s="93">
        <v>3.78</v>
      </c>
      <c r="AJ14" s="93">
        <v>3.8</v>
      </c>
      <c r="AK14" s="93">
        <v>3.85</v>
      </c>
      <c r="AL14" s="93">
        <v>3.87</v>
      </c>
      <c r="AM14" s="93">
        <v>3.8</v>
      </c>
      <c r="AN14" s="93">
        <v>3.85</v>
      </c>
      <c r="AO14" s="93">
        <v>3.85</v>
      </c>
      <c r="AP14" s="8">
        <v>3.91</v>
      </c>
      <c r="AQ14" s="8">
        <v>3.87</v>
      </c>
      <c r="AR14" s="20">
        <v>3.85</v>
      </c>
      <c r="AS14" s="8">
        <v>3.88</v>
      </c>
      <c r="AT14" s="8">
        <v>3.87</v>
      </c>
      <c r="AU14" s="93">
        <v>3.8</v>
      </c>
      <c r="AV14" s="8">
        <v>3.89</v>
      </c>
      <c r="AW14" s="8">
        <v>3.94</v>
      </c>
      <c r="AX14" s="8">
        <v>3.95</v>
      </c>
      <c r="AY14" s="93">
        <v>3.9</v>
      </c>
      <c r="AZ14" s="8">
        <v>3.94</v>
      </c>
      <c r="BA14" s="8">
        <v>3.96</v>
      </c>
      <c r="BB14" s="8">
        <v>3.98</v>
      </c>
      <c r="BC14" s="93">
        <v>3.98</v>
      </c>
      <c r="BD14" s="93">
        <v>3.98</v>
      </c>
    </row>
    <row r="15" spans="3:56" x14ac:dyDescent="0.2">
      <c r="C15" s="5" t="s">
        <v>59</v>
      </c>
      <c r="D15" s="6" t="s">
        <v>58</v>
      </c>
      <c r="E15" s="73">
        <v>5.69</v>
      </c>
      <c r="F15" s="73">
        <v>5.47</v>
      </c>
      <c r="G15" s="8">
        <v>5.38</v>
      </c>
      <c r="H15" s="73">
        <v>5.35</v>
      </c>
      <c r="I15" s="73">
        <v>5.18</v>
      </c>
      <c r="J15" s="73">
        <v>5.08</v>
      </c>
      <c r="K15" s="8">
        <v>5.08</v>
      </c>
      <c r="L15" s="8">
        <v>5.08</v>
      </c>
      <c r="M15" s="8">
        <v>5.07</v>
      </c>
      <c r="N15" s="8">
        <v>5.07</v>
      </c>
      <c r="O15" s="73">
        <v>5.04</v>
      </c>
      <c r="P15" s="8">
        <v>5.75</v>
      </c>
      <c r="Q15" s="8">
        <v>5.1100000000000003</v>
      </c>
      <c r="R15" s="8">
        <v>5.0999999999999996</v>
      </c>
      <c r="S15" s="73">
        <v>5.1100000000000003</v>
      </c>
      <c r="T15" s="73">
        <v>5.13</v>
      </c>
      <c r="U15" s="73">
        <v>5.31</v>
      </c>
      <c r="V15" s="73">
        <v>5.48</v>
      </c>
      <c r="W15" s="111">
        <v>5.56</v>
      </c>
      <c r="X15" s="8">
        <v>5.7</v>
      </c>
      <c r="Y15" s="73">
        <v>5.71</v>
      </c>
      <c r="Z15" s="73">
        <v>5.73</v>
      </c>
      <c r="AA15" s="8">
        <v>5.71</v>
      </c>
      <c r="AB15" s="8">
        <v>5.73</v>
      </c>
      <c r="AC15" s="73">
        <v>5.71</v>
      </c>
      <c r="AD15" s="17">
        <v>5.71</v>
      </c>
      <c r="AE15" s="73">
        <v>5.74</v>
      </c>
      <c r="AF15" s="73">
        <v>5.75</v>
      </c>
      <c r="AG15" s="8">
        <v>5.76</v>
      </c>
      <c r="AH15" s="73">
        <v>5.79</v>
      </c>
      <c r="AI15" s="73">
        <v>5.99</v>
      </c>
      <c r="AJ15" s="73">
        <v>6.02</v>
      </c>
      <c r="AK15" s="73">
        <v>6.01</v>
      </c>
      <c r="AL15" s="73">
        <v>6.02</v>
      </c>
      <c r="AM15" s="73">
        <v>6.21</v>
      </c>
      <c r="AN15" s="73">
        <v>6.29</v>
      </c>
      <c r="AO15" s="73">
        <v>6.52</v>
      </c>
      <c r="AP15" s="8">
        <v>6.7</v>
      </c>
      <c r="AQ15" s="8">
        <v>6.83</v>
      </c>
      <c r="AR15" s="107">
        <v>6.84</v>
      </c>
      <c r="AS15" s="8">
        <v>6.84</v>
      </c>
      <c r="AT15" s="8">
        <v>6.83</v>
      </c>
      <c r="AU15" s="73">
        <v>6.71</v>
      </c>
      <c r="AV15" s="8">
        <v>6.71</v>
      </c>
      <c r="AW15" s="8">
        <v>6.72</v>
      </c>
      <c r="AX15" s="8">
        <v>6.7</v>
      </c>
      <c r="AY15" s="73">
        <v>6.7</v>
      </c>
      <c r="AZ15" s="8">
        <v>6.7</v>
      </c>
      <c r="BA15" s="8">
        <v>6.7</v>
      </c>
      <c r="BB15" s="8">
        <v>6.68</v>
      </c>
      <c r="BC15" s="73">
        <v>6.67</v>
      </c>
      <c r="BD15" s="73">
        <v>6.5</v>
      </c>
    </row>
    <row r="16" spans="3:56" x14ac:dyDescent="0.2">
      <c r="C16" s="5" t="s">
        <v>60</v>
      </c>
      <c r="D16" s="6" t="s">
        <v>58</v>
      </c>
      <c r="E16" s="73">
        <v>1.45</v>
      </c>
      <c r="F16" s="73">
        <v>1.45</v>
      </c>
      <c r="G16" s="8">
        <v>1.45</v>
      </c>
      <c r="H16" s="73">
        <v>1.45</v>
      </c>
      <c r="I16" s="73">
        <v>1.48</v>
      </c>
      <c r="J16" s="73">
        <v>1.48</v>
      </c>
      <c r="K16" s="8">
        <v>1.51</v>
      </c>
      <c r="L16" s="8">
        <v>1.52</v>
      </c>
      <c r="M16" s="8">
        <v>1.55</v>
      </c>
      <c r="N16" s="8">
        <v>1.56</v>
      </c>
      <c r="O16" s="73">
        <v>1.59</v>
      </c>
      <c r="P16" s="8">
        <v>1.22</v>
      </c>
      <c r="Q16" s="8">
        <v>1.62</v>
      </c>
      <c r="R16" s="8">
        <v>1.67</v>
      </c>
      <c r="S16" s="73">
        <v>1.72</v>
      </c>
      <c r="T16" s="73">
        <v>1.71</v>
      </c>
      <c r="U16" s="73">
        <v>1.72</v>
      </c>
      <c r="V16" s="73">
        <v>1.73</v>
      </c>
      <c r="W16" s="111">
        <v>1.73</v>
      </c>
      <c r="X16" s="8">
        <v>1.72</v>
      </c>
      <c r="Y16" s="73">
        <v>1.75</v>
      </c>
      <c r="Z16" s="73">
        <v>1.75</v>
      </c>
      <c r="AA16" s="8">
        <v>1.78</v>
      </c>
      <c r="AB16" s="8">
        <v>1.79</v>
      </c>
      <c r="AC16" s="73">
        <v>1.8</v>
      </c>
      <c r="AD16" s="17">
        <v>1.83</v>
      </c>
      <c r="AE16" s="73">
        <v>1.84</v>
      </c>
      <c r="AF16" s="73">
        <v>1.84</v>
      </c>
      <c r="AG16" s="8">
        <v>1.84</v>
      </c>
      <c r="AH16" s="73">
        <v>1.84</v>
      </c>
      <c r="AI16" s="73">
        <v>1.84</v>
      </c>
      <c r="AJ16" s="73">
        <v>1.84</v>
      </c>
      <c r="AK16" s="73">
        <v>1.84</v>
      </c>
      <c r="AL16" s="73">
        <v>1.84</v>
      </c>
      <c r="AM16" s="73">
        <v>1.83</v>
      </c>
      <c r="AN16" s="73">
        <v>1.81</v>
      </c>
      <c r="AO16" s="73">
        <v>1.79</v>
      </c>
      <c r="AP16" s="8">
        <v>1.73</v>
      </c>
      <c r="AQ16" s="8">
        <v>1.67</v>
      </c>
      <c r="AR16" s="107">
        <v>1.6</v>
      </c>
      <c r="AS16" s="8">
        <v>1.54</v>
      </c>
      <c r="AT16" s="8">
        <v>1.47</v>
      </c>
      <c r="AU16" s="73">
        <v>1.43</v>
      </c>
      <c r="AV16" s="8">
        <v>1.4</v>
      </c>
      <c r="AW16" s="8">
        <v>1.36</v>
      </c>
      <c r="AX16" s="8">
        <v>1.34</v>
      </c>
      <c r="AY16" s="73">
        <v>1.32</v>
      </c>
      <c r="AZ16" s="8">
        <v>1.34</v>
      </c>
      <c r="BA16" s="8">
        <v>1.32</v>
      </c>
      <c r="BB16" s="8">
        <v>1.32</v>
      </c>
      <c r="BC16" s="73">
        <v>1.33</v>
      </c>
      <c r="BD16" s="73">
        <v>1.29</v>
      </c>
    </row>
    <row r="17" spans="3:56" x14ac:dyDescent="0.2">
      <c r="C17" s="5" t="s">
        <v>61</v>
      </c>
      <c r="D17" s="6" t="s">
        <v>58</v>
      </c>
      <c r="E17" s="73">
        <v>1.79</v>
      </c>
      <c r="F17" s="73">
        <v>1.64</v>
      </c>
      <c r="G17" s="8">
        <v>1.64</v>
      </c>
      <c r="H17" s="73">
        <v>1.65</v>
      </c>
      <c r="I17" s="73">
        <v>1.66</v>
      </c>
      <c r="J17" s="73">
        <v>1.66</v>
      </c>
      <c r="K17" s="8">
        <v>1.66</v>
      </c>
      <c r="L17" s="8">
        <v>1.63</v>
      </c>
      <c r="M17" s="8">
        <v>1.56</v>
      </c>
      <c r="N17" s="8">
        <v>1.58</v>
      </c>
      <c r="O17" s="73">
        <v>1.59</v>
      </c>
      <c r="P17" s="8">
        <v>1.59</v>
      </c>
      <c r="Q17" s="8">
        <v>1.57</v>
      </c>
      <c r="R17" s="8">
        <v>1.55</v>
      </c>
      <c r="S17" s="73">
        <v>1.61</v>
      </c>
      <c r="T17" s="73">
        <v>1.62</v>
      </c>
      <c r="U17" s="73">
        <v>1.65</v>
      </c>
      <c r="V17" s="73">
        <v>1.67</v>
      </c>
      <c r="W17" s="111">
        <v>1.69</v>
      </c>
      <c r="X17" s="8">
        <v>1.7</v>
      </c>
      <c r="Y17" s="73">
        <v>1.71</v>
      </c>
      <c r="Z17" s="73">
        <v>1.71</v>
      </c>
      <c r="AA17" s="8">
        <v>1.75</v>
      </c>
      <c r="AB17" s="8">
        <v>1.77</v>
      </c>
      <c r="AC17" s="73">
        <v>1.76</v>
      </c>
      <c r="AD17" s="17">
        <v>1.77</v>
      </c>
      <c r="AE17" s="73">
        <v>1.77</v>
      </c>
      <c r="AF17" s="73">
        <v>1.78</v>
      </c>
      <c r="AG17" s="8">
        <v>1.78</v>
      </c>
      <c r="AH17" s="73">
        <v>1.79</v>
      </c>
      <c r="AI17" s="73">
        <v>1.77</v>
      </c>
      <c r="AJ17" s="73">
        <v>1.77</v>
      </c>
      <c r="AK17" s="73">
        <v>1.7</v>
      </c>
      <c r="AL17" s="73">
        <v>1.69</v>
      </c>
      <c r="AM17" s="73">
        <v>1.65</v>
      </c>
      <c r="AN17" s="73">
        <v>1.65</v>
      </c>
      <c r="AO17" s="73">
        <v>1.58</v>
      </c>
      <c r="AP17" s="8">
        <v>1.57</v>
      </c>
      <c r="AQ17" s="8">
        <v>1.56</v>
      </c>
      <c r="AR17" s="107">
        <v>1.53</v>
      </c>
      <c r="AS17" s="8">
        <v>1.52</v>
      </c>
      <c r="AT17" s="8">
        <v>1.49</v>
      </c>
      <c r="AU17" s="73">
        <v>1.55</v>
      </c>
      <c r="AV17" s="8">
        <v>1.61</v>
      </c>
      <c r="AW17" s="8">
        <v>1.62</v>
      </c>
      <c r="AX17" s="8">
        <v>1.63</v>
      </c>
      <c r="AY17" s="73">
        <v>1.64</v>
      </c>
      <c r="AZ17" s="8">
        <v>1.64</v>
      </c>
      <c r="BA17" s="8">
        <v>1.64</v>
      </c>
      <c r="BB17" s="8">
        <v>1.64</v>
      </c>
      <c r="BC17" s="73">
        <v>1.67</v>
      </c>
      <c r="BD17" s="73">
        <v>1.66</v>
      </c>
    </row>
    <row r="18" spans="3:56" x14ac:dyDescent="0.2">
      <c r="C18" s="5" t="s">
        <v>62</v>
      </c>
      <c r="D18" s="6" t="s">
        <v>58</v>
      </c>
      <c r="E18" s="73">
        <v>3.23</v>
      </c>
      <c r="F18" s="73">
        <v>3.04</v>
      </c>
      <c r="G18" s="8">
        <v>3.03</v>
      </c>
      <c r="H18" s="73">
        <v>3.01</v>
      </c>
      <c r="I18" s="73">
        <v>3.01</v>
      </c>
      <c r="J18" s="73">
        <v>3.01</v>
      </c>
      <c r="K18" s="8">
        <v>3.01</v>
      </c>
      <c r="L18" s="8">
        <v>3.01</v>
      </c>
      <c r="M18" s="8">
        <v>3.03</v>
      </c>
      <c r="N18" s="8">
        <v>3.19</v>
      </c>
      <c r="O18" s="73">
        <v>3.19</v>
      </c>
      <c r="P18" s="8">
        <v>2.85</v>
      </c>
      <c r="Q18" s="8">
        <v>3.21</v>
      </c>
      <c r="R18" s="8">
        <v>3.21</v>
      </c>
      <c r="S18" s="73">
        <v>3.21</v>
      </c>
      <c r="T18" s="73">
        <v>3.21</v>
      </c>
      <c r="U18" s="73">
        <v>3.21</v>
      </c>
      <c r="V18" s="73">
        <v>3.05</v>
      </c>
      <c r="W18" s="111">
        <v>3.05</v>
      </c>
      <c r="X18" s="8">
        <v>3.04</v>
      </c>
      <c r="Y18" s="73">
        <v>3.04</v>
      </c>
      <c r="Z18" s="73">
        <v>2.87</v>
      </c>
      <c r="AA18" s="8">
        <v>2.87</v>
      </c>
      <c r="AB18" s="8">
        <v>2.87</v>
      </c>
      <c r="AC18" s="73">
        <v>2.87</v>
      </c>
      <c r="AD18" s="17">
        <v>2.86</v>
      </c>
      <c r="AE18" s="73">
        <v>2.8614814814814817</v>
      </c>
      <c r="AF18" s="73">
        <v>3.01</v>
      </c>
      <c r="AG18" s="8">
        <v>3.02</v>
      </c>
      <c r="AH18" s="73">
        <v>3.02</v>
      </c>
      <c r="AI18" s="73">
        <v>3.0177777777777779</v>
      </c>
      <c r="AJ18" s="73">
        <v>3.02</v>
      </c>
      <c r="AK18" s="73">
        <v>3.02</v>
      </c>
      <c r="AL18" s="73">
        <v>3.02</v>
      </c>
      <c r="AM18" s="73">
        <v>3.17</v>
      </c>
      <c r="AN18" s="73">
        <v>3.19</v>
      </c>
      <c r="AO18" s="73">
        <v>3.36</v>
      </c>
      <c r="AP18" s="8">
        <v>3.39</v>
      </c>
      <c r="AQ18" s="8">
        <v>3.57</v>
      </c>
      <c r="AR18" s="107">
        <v>3.66</v>
      </c>
      <c r="AS18" s="8">
        <v>3.8290740740740743</v>
      </c>
      <c r="AT18" s="8">
        <v>3.8664814814814812</v>
      </c>
      <c r="AU18" s="73">
        <v>3.87</v>
      </c>
      <c r="AV18" s="8">
        <v>3.87</v>
      </c>
      <c r="AW18" s="8">
        <v>3.87</v>
      </c>
      <c r="AX18" s="8">
        <v>3.87</v>
      </c>
      <c r="AY18" s="73">
        <v>3.87</v>
      </c>
      <c r="AZ18" s="8">
        <v>3.87</v>
      </c>
      <c r="BA18" s="8">
        <v>3.64</v>
      </c>
      <c r="BB18" s="8">
        <v>3.32</v>
      </c>
      <c r="BC18" s="73">
        <v>3.29</v>
      </c>
      <c r="BD18" s="73">
        <v>3.11</v>
      </c>
    </row>
    <row r="19" spans="3:56" x14ac:dyDescent="0.2">
      <c r="C19" s="5" t="s">
        <v>75</v>
      </c>
      <c r="D19" s="20" t="s">
        <v>76</v>
      </c>
      <c r="E19" s="73">
        <v>0.71</v>
      </c>
      <c r="F19" s="73">
        <v>0.69</v>
      </c>
      <c r="G19" s="8">
        <v>0.69</v>
      </c>
      <c r="H19" s="73">
        <v>0.68</v>
      </c>
      <c r="I19" s="73">
        <v>0.66</v>
      </c>
      <c r="J19" s="73">
        <v>0.65</v>
      </c>
      <c r="K19" s="8">
        <v>0.66</v>
      </c>
      <c r="L19" s="8">
        <v>0.68</v>
      </c>
      <c r="M19" s="8">
        <v>0.7</v>
      </c>
      <c r="N19" s="8">
        <v>0.64</v>
      </c>
      <c r="O19" s="73">
        <v>0.78</v>
      </c>
      <c r="P19" s="8">
        <v>0.55000000000000004</v>
      </c>
      <c r="Q19" s="8">
        <v>0.78</v>
      </c>
      <c r="R19" s="8">
        <v>0.77</v>
      </c>
      <c r="S19" s="73">
        <v>0.75</v>
      </c>
      <c r="T19" s="73">
        <v>0.71</v>
      </c>
      <c r="U19" s="73">
        <v>0.7</v>
      </c>
      <c r="V19" s="73">
        <v>0.68</v>
      </c>
      <c r="W19" s="111">
        <v>0.66</v>
      </c>
      <c r="X19" s="76">
        <v>0.64</v>
      </c>
      <c r="Y19" s="73">
        <v>0.62</v>
      </c>
      <c r="Z19" s="73">
        <v>0.61</v>
      </c>
      <c r="AA19" s="8">
        <v>0.6</v>
      </c>
      <c r="AB19" s="8">
        <v>0.59</v>
      </c>
      <c r="AC19" s="73">
        <v>0.6</v>
      </c>
      <c r="AD19" s="17">
        <v>0.6</v>
      </c>
      <c r="AE19" s="73">
        <v>0.61</v>
      </c>
      <c r="AF19" s="73">
        <v>0.61</v>
      </c>
      <c r="AG19" s="8">
        <v>0.61</v>
      </c>
      <c r="AH19" s="73">
        <v>0.61</v>
      </c>
      <c r="AI19" s="73">
        <v>0.63</v>
      </c>
      <c r="AJ19" s="73">
        <v>0.64</v>
      </c>
      <c r="AK19" s="73">
        <v>0.66</v>
      </c>
      <c r="AL19" s="73">
        <v>0.7</v>
      </c>
      <c r="AM19" s="73">
        <v>0.7</v>
      </c>
      <c r="AN19" s="73">
        <v>0.73</v>
      </c>
      <c r="AO19" s="73">
        <v>0.76</v>
      </c>
      <c r="AP19" s="8">
        <v>0.79</v>
      </c>
      <c r="AQ19" s="8">
        <v>0.84</v>
      </c>
      <c r="AR19" s="107">
        <v>0.91</v>
      </c>
      <c r="AS19" s="8">
        <v>0.99</v>
      </c>
      <c r="AT19" s="8">
        <v>1.0900000000000001</v>
      </c>
      <c r="AU19" s="73">
        <v>1.1200000000000001</v>
      </c>
      <c r="AV19" s="8">
        <v>1.2</v>
      </c>
      <c r="AW19" s="8">
        <v>1.22</v>
      </c>
      <c r="AX19" s="8">
        <v>1.21</v>
      </c>
      <c r="AY19" s="73">
        <v>1.22</v>
      </c>
      <c r="AZ19" s="8">
        <v>1.21</v>
      </c>
      <c r="BA19" s="8">
        <v>1.2</v>
      </c>
      <c r="BB19" s="8">
        <v>1.17</v>
      </c>
      <c r="BC19" s="73">
        <v>1.1399999999999999</v>
      </c>
      <c r="BD19" s="73">
        <v>1.1200000000000001</v>
      </c>
    </row>
    <row r="20" spans="3:56" x14ac:dyDescent="0.2">
      <c r="C20" s="5" t="s">
        <v>63</v>
      </c>
      <c r="D20" s="6" t="s">
        <v>58</v>
      </c>
      <c r="E20" s="76">
        <v>9</v>
      </c>
      <c r="F20" s="76">
        <v>5.49</v>
      </c>
      <c r="G20" s="76">
        <v>6.82</v>
      </c>
      <c r="H20" s="76">
        <v>4.16</v>
      </c>
      <c r="I20" s="76">
        <v>4.05</v>
      </c>
      <c r="J20" s="76">
        <v>3.91</v>
      </c>
      <c r="K20" s="8">
        <v>5.03</v>
      </c>
      <c r="L20" s="76">
        <v>3.2</v>
      </c>
      <c r="M20" s="76">
        <v>4.25</v>
      </c>
      <c r="N20" s="76">
        <v>4.9800000000000004</v>
      </c>
      <c r="O20" s="76">
        <v>4.8499999999999996</v>
      </c>
      <c r="P20" s="8">
        <v>5.25</v>
      </c>
      <c r="Q20" s="76">
        <v>5.96</v>
      </c>
      <c r="R20" s="76">
        <v>5.86</v>
      </c>
      <c r="S20" s="76">
        <v>5.3</v>
      </c>
      <c r="T20" s="76">
        <v>3.07</v>
      </c>
      <c r="U20" s="76">
        <v>4.8600000000000003</v>
      </c>
      <c r="V20" s="76">
        <v>3.6</v>
      </c>
      <c r="W20" s="62">
        <v>4.0199999999999996</v>
      </c>
      <c r="X20" s="76">
        <v>3.25</v>
      </c>
      <c r="Y20" s="76">
        <v>3.6</v>
      </c>
      <c r="Z20" s="76">
        <v>3.5</v>
      </c>
      <c r="AA20" s="76">
        <v>3.54</v>
      </c>
      <c r="AB20" s="76">
        <v>3.74</v>
      </c>
      <c r="AC20" s="76">
        <v>3.79</v>
      </c>
      <c r="AD20" s="76">
        <v>4.08</v>
      </c>
      <c r="AE20" s="76">
        <v>5.93</v>
      </c>
      <c r="AF20" s="76">
        <v>5.01</v>
      </c>
      <c r="AG20" s="76">
        <v>5</v>
      </c>
      <c r="AH20" s="76">
        <v>5.93</v>
      </c>
      <c r="AI20" s="76">
        <v>5.18</v>
      </c>
      <c r="AJ20" s="76">
        <v>5.6</v>
      </c>
      <c r="AK20" s="76">
        <v>4.4000000000000004</v>
      </c>
      <c r="AL20" s="76">
        <v>5.45</v>
      </c>
      <c r="AM20" s="76">
        <v>5.45</v>
      </c>
      <c r="AN20" s="76">
        <v>5.95</v>
      </c>
      <c r="AO20" s="76">
        <v>7.1</v>
      </c>
      <c r="AP20" s="8">
        <v>7</v>
      </c>
      <c r="AQ20" s="8">
        <v>6.2</v>
      </c>
      <c r="AR20" s="76">
        <v>6.25</v>
      </c>
      <c r="AS20" s="76">
        <v>6.18</v>
      </c>
      <c r="AT20" s="76">
        <v>5.92</v>
      </c>
      <c r="AU20" s="76">
        <v>8</v>
      </c>
      <c r="AV20" s="76">
        <v>6.3</v>
      </c>
      <c r="AW20" s="76">
        <v>6</v>
      </c>
      <c r="AX20" s="8">
        <v>5.12</v>
      </c>
      <c r="AY20" s="76"/>
      <c r="AZ20" s="76"/>
      <c r="BA20" s="76"/>
      <c r="BB20" s="76"/>
      <c r="BC20" s="76"/>
      <c r="BD20" s="76"/>
    </row>
    <row r="21" spans="3:56" x14ac:dyDescent="0.2">
      <c r="C21" s="5" t="s">
        <v>64</v>
      </c>
      <c r="D21" s="6" t="s">
        <v>58</v>
      </c>
      <c r="E21" s="76">
        <v>5.29</v>
      </c>
      <c r="F21" s="76">
        <v>3.81</v>
      </c>
      <c r="G21" s="76">
        <v>4.83</v>
      </c>
      <c r="H21" s="76">
        <v>4.07</v>
      </c>
      <c r="I21" s="76">
        <v>3.83</v>
      </c>
      <c r="J21" s="76">
        <v>4.3099999999999996</v>
      </c>
      <c r="K21" s="8">
        <v>4.01</v>
      </c>
      <c r="L21" s="76">
        <v>3.16</v>
      </c>
      <c r="M21" s="76">
        <v>3.23</v>
      </c>
      <c r="N21" s="76">
        <v>4.29</v>
      </c>
      <c r="O21" s="76">
        <v>4.2699999999999996</v>
      </c>
      <c r="P21" s="8">
        <v>3.85</v>
      </c>
      <c r="Q21" s="76">
        <v>4.78</v>
      </c>
      <c r="R21" s="76">
        <v>4.95</v>
      </c>
      <c r="S21" s="76">
        <v>3.97</v>
      </c>
      <c r="T21" s="76">
        <v>3.39</v>
      </c>
      <c r="U21" s="76">
        <v>3.6</v>
      </c>
      <c r="V21" s="76">
        <v>3.28</v>
      </c>
      <c r="W21" s="62">
        <v>2.85</v>
      </c>
      <c r="X21" s="76">
        <v>2.56</v>
      </c>
      <c r="Y21" s="76">
        <v>2.46</v>
      </c>
      <c r="Z21" s="76">
        <v>2.35</v>
      </c>
      <c r="AA21" s="76">
        <v>2.91</v>
      </c>
      <c r="AB21" s="76">
        <v>3.32</v>
      </c>
      <c r="AC21" s="76">
        <v>2.62</v>
      </c>
      <c r="AD21" s="76">
        <v>2.68</v>
      </c>
      <c r="AE21" s="76">
        <v>3.44</v>
      </c>
      <c r="AF21" s="76">
        <v>3.73</v>
      </c>
      <c r="AG21" s="76">
        <v>3.01</v>
      </c>
      <c r="AH21" s="76">
        <v>3.19</v>
      </c>
      <c r="AI21" s="76">
        <v>3.6</v>
      </c>
      <c r="AJ21" s="76">
        <v>4.3</v>
      </c>
      <c r="AK21" s="76">
        <v>4.63</v>
      </c>
      <c r="AL21" s="76">
        <v>4.0199999999999996</v>
      </c>
      <c r="AM21" s="76">
        <v>3.67</v>
      </c>
      <c r="AN21" s="76">
        <v>3.69</v>
      </c>
      <c r="AO21" s="76">
        <v>3.85</v>
      </c>
      <c r="AP21" s="8">
        <v>3.91</v>
      </c>
      <c r="AQ21" s="8">
        <v>3.2</v>
      </c>
      <c r="AR21" s="76">
        <v>2.68</v>
      </c>
      <c r="AS21" s="76">
        <v>2.86</v>
      </c>
      <c r="AT21" s="76">
        <v>2.9</v>
      </c>
      <c r="AU21" s="76">
        <v>3</v>
      </c>
      <c r="AV21" s="76">
        <v>2.81</v>
      </c>
      <c r="AW21" s="76">
        <v>2.48</v>
      </c>
      <c r="AX21" s="8">
        <v>2.5</v>
      </c>
      <c r="AY21" s="76"/>
      <c r="AZ21" s="76"/>
      <c r="BA21" s="76"/>
      <c r="BB21" s="76"/>
      <c r="BC21" s="76"/>
      <c r="BD21" s="76"/>
    </row>
    <row r="22" spans="3:56" x14ac:dyDescent="0.2">
      <c r="C22" s="5" t="s">
        <v>65</v>
      </c>
      <c r="D22" s="6" t="s">
        <v>58</v>
      </c>
      <c r="E22" s="76">
        <v>0.77</v>
      </c>
      <c r="F22" s="76">
        <v>1.34</v>
      </c>
      <c r="G22" s="76">
        <v>2.15</v>
      </c>
      <c r="H22" s="76">
        <v>1.41</v>
      </c>
      <c r="I22" s="76">
        <v>1.03</v>
      </c>
      <c r="J22" s="76">
        <v>0.73</v>
      </c>
      <c r="K22" s="8">
        <v>0.87</v>
      </c>
      <c r="L22" s="76">
        <v>1.2</v>
      </c>
      <c r="M22" s="76">
        <v>1.05</v>
      </c>
      <c r="N22" s="76">
        <v>1.08</v>
      </c>
      <c r="O22" s="76">
        <v>1.25</v>
      </c>
      <c r="P22" s="8">
        <v>0.94</v>
      </c>
      <c r="Q22" s="76">
        <v>0.82</v>
      </c>
      <c r="R22" s="76">
        <v>1.22</v>
      </c>
      <c r="S22" s="76">
        <v>2.0299999999999998</v>
      </c>
      <c r="T22" s="76">
        <v>1.68</v>
      </c>
      <c r="U22" s="76">
        <v>1.4</v>
      </c>
      <c r="V22" s="76">
        <v>1.51</v>
      </c>
      <c r="W22" s="62">
        <v>1.33</v>
      </c>
      <c r="X22" s="76">
        <v>1.45</v>
      </c>
      <c r="Y22" s="76">
        <v>1.28</v>
      </c>
      <c r="Z22" s="76">
        <v>1.54</v>
      </c>
      <c r="AA22" s="76">
        <v>2.2400000000000002</v>
      </c>
      <c r="AB22" s="76">
        <v>1.89</v>
      </c>
      <c r="AC22" s="76">
        <v>1.82</v>
      </c>
      <c r="AD22" s="76">
        <v>2.4</v>
      </c>
      <c r="AE22" s="76">
        <v>2.2400000000000002</v>
      </c>
      <c r="AF22" s="76">
        <v>2.62</v>
      </c>
      <c r="AG22" s="76">
        <v>2.57</v>
      </c>
      <c r="AH22" s="76">
        <v>1.52</v>
      </c>
      <c r="AI22" s="76">
        <v>1.92</v>
      </c>
      <c r="AJ22" s="76">
        <v>3.44</v>
      </c>
      <c r="AK22" s="76">
        <v>2.2000000000000002</v>
      </c>
      <c r="AL22" s="76">
        <v>1.84</v>
      </c>
      <c r="AM22" s="76">
        <v>1.84</v>
      </c>
      <c r="AN22" s="76">
        <v>2.5099999999999998</v>
      </c>
      <c r="AO22" s="76">
        <v>3.01</v>
      </c>
      <c r="AP22" s="8">
        <v>1.96</v>
      </c>
      <c r="AQ22" s="8">
        <v>1.96</v>
      </c>
      <c r="AR22" s="76">
        <v>1.79</v>
      </c>
      <c r="AS22" s="76">
        <v>1.32</v>
      </c>
      <c r="AT22" s="76">
        <v>1.21</v>
      </c>
      <c r="AU22" s="76">
        <v>0.89</v>
      </c>
      <c r="AV22" s="76">
        <v>0.68</v>
      </c>
      <c r="AW22" s="76">
        <v>1.38</v>
      </c>
      <c r="AX22" s="8">
        <v>0.78</v>
      </c>
      <c r="AY22" s="76"/>
      <c r="AZ22" s="76"/>
      <c r="BA22" s="76"/>
      <c r="BB22" s="76"/>
      <c r="BC22" s="76"/>
      <c r="BD22" s="76"/>
    </row>
    <row r="23" spans="3:56" x14ac:dyDescent="0.2">
      <c r="C23" s="5" t="s">
        <v>66</v>
      </c>
      <c r="D23" s="6" t="s">
        <v>58</v>
      </c>
      <c r="E23" s="40" t="s">
        <v>90</v>
      </c>
      <c r="F23" s="76">
        <v>2.65</v>
      </c>
      <c r="G23" s="76">
        <v>3.91</v>
      </c>
      <c r="H23" s="76">
        <v>3.97</v>
      </c>
      <c r="I23" s="76">
        <v>2.13</v>
      </c>
      <c r="J23" s="76">
        <v>3.89</v>
      </c>
      <c r="K23" s="8">
        <v>1.85</v>
      </c>
      <c r="L23" s="76">
        <v>1.1599999999999999</v>
      </c>
      <c r="M23" s="76">
        <v>1.45</v>
      </c>
      <c r="N23" s="76">
        <v>2.71</v>
      </c>
      <c r="O23" s="76">
        <v>2.4900000000000002</v>
      </c>
      <c r="P23" s="8">
        <v>2.92</v>
      </c>
      <c r="Q23" s="76">
        <v>1.06</v>
      </c>
      <c r="R23" s="76">
        <v>1.71</v>
      </c>
      <c r="S23" s="76">
        <v>1.92</v>
      </c>
      <c r="T23" s="76">
        <v>2.13</v>
      </c>
      <c r="U23" s="76">
        <v>1.5</v>
      </c>
      <c r="V23" s="76">
        <v>1.49</v>
      </c>
      <c r="W23" s="62">
        <v>2.29</v>
      </c>
      <c r="X23" s="76">
        <v>1.18</v>
      </c>
      <c r="Y23" s="76">
        <v>1.65</v>
      </c>
      <c r="Z23" s="76">
        <v>2.06</v>
      </c>
      <c r="AA23" s="76">
        <v>1.29</v>
      </c>
      <c r="AB23" s="76">
        <v>1.55</v>
      </c>
      <c r="AC23" s="76">
        <v>1.25</v>
      </c>
      <c r="AD23" s="76">
        <v>2.1</v>
      </c>
      <c r="AE23" s="76">
        <v>1.74</v>
      </c>
      <c r="AF23" s="76">
        <v>1.69</v>
      </c>
      <c r="AG23" s="76">
        <v>1.98</v>
      </c>
      <c r="AH23" s="76">
        <v>1.0900000000000001</v>
      </c>
      <c r="AI23" s="76">
        <v>1.51</v>
      </c>
      <c r="AJ23" s="76">
        <v>3.81</v>
      </c>
      <c r="AK23" s="76">
        <v>2.21</v>
      </c>
      <c r="AL23" s="76">
        <v>2.11</v>
      </c>
      <c r="AM23" s="76">
        <v>1.71</v>
      </c>
      <c r="AN23" s="76">
        <v>2.44</v>
      </c>
      <c r="AO23" s="76">
        <v>2.52</v>
      </c>
      <c r="AP23" s="8">
        <v>1.7</v>
      </c>
      <c r="AQ23" s="8">
        <v>1.61</v>
      </c>
      <c r="AR23" s="76">
        <v>1.39</v>
      </c>
      <c r="AS23" s="76">
        <v>0.68</v>
      </c>
      <c r="AT23" s="76">
        <v>1.1299999999999999</v>
      </c>
      <c r="AU23" s="76">
        <v>0.99</v>
      </c>
      <c r="AV23" s="76">
        <v>1.19</v>
      </c>
      <c r="AW23" s="76">
        <v>1.99</v>
      </c>
      <c r="AX23" s="8">
        <v>1.21</v>
      </c>
      <c r="AY23" s="76"/>
      <c r="AZ23" s="76"/>
      <c r="BA23" s="76"/>
      <c r="BB23" s="76"/>
      <c r="BC23" s="76"/>
      <c r="BD23" s="76"/>
    </row>
    <row r="24" spans="3:56" x14ac:dyDescent="0.2">
      <c r="C24" s="5" t="s">
        <v>116</v>
      </c>
      <c r="D24" s="6" t="s">
        <v>58</v>
      </c>
      <c r="E24" s="76">
        <v>7.13</v>
      </c>
      <c r="F24" s="76">
        <v>6.99</v>
      </c>
      <c r="G24" s="76">
        <v>6.45</v>
      </c>
      <c r="H24" s="76">
        <v>5.39</v>
      </c>
      <c r="I24" s="76">
        <v>4.55</v>
      </c>
      <c r="J24" s="76">
        <v>5.7</v>
      </c>
      <c r="K24" s="8">
        <v>6.18</v>
      </c>
      <c r="L24" s="76">
        <v>5.35</v>
      </c>
      <c r="M24" s="76">
        <v>5.0999999999999996</v>
      </c>
      <c r="N24" s="76">
        <v>6.12</v>
      </c>
      <c r="O24" s="76">
        <v>5.91</v>
      </c>
      <c r="P24" s="8">
        <v>4.66</v>
      </c>
      <c r="Q24" s="76">
        <v>4.97</v>
      </c>
      <c r="R24" s="76">
        <v>4.7300000000000004</v>
      </c>
      <c r="S24" s="76">
        <v>4.6100000000000003</v>
      </c>
      <c r="T24" s="76">
        <v>4.58</v>
      </c>
      <c r="U24" s="76">
        <v>4.8099999999999996</v>
      </c>
      <c r="V24" s="76">
        <v>4.5199999999999996</v>
      </c>
      <c r="W24" s="62">
        <v>4.45</v>
      </c>
      <c r="X24" s="76">
        <v>4.62</v>
      </c>
      <c r="Y24" s="76">
        <v>4.4000000000000004</v>
      </c>
      <c r="Z24" s="76">
        <v>4.82</v>
      </c>
      <c r="AA24" s="76">
        <v>4.55</v>
      </c>
      <c r="AB24" s="76">
        <v>5.14</v>
      </c>
      <c r="AC24" s="76">
        <v>5.14</v>
      </c>
      <c r="AD24" s="76">
        <v>5.82</v>
      </c>
      <c r="AE24" s="76">
        <v>5.86</v>
      </c>
      <c r="AF24" s="76">
        <v>6.35</v>
      </c>
      <c r="AG24" s="76">
        <v>5.6</v>
      </c>
      <c r="AH24" s="76">
        <v>5.46</v>
      </c>
      <c r="AI24" s="76">
        <v>6.23</v>
      </c>
      <c r="AJ24" s="76">
        <v>6.8</v>
      </c>
      <c r="AK24" s="76">
        <v>5.5</v>
      </c>
      <c r="AL24" s="76">
        <v>5.54</v>
      </c>
      <c r="AM24" s="76">
        <v>4.7699999999999996</v>
      </c>
      <c r="AN24" s="76">
        <v>4.62</v>
      </c>
      <c r="AO24" s="76">
        <v>4.6900000000000004</v>
      </c>
      <c r="AP24" s="8">
        <v>5.78</v>
      </c>
      <c r="AQ24" s="8">
        <v>4.6100000000000003</v>
      </c>
      <c r="AR24" s="76">
        <v>4.71</v>
      </c>
      <c r="AS24" s="76">
        <v>5.15</v>
      </c>
      <c r="AT24" s="76">
        <v>4.79</v>
      </c>
      <c r="AU24" s="76">
        <v>6.35</v>
      </c>
      <c r="AV24" s="76">
        <v>4.53</v>
      </c>
      <c r="AW24" s="76">
        <v>4.22</v>
      </c>
      <c r="AX24" s="8">
        <v>5.57</v>
      </c>
      <c r="AY24" s="76"/>
      <c r="AZ24" s="76"/>
      <c r="BA24" s="76"/>
      <c r="BB24" s="76"/>
      <c r="BC24" s="76"/>
      <c r="BD24" s="76"/>
    </row>
    <row r="25" spans="3:56" x14ac:dyDescent="0.2">
      <c r="C25" s="5" t="s">
        <v>68</v>
      </c>
      <c r="D25" s="6" t="s">
        <v>58</v>
      </c>
      <c r="E25" s="76">
        <v>1</v>
      </c>
      <c r="F25" s="76">
        <v>0.86</v>
      </c>
      <c r="G25" s="76">
        <v>0.78</v>
      </c>
      <c r="H25" s="76">
        <v>0.84</v>
      </c>
      <c r="I25" s="76">
        <v>1.41</v>
      </c>
      <c r="J25" s="76">
        <v>1.21</v>
      </c>
      <c r="K25" s="8">
        <v>1.1299999999999999</v>
      </c>
      <c r="L25" s="76">
        <v>0.82</v>
      </c>
      <c r="M25" s="76">
        <v>1.41</v>
      </c>
      <c r="N25" s="76">
        <v>1.4</v>
      </c>
      <c r="O25" s="76">
        <v>1.72</v>
      </c>
      <c r="P25" s="8">
        <v>1.1399999999999999</v>
      </c>
      <c r="Q25" s="76">
        <v>1.1100000000000001</v>
      </c>
      <c r="R25" s="76">
        <v>0.95</v>
      </c>
      <c r="S25" s="76">
        <v>1.05</v>
      </c>
      <c r="T25" s="76">
        <v>1.03</v>
      </c>
      <c r="U25" s="76">
        <v>1.07</v>
      </c>
      <c r="V25" s="76">
        <v>0.81</v>
      </c>
      <c r="W25" s="62">
        <v>0.8</v>
      </c>
      <c r="X25" s="76">
        <v>0.91</v>
      </c>
      <c r="Y25" s="76">
        <v>0.98</v>
      </c>
      <c r="Z25" s="76">
        <v>0.94</v>
      </c>
      <c r="AA25" s="76">
        <v>1.58</v>
      </c>
      <c r="AB25" s="76">
        <v>1.03</v>
      </c>
      <c r="AC25" s="76">
        <v>1.4</v>
      </c>
      <c r="AD25" s="76">
        <v>1.24</v>
      </c>
      <c r="AE25" s="76">
        <v>1.45</v>
      </c>
      <c r="AF25" s="76">
        <v>1.2</v>
      </c>
      <c r="AG25" s="76">
        <v>1.68</v>
      </c>
      <c r="AH25" s="76">
        <v>1.4</v>
      </c>
      <c r="AI25" s="76">
        <v>1.1100000000000001</v>
      </c>
      <c r="AJ25" s="76">
        <v>1.27</v>
      </c>
      <c r="AK25" s="76">
        <v>0.53</v>
      </c>
      <c r="AL25" s="76">
        <v>0.72</v>
      </c>
      <c r="AM25" s="76">
        <v>0.72</v>
      </c>
      <c r="AN25" s="76">
        <v>1.1599999999999999</v>
      </c>
      <c r="AO25" s="76">
        <v>1.24</v>
      </c>
      <c r="AP25" s="8">
        <v>0.99</v>
      </c>
      <c r="AQ25" s="8">
        <v>0.84</v>
      </c>
      <c r="AR25" s="76">
        <v>0.92</v>
      </c>
      <c r="AS25" s="76">
        <v>0.93</v>
      </c>
      <c r="AT25" s="76">
        <v>0.76</v>
      </c>
      <c r="AU25" s="76">
        <v>0.68</v>
      </c>
      <c r="AV25" s="76">
        <v>0.66</v>
      </c>
      <c r="AW25" s="76">
        <v>0.62</v>
      </c>
      <c r="AX25" s="8">
        <v>0.59</v>
      </c>
      <c r="AY25" s="76"/>
      <c r="AZ25" s="76"/>
      <c r="BA25" s="76"/>
      <c r="BB25" s="76"/>
      <c r="BC25" s="76"/>
      <c r="BD25" s="76"/>
    </row>
    <row r="26" spans="3:56" x14ac:dyDescent="0.2">
      <c r="C26" s="5" t="s">
        <v>69</v>
      </c>
      <c r="D26" s="6" t="s">
        <v>58</v>
      </c>
      <c r="E26" s="76">
        <v>2.31</v>
      </c>
      <c r="F26" s="76">
        <v>1.39</v>
      </c>
      <c r="G26" s="76">
        <v>1.27</v>
      </c>
      <c r="H26" s="76">
        <v>0.84</v>
      </c>
      <c r="I26" s="76">
        <v>0.64</v>
      </c>
      <c r="J26" s="76">
        <v>0.93</v>
      </c>
      <c r="K26" s="8">
        <v>0.78</v>
      </c>
      <c r="L26" s="76">
        <v>0.81</v>
      </c>
      <c r="M26" s="76">
        <v>1</v>
      </c>
      <c r="N26" s="76">
        <v>0.92</v>
      </c>
      <c r="O26" s="76">
        <v>0.89</v>
      </c>
      <c r="P26" s="8">
        <v>1.02</v>
      </c>
      <c r="Q26" s="76">
        <v>1.1200000000000001</v>
      </c>
      <c r="R26" s="76">
        <v>1.1100000000000001</v>
      </c>
      <c r="S26" s="76">
        <v>1.29</v>
      </c>
      <c r="T26" s="76">
        <v>1.29</v>
      </c>
      <c r="U26" s="76">
        <v>1.26</v>
      </c>
      <c r="V26" s="76">
        <v>1.04</v>
      </c>
      <c r="W26" s="62">
        <v>0.88</v>
      </c>
      <c r="X26" s="76">
        <v>0.66</v>
      </c>
      <c r="Y26" s="76">
        <v>0.6</v>
      </c>
      <c r="Z26" s="76">
        <v>0.53</v>
      </c>
      <c r="AA26" s="76">
        <v>0.59</v>
      </c>
      <c r="AB26" s="76">
        <v>0.65</v>
      </c>
      <c r="AC26" s="76">
        <v>0.5</v>
      </c>
      <c r="AD26" s="76">
        <v>1.5</v>
      </c>
      <c r="AE26" s="76">
        <v>1.57</v>
      </c>
      <c r="AF26" s="76">
        <v>1.25</v>
      </c>
      <c r="AG26" s="76">
        <v>1.68</v>
      </c>
      <c r="AH26" s="76">
        <v>1.39</v>
      </c>
      <c r="AI26" s="76">
        <v>1.31</v>
      </c>
      <c r="AJ26" s="76">
        <v>1.27</v>
      </c>
      <c r="AK26" s="76">
        <v>1.03</v>
      </c>
      <c r="AL26" s="76">
        <v>1.5</v>
      </c>
      <c r="AM26" s="76">
        <v>1.8</v>
      </c>
      <c r="AN26" s="76">
        <v>0.66</v>
      </c>
      <c r="AO26" s="76">
        <v>1.51</v>
      </c>
      <c r="AP26" s="8">
        <v>0.91</v>
      </c>
      <c r="AQ26" s="8">
        <v>1.33</v>
      </c>
      <c r="AR26" s="76">
        <v>1.1100000000000001</v>
      </c>
      <c r="AS26" s="76">
        <v>1.1599999999999999</v>
      </c>
      <c r="AT26" s="76">
        <v>1.68</v>
      </c>
      <c r="AU26" s="76">
        <v>1.77</v>
      </c>
      <c r="AV26" s="76">
        <v>1.34</v>
      </c>
      <c r="AW26" s="76">
        <v>1.5</v>
      </c>
      <c r="AX26" s="8">
        <v>0.85</v>
      </c>
      <c r="AY26" s="76"/>
      <c r="AZ26" s="76"/>
      <c r="BA26" s="76"/>
      <c r="BB26" s="76"/>
      <c r="BC26" s="76"/>
      <c r="BD26" s="76"/>
    </row>
    <row r="27" spans="3:56" x14ac:dyDescent="0.2">
      <c r="C27" s="5" t="s">
        <v>70</v>
      </c>
      <c r="D27" s="6" t="s">
        <v>58</v>
      </c>
      <c r="E27" s="76">
        <v>2.98</v>
      </c>
      <c r="F27" s="76">
        <v>3.4</v>
      </c>
      <c r="G27" s="76">
        <v>3.82</v>
      </c>
      <c r="H27" s="76">
        <v>3.31</v>
      </c>
      <c r="I27" s="76">
        <v>3.15</v>
      </c>
      <c r="J27" s="76">
        <v>3.08</v>
      </c>
      <c r="K27" s="8">
        <v>2.37</v>
      </c>
      <c r="L27" s="76">
        <v>2.4</v>
      </c>
      <c r="M27" s="76">
        <v>2.0099999999999998</v>
      </c>
      <c r="N27" s="76">
        <v>1.23</v>
      </c>
      <c r="O27" s="76">
        <v>0.95</v>
      </c>
      <c r="P27" s="8">
        <v>0.87</v>
      </c>
      <c r="Q27" s="76">
        <v>0.95</v>
      </c>
      <c r="R27" s="76">
        <v>0.82</v>
      </c>
      <c r="S27" s="76">
        <v>0.86</v>
      </c>
      <c r="T27" s="76">
        <v>0.96</v>
      </c>
      <c r="U27" s="76">
        <v>0.98</v>
      </c>
      <c r="V27" s="76">
        <v>1.3</v>
      </c>
      <c r="W27" s="62">
        <v>1.72</v>
      </c>
      <c r="X27" s="76">
        <v>1.96</v>
      </c>
      <c r="Y27" s="76">
        <v>2.17</v>
      </c>
      <c r="Z27" s="76">
        <v>1.24</v>
      </c>
      <c r="AA27" s="76">
        <v>1.1000000000000001</v>
      </c>
      <c r="AB27" s="76">
        <v>0.64</v>
      </c>
      <c r="AC27" s="76">
        <v>1.45</v>
      </c>
      <c r="AD27" s="76">
        <v>1.71</v>
      </c>
      <c r="AE27" s="76">
        <v>1.53</v>
      </c>
      <c r="AF27" s="76">
        <v>0.65</v>
      </c>
      <c r="AG27" s="76">
        <v>1.1599999999999999</v>
      </c>
      <c r="AH27" s="76">
        <v>0.85</v>
      </c>
      <c r="AI27" s="76">
        <v>0.32</v>
      </c>
      <c r="AJ27" s="76">
        <v>0.35</v>
      </c>
      <c r="AK27" s="76">
        <v>1.51</v>
      </c>
      <c r="AL27" s="76">
        <v>0.8</v>
      </c>
      <c r="AM27" s="76">
        <v>0.65</v>
      </c>
      <c r="AN27" s="76">
        <v>1.32</v>
      </c>
      <c r="AO27" s="76">
        <v>1.94</v>
      </c>
      <c r="AP27" s="8">
        <v>0.62</v>
      </c>
      <c r="AQ27" s="8">
        <v>0.3</v>
      </c>
      <c r="AR27" s="76">
        <v>0.62</v>
      </c>
      <c r="AS27" s="76">
        <v>0.28999999999999998</v>
      </c>
      <c r="AT27" s="76">
        <v>1.46</v>
      </c>
      <c r="AU27" s="76">
        <v>1.05</v>
      </c>
      <c r="AV27" s="76">
        <v>0.62</v>
      </c>
      <c r="AW27" s="76">
        <v>0.89</v>
      </c>
      <c r="AX27" s="8">
        <v>1.83</v>
      </c>
      <c r="AY27" s="76"/>
      <c r="AZ27" s="76"/>
      <c r="BA27" s="76"/>
      <c r="BB27" s="76"/>
      <c r="BC27" s="76"/>
      <c r="BD27" s="76"/>
    </row>
    <row r="28" spans="3:56" x14ac:dyDescent="0.2">
      <c r="C28" s="5" t="s">
        <v>101</v>
      </c>
      <c r="D28" s="6" t="s">
        <v>58</v>
      </c>
      <c r="E28" s="40" t="s">
        <v>90</v>
      </c>
      <c r="F28" s="76">
        <v>5.7</v>
      </c>
      <c r="G28" s="76" t="s">
        <v>90</v>
      </c>
      <c r="H28" s="76">
        <v>2.33</v>
      </c>
      <c r="I28" s="76">
        <v>3.47</v>
      </c>
      <c r="J28" s="76">
        <v>5.93</v>
      </c>
      <c r="K28" s="8">
        <v>5.73</v>
      </c>
      <c r="L28" s="119" t="s">
        <v>90</v>
      </c>
      <c r="M28" s="17" t="s">
        <v>90</v>
      </c>
      <c r="N28" s="76">
        <v>5.86</v>
      </c>
      <c r="O28" s="94" t="s">
        <v>90</v>
      </c>
      <c r="P28" s="8">
        <v>5.8</v>
      </c>
      <c r="Q28" s="76" t="s">
        <v>90</v>
      </c>
      <c r="R28" s="76" t="s">
        <v>90</v>
      </c>
      <c r="S28" s="76" t="s">
        <v>90</v>
      </c>
      <c r="T28" s="76" t="s">
        <v>90</v>
      </c>
      <c r="U28" s="119" t="s">
        <v>161</v>
      </c>
      <c r="V28" s="76" t="s">
        <v>161</v>
      </c>
      <c r="W28" s="62" t="s">
        <v>161</v>
      </c>
      <c r="X28" s="8" t="s">
        <v>90</v>
      </c>
      <c r="Y28" s="119" t="s">
        <v>90</v>
      </c>
      <c r="Z28" s="76" t="s">
        <v>90</v>
      </c>
      <c r="AA28" s="76" t="s">
        <v>90</v>
      </c>
      <c r="AB28" s="76" t="s">
        <v>90</v>
      </c>
      <c r="AC28" s="76">
        <v>7.77</v>
      </c>
      <c r="AD28" s="76">
        <v>7.85</v>
      </c>
      <c r="AE28" s="76">
        <v>6.41</v>
      </c>
      <c r="AF28" s="76">
        <v>4.32</v>
      </c>
      <c r="AG28" s="76">
        <v>3.89</v>
      </c>
      <c r="AH28" s="76">
        <v>4.0599999999999996</v>
      </c>
      <c r="AI28" s="76">
        <v>3.78</v>
      </c>
      <c r="AJ28" s="76">
        <v>3.9</v>
      </c>
      <c r="AK28" s="76">
        <v>3.93</v>
      </c>
      <c r="AL28" s="76">
        <v>3.6</v>
      </c>
      <c r="AM28" s="76">
        <v>3.86</v>
      </c>
      <c r="AN28" s="76">
        <v>3.53</v>
      </c>
      <c r="AO28" s="76">
        <v>5.18</v>
      </c>
      <c r="AP28" s="8">
        <v>6.51</v>
      </c>
      <c r="AQ28" s="8">
        <v>3.94</v>
      </c>
      <c r="AR28" s="76">
        <v>3.57</v>
      </c>
      <c r="AS28" s="76">
        <v>3.54</v>
      </c>
      <c r="AT28" s="76">
        <v>3.72</v>
      </c>
      <c r="AU28" s="76">
        <v>3.6</v>
      </c>
      <c r="AV28" s="76">
        <v>1.25</v>
      </c>
      <c r="AW28" s="76">
        <v>1.95</v>
      </c>
      <c r="AX28" s="76">
        <v>2.35</v>
      </c>
      <c r="AY28" s="76"/>
      <c r="AZ28" s="8"/>
      <c r="BA28" s="76"/>
      <c r="BB28" s="76"/>
      <c r="BC28" s="76"/>
      <c r="BD28" s="76"/>
    </row>
    <row r="29" spans="3:56" x14ac:dyDescent="0.2">
      <c r="C29" s="5" t="s">
        <v>71</v>
      </c>
      <c r="D29" s="6" t="s">
        <v>58</v>
      </c>
      <c r="E29" s="76">
        <v>2.75</v>
      </c>
      <c r="F29" s="76">
        <v>2.8</v>
      </c>
      <c r="G29" s="76">
        <v>2.85</v>
      </c>
      <c r="H29" s="76">
        <v>2.9</v>
      </c>
      <c r="I29" s="76">
        <v>2.95</v>
      </c>
      <c r="J29" s="119" t="s">
        <v>90</v>
      </c>
      <c r="K29" s="8">
        <v>2.95</v>
      </c>
      <c r="L29" s="119" t="s">
        <v>90</v>
      </c>
      <c r="M29" s="76">
        <v>2.9</v>
      </c>
      <c r="N29" s="76" t="s">
        <v>90</v>
      </c>
      <c r="O29" s="76">
        <v>2.9</v>
      </c>
      <c r="P29" s="8">
        <v>2.6</v>
      </c>
      <c r="Q29" s="76">
        <v>2.95</v>
      </c>
      <c r="R29" s="76" t="s">
        <v>90</v>
      </c>
      <c r="S29" s="76" t="s">
        <v>90</v>
      </c>
      <c r="T29" s="76">
        <v>2.95</v>
      </c>
      <c r="U29" s="119" t="s">
        <v>161</v>
      </c>
      <c r="V29" s="76" t="s">
        <v>161</v>
      </c>
      <c r="W29" s="62">
        <v>2.9</v>
      </c>
      <c r="X29" s="8" t="s">
        <v>90</v>
      </c>
      <c r="Y29" s="76">
        <v>2.95</v>
      </c>
      <c r="Z29" s="76" t="s">
        <v>90</v>
      </c>
      <c r="AA29" s="76" t="s">
        <v>90</v>
      </c>
      <c r="AB29" s="76" t="s">
        <v>90</v>
      </c>
      <c r="AC29" s="76">
        <v>3.1</v>
      </c>
      <c r="AD29" s="94" t="s">
        <v>90</v>
      </c>
      <c r="AE29" s="94" t="s">
        <v>90</v>
      </c>
      <c r="AF29" s="94">
        <v>3.15</v>
      </c>
      <c r="AG29" s="94">
        <v>3.25</v>
      </c>
      <c r="AH29" s="94">
        <v>3.25</v>
      </c>
      <c r="AI29" s="94">
        <v>3.3</v>
      </c>
      <c r="AJ29" s="94">
        <v>3.3</v>
      </c>
      <c r="AK29" s="94">
        <v>3.4</v>
      </c>
      <c r="AL29" s="94">
        <v>3.45</v>
      </c>
      <c r="AM29" s="94">
        <v>3.45</v>
      </c>
      <c r="AN29" s="94">
        <v>3.45</v>
      </c>
      <c r="AO29" s="94">
        <v>3.45</v>
      </c>
      <c r="AP29" s="94" t="s">
        <v>90</v>
      </c>
      <c r="AQ29" s="8" t="s">
        <v>90</v>
      </c>
      <c r="AR29" s="8" t="s">
        <v>90</v>
      </c>
      <c r="AS29" s="76" t="s">
        <v>90</v>
      </c>
      <c r="AT29" s="76" t="s">
        <v>90</v>
      </c>
      <c r="AU29" s="76" t="s">
        <v>90</v>
      </c>
      <c r="AV29" s="76" t="s">
        <v>90</v>
      </c>
      <c r="AW29" s="76" t="s">
        <v>90</v>
      </c>
      <c r="AX29" s="8" t="s">
        <v>90</v>
      </c>
      <c r="AY29" s="76"/>
      <c r="AZ29" s="8"/>
      <c r="BA29" s="76"/>
      <c r="BB29" s="76"/>
      <c r="BC29" s="76"/>
      <c r="BD29" s="76"/>
    </row>
    <row r="30" spans="3:56" x14ac:dyDescent="0.2">
      <c r="C30" s="5" t="s">
        <v>102</v>
      </c>
      <c r="D30" s="6" t="s">
        <v>58</v>
      </c>
      <c r="E30" s="76">
        <v>5.47</v>
      </c>
      <c r="F30" s="76">
        <v>5.47</v>
      </c>
      <c r="G30" s="76">
        <v>5.47</v>
      </c>
      <c r="H30" s="76">
        <v>5.47</v>
      </c>
      <c r="I30" s="76">
        <v>5.48</v>
      </c>
      <c r="J30" s="76">
        <v>4.92</v>
      </c>
      <c r="K30" s="8">
        <v>5.22</v>
      </c>
      <c r="L30" s="76">
        <v>5.15</v>
      </c>
      <c r="M30" s="76">
        <v>5.15</v>
      </c>
      <c r="N30" s="76">
        <v>5.15</v>
      </c>
      <c r="O30" s="76">
        <v>5.17</v>
      </c>
      <c r="P30" s="8">
        <v>5.66</v>
      </c>
      <c r="Q30" s="76">
        <v>5.2</v>
      </c>
      <c r="R30" s="76">
        <v>4.88</v>
      </c>
      <c r="S30" s="76">
        <v>4.88</v>
      </c>
      <c r="T30" s="76">
        <v>5.35</v>
      </c>
      <c r="U30" s="119" t="s">
        <v>161</v>
      </c>
      <c r="V30" s="76">
        <v>5.17</v>
      </c>
      <c r="W30" s="62">
        <v>5.2</v>
      </c>
      <c r="X30" s="76">
        <v>4.9400000000000004</v>
      </c>
      <c r="Y30" s="76">
        <v>4.97</v>
      </c>
      <c r="Z30" s="76">
        <v>4.97</v>
      </c>
      <c r="AA30" s="76">
        <v>4.97</v>
      </c>
      <c r="AB30" s="76">
        <v>4.97</v>
      </c>
      <c r="AC30" s="76">
        <v>5.15</v>
      </c>
      <c r="AD30" s="76">
        <v>4.92</v>
      </c>
      <c r="AE30" s="76">
        <v>4.84</v>
      </c>
      <c r="AF30" s="76">
        <v>5.0599999999999996</v>
      </c>
      <c r="AG30" s="76">
        <v>5.55</v>
      </c>
      <c r="AH30" s="76">
        <v>5.5</v>
      </c>
      <c r="AI30" s="76">
        <v>5.05</v>
      </c>
      <c r="AJ30" s="76">
        <v>4.93</v>
      </c>
      <c r="AK30" s="76">
        <v>4.88</v>
      </c>
      <c r="AL30" s="76">
        <v>4.95</v>
      </c>
      <c r="AM30" s="76">
        <v>5.0599999999999996</v>
      </c>
      <c r="AN30" s="76">
        <v>5.0599999999999996</v>
      </c>
      <c r="AO30" s="76">
        <v>5.0599999999999996</v>
      </c>
      <c r="AP30" s="8">
        <v>4.95</v>
      </c>
      <c r="AQ30" s="8">
        <v>4.74</v>
      </c>
      <c r="AR30" s="76">
        <v>4.6500000000000004</v>
      </c>
      <c r="AS30" s="76">
        <v>4.63</v>
      </c>
      <c r="AT30" s="76">
        <v>4.67</v>
      </c>
      <c r="AU30" s="76">
        <v>4.68</v>
      </c>
      <c r="AV30" s="76">
        <v>4.6500000000000004</v>
      </c>
      <c r="AW30" s="76">
        <v>4.6500000000000004</v>
      </c>
      <c r="AX30" s="8">
        <v>4.47</v>
      </c>
      <c r="AY30" s="76"/>
      <c r="AZ30" s="76"/>
      <c r="BA30" s="76"/>
      <c r="BB30" s="76"/>
      <c r="BC30" s="76"/>
      <c r="BD30" s="76"/>
    </row>
    <row r="31" spans="3:56" x14ac:dyDescent="0.2">
      <c r="C31" s="5" t="s">
        <v>72</v>
      </c>
      <c r="D31" s="6" t="s">
        <v>58</v>
      </c>
      <c r="E31" s="76">
        <v>7.2</v>
      </c>
      <c r="F31" s="76">
        <v>7.2</v>
      </c>
      <c r="G31" s="76">
        <v>7.51</v>
      </c>
      <c r="H31" s="76">
        <v>7.51</v>
      </c>
      <c r="I31" s="76">
        <v>7.51</v>
      </c>
      <c r="J31" s="76">
        <v>7.51</v>
      </c>
      <c r="K31" s="8">
        <v>7.7</v>
      </c>
      <c r="L31" s="76">
        <v>7.7</v>
      </c>
      <c r="M31" s="76">
        <v>7.45</v>
      </c>
      <c r="N31" s="76">
        <v>7</v>
      </c>
      <c r="O31" s="76">
        <v>7</v>
      </c>
      <c r="P31" s="8">
        <v>4.66</v>
      </c>
      <c r="Q31" s="76">
        <v>7.2</v>
      </c>
      <c r="R31" s="76">
        <v>7.38</v>
      </c>
      <c r="S31" s="76">
        <v>7.55</v>
      </c>
      <c r="T31" s="76">
        <v>7.66</v>
      </c>
      <c r="U31" s="76">
        <v>7.66</v>
      </c>
      <c r="V31" s="76">
        <v>7.66</v>
      </c>
      <c r="W31" s="62">
        <v>7.66</v>
      </c>
      <c r="X31" s="76">
        <v>7.66</v>
      </c>
      <c r="Y31" s="76">
        <v>7.66</v>
      </c>
      <c r="Z31" s="76">
        <v>7.66</v>
      </c>
      <c r="AA31" s="76">
        <v>7.66</v>
      </c>
      <c r="AB31" s="76">
        <v>7.65</v>
      </c>
      <c r="AC31" s="76">
        <v>7.65</v>
      </c>
      <c r="AD31" s="76">
        <v>7.65</v>
      </c>
      <c r="AE31" s="76">
        <v>7.65</v>
      </c>
      <c r="AF31" s="76">
        <v>7.65</v>
      </c>
      <c r="AG31" s="76">
        <v>7.69</v>
      </c>
      <c r="AH31" s="76">
        <v>7.69</v>
      </c>
      <c r="AI31" s="76">
        <v>7.69</v>
      </c>
      <c r="AJ31" s="76">
        <v>7.69</v>
      </c>
      <c r="AK31" s="76">
        <v>7.69</v>
      </c>
      <c r="AL31" s="76">
        <v>7.69</v>
      </c>
      <c r="AM31" s="76">
        <v>7.69</v>
      </c>
      <c r="AN31" s="76">
        <v>7.69</v>
      </c>
      <c r="AO31" s="76">
        <v>7.69</v>
      </c>
      <c r="AP31" s="8">
        <v>7.69</v>
      </c>
      <c r="AQ31" s="8">
        <v>7.34</v>
      </c>
      <c r="AR31" s="76">
        <v>7.34</v>
      </c>
      <c r="AS31" s="76">
        <v>7.34</v>
      </c>
      <c r="AT31" s="76">
        <v>7.34</v>
      </c>
      <c r="AU31" s="76">
        <v>7.34</v>
      </c>
      <c r="AV31" s="76">
        <v>6.33</v>
      </c>
      <c r="AW31" s="76">
        <v>6.33</v>
      </c>
      <c r="AX31" s="8">
        <v>6.33</v>
      </c>
      <c r="AY31" s="76"/>
      <c r="AZ31" s="76"/>
      <c r="BA31" s="76"/>
      <c r="BB31" s="76"/>
      <c r="BC31" s="76"/>
      <c r="BD31" s="76"/>
    </row>
    <row r="32" spans="3:56" x14ac:dyDescent="0.2">
      <c r="C32" s="5" t="s">
        <v>136</v>
      </c>
      <c r="D32" s="6" t="s">
        <v>58</v>
      </c>
      <c r="E32" s="40" t="s">
        <v>90</v>
      </c>
      <c r="F32" s="76">
        <v>5</v>
      </c>
      <c r="G32" s="76" t="s">
        <v>90</v>
      </c>
      <c r="H32" s="76" t="s">
        <v>90</v>
      </c>
      <c r="I32" s="119" t="s">
        <v>90</v>
      </c>
      <c r="J32" s="76" t="s">
        <v>111</v>
      </c>
      <c r="K32" s="8" t="s">
        <v>111</v>
      </c>
      <c r="L32" s="76" t="s">
        <v>111</v>
      </c>
      <c r="M32" s="76" t="s">
        <v>111</v>
      </c>
      <c r="N32" s="76" t="s">
        <v>111</v>
      </c>
      <c r="O32" s="76" t="s">
        <v>111</v>
      </c>
      <c r="P32" s="8">
        <v>2.63</v>
      </c>
      <c r="Q32" s="76" t="s">
        <v>111</v>
      </c>
      <c r="R32" s="76" t="s">
        <v>111</v>
      </c>
      <c r="S32" s="76" t="s">
        <v>111</v>
      </c>
      <c r="T32" s="76" t="s">
        <v>111</v>
      </c>
      <c r="U32" s="76" t="s">
        <v>111</v>
      </c>
      <c r="V32" s="76" t="s">
        <v>111</v>
      </c>
      <c r="W32" s="62" t="s">
        <v>111</v>
      </c>
      <c r="X32" s="76" t="s">
        <v>111</v>
      </c>
      <c r="Y32" s="76" t="s">
        <v>111</v>
      </c>
      <c r="Z32" s="76" t="s">
        <v>111</v>
      </c>
      <c r="AA32" s="76" t="s">
        <v>111</v>
      </c>
      <c r="AB32" s="76">
        <v>2.62</v>
      </c>
      <c r="AC32" s="76" t="s">
        <v>111</v>
      </c>
      <c r="AD32" s="76" t="s">
        <v>111</v>
      </c>
      <c r="AE32" s="76">
        <v>5.15</v>
      </c>
      <c r="AF32" s="76">
        <v>4.45</v>
      </c>
      <c r="AG32" s="76">
        <v>5.09</v>
      </c>
      <c r="AH32" s="76">
        <v>4.9000000000000004</v>
      </c>
      <c r="AI32" s="76">
        <v>4.45</v>
      </c>
      <c r="AJ32" s="76">
        <v>5.25</v>
      </c>
      <c r="AK32" s="76">
        <v>5</v>
      </c>
      <c r="AL32" s="76">
        <v>5.82</v>
      </c>
      <c r="AM32" s="76">
        <v>4.72</v>
      </c>
      <c r="AN32" s="76">
        <v>4.2699999999999996</v>
      </c>
      <c r="AO32" s="76">
        <v>4.5999999999999996</v>
      </c>
      <c r="AP32" s="8">
        <v>4.58</v>
      </c>
      <c r="AQ32" s="8">
        <v>4.5199999999999996</v>
      </c>
      <c r="AR32" s="76">
        <v>4.2300000000000004</v>
      </c>
      <c r="AS32" s="76">
        <v>4.5999999999999996</v>
      </c>
      <c r="AT32" s="76">
        <v>5.28</v>
      </c>
      <c r="AU32" s="76">
        <v>4.42</v>
      </c>
      <c r="AV32" s="76">
        <v>6.22</v>
      </c>
      <c r="AW32" s="76">
        <v>5.89</v>
      </c>
      <c r="AX32" s="8">
        <v>4.97</v>
      </c>
      <c r="AY32" s="76"/>
      <c r="AZ32" s="76"/>
      <c r="BA32" s="76"/>
      <c r="BB32" s="76"/>
      <c r="BC32" s="76"/>
      <c r="BD32" s="76"/>
    </row>
    <row r="33" spans="3:56" x14ac:dyDescent="0.2">
      <c r="C33" s="5" t="s">
        <v>74</v>
      </c>
      <c r="D33" s="6" t="s">
        <v>58</v>
      </c>
      <c r="E33" s="76">
        <v>0.8</v>
      </c>
      <c r="F33" s="76">
        <v>0.8</v>
      </c>
      <c r="G33" s="76">
        <v>0.8</v>
      </c>
      <c r="H33" s="76">
        <v>0.8</v>
      </c>
      <c r="I33" s="76">
        <v>0.8</v>
      </c>
      <c r="J33" s="76">
        <v>0.8</v>
      </c>
      <c r="K33" s="8">
        <v>0.8</v>
      </c>
      <c r="L33" s="76">
        <v>0.8</v>
      </c>
      <c r="M33" s="76" t="s">
        <v>160</v>
      </c>
      <c r="N33" s="76">
        <v>0.8</v>
      </c>
      <c r="O33" s="76">
        <v>0.8</v>
      </c>
      <c r="P33" s="8">
        <v>0.9</v>
      </c>
      <c r="Q33" s="76">
        <v>0.8</v>
      </c>
      <c r="R33" s="76">
        <v>0.8</v>
      </c>
      <c r="S33" s="76">
        <v>0.8</v>
      </c>
      <c r="T33" s="76">
        <v>0.8</v>
      </c>
      <c r="U33" s="76">
        <v>0.8</v>
      </c>
      <c r="V33" s="76">
        <v>0.8</v>
      </c>
      <c r="W33" s="62">
        <v>0.8</v>
      </c>
      <c r="X33" s="76">
        <v>0.8</v>
      </c>
      <c r="Y33" s="76">
        <v>0.8</v>
      </c>
      <c r="Z33" s="76">
        <v>0.8</v>
      </c>
      <c r="AA33" s="76">
        <v>0.8</v>
      </c>
      <c r="AB33" s="76">
        <v>0.8</v>
      </c>
      <c r="AC33" s="76">
        <v>0.8</v>
      </c>
      <c r="AD33" s="94">
        <v>0.8</v>
      </c>
      <c r="AE33" s="94" t="s">
        <v>90</v>
      </c>
      <c r="AF33" s="94" t="s">
        <v>90</v>
      </c>
      <c r="AG33" s="94" t="s">
        <v>90</v>
      </c>
      <c r="AH33" s="94" t="s">
        <v>90</v>
      </c>
      <c r="AI33" s="94" t="s">
        <v>90</v>
      </c>
      <c r="AJ33" s="94" t="s">
        <v>90</v>
      </c>
      <c r="AK33" s="94" t="s">
        <v>90</v>
      </c>
      <c r="AL33" s="94" t="s">
        <v>90</v>
      </c>
      <c r="AM33" s="94" t="s">
        <v>90</v>
      </c>
      <c r="AN33" s="94" t="s">
        <v>90</v>
      </c>
      <c r="AO33" s="76" t="s">
        <v>90</v>
      </c>
      <c r="AP33" s="8" t="s">
        <v>90</v>
      </c>
      <c r="AQ33" s="8" t="s">
        <v>90</v>
      </c>
      <c r="AR33" s="76" t="s">
        <v>90</v>
      </c>
      <c r="AS33" s="76" t="s">
        <v>90</v>
      </c>
      <c r="AT33" s="76" t="s">
        <v>90</v>
      </c>
      <c r="AU33" s="76" t="s">
        <v>90</v>
      </c>
      <c r="AV33" s="76">
        <v>0.8</v>
      </c>
      <c r="AW33" s="76">
        <v>0.8</v>
      </c>
      <c r="AX33" s="8">
        <v>0.8</v>
      </c>
      <c r="AY33" s="76"/>
      <c r="AZ33" s="76"/>
      <c r="BA33" s="76"/>
      <c r="BB33" s="76"/>
      <c r="BC33" s="76"/>
      <c r="BD33" s="76"/>
    </row>
    <row r="34" spans="3:56" x14ac:dyDescent="0.2">
      <c r="C34" s="16" t="s">
        <v>134</v>
      </c>
      <c r="D34" s="6" t="s">
        <v>58</v>
      </c>
      <c r="E34" s="40">
        <v>0.25</v>
      </c>
      <c r="F34" s="40">
        <v>0.26</v>
      </c>
      <c r="G34" s="8">
        <v>0.26</v>
      </c>
      <c r="H34" s="40">
        <v>0.26</v>
      </c>
      <c r="I34" s="40">
        <v>0.27</v>
      </c>
      <c r="J34" s="40">
        <v>0.27</v>
      </c>
      <c r="K34" s="8">
        <v>0.28000000000000003</v>
      </c>
      <c r="L34" s="8">
        <v>0.28000000000000003</v>
      </c>
      <c r="M34" s="8">
        <v>0.31</v>
      </c>
      <c r="N34" s="8">
        <v>0.38</v>
      </c>
      <c r="O34" s="40">
        <v>0.42</v>
      </c>
      <c r="P34" s="8">
        <v>0.57999999999999996</v>
      </c>
      <c r="Q34" s="8">
        <v>0.43</v>
      </c>
      <c r="R34" s="8">
        <v>0.51</v>
      </c>
      <c r="S34" s="40">
        <v>0.54</v>
      </c>
      <c r="T34" s="40">
        <v>0.57999999999999996</v>
      </c>
      <c r="U34" s="40">
        <v>0.57999999999999996</v>
      </c>
      <c r="V34" s="40">
        <v>0.52</v>
      </c>
      <c r="W34" s="111">
        <v>0.43</v>
      </c>
      <c r="X34" s="40">
        <v>0.38</v>
      </c>
      <c r="Y34" s="40">
        <v>0.36</v>
      </c>
      <c r="Z34" s="40">
        <v>0.34</v>
      </c>
      <c r="AA34" s="8">
        <v>0.3</v>
      </c>
      <c r="AB34" s="8">
        <v>0.23</v>
      </c>
      <c r="AC34" s="40">
        <v>0.22</v>
      </c>
      <c r="AD34" s="17">
        <v>0.18</v>
      </c>
      <c r="AE34" s="40">
        <v>0.21</v>
      </c>
      <c r="AF34" s="40">
        <v>0.18</v>
      </c>
      <c r="AG34" s="8">
        <v>0.18</v>
      </c>
      <c r="AH34" s="40">
        <v>0.18</v>
      </c>
      <c r="AI34" s="40">
        <v>0.13</v>
      </c>
      <c r="AJ34" s="40">
        <v>0.11</v>
      </c>
      <c r="AK34" s="40">
        <v>0.11</v>
      </c>
      <c r="AL34" s="40">
        <v>0.12</v>
      </c>
      <c r="AM34" s="40">
        <v>0.11</v>
      </c>
      <c r="AN34" s="40">
        <v>0.09</v>
      </c>
      <c r="AO34" s="40">
        <v>0.08</v>
      </c>
      <c r="AP34" s="8">
        <v>0.08</v>
      </c>
      <c r="AQ34" s="8">
        <v>0.08</v>
      </c>
      <c r="AR34" s="76">
        <v>7.0000000000000007E-2</v>
      </c>
      <c r="AS34" s="8">
        <v>7.2421925233076404E-2</v>
      </c>
      <c r="AT34" s="8">
        <v>6.8992162415141264E-2</v>
      </c>
      <c r="AU34" s="40">
        <v>7.0000000000000007E-2</v>
      </c>
      <c r="AV34" s="8">
        <v>0.08</v>
      </c>
      <c r="AW34" s="8">
        <v>0.08</v>
      </c>
      <c r="AX34" s="8">
        <v>0.08</v>
      </c>
      <c r="AY34" s="40">
        <v>0.08</v>
      </c>
      <c r="AZ34" s="8">
        <v>0.08</v>
      </c>
      <c r="BA34" s="8">
        <v>0.09</v>
      </c>
      <c r="BB34" s="8">
        <v>0.11</v>
      </c>
      <c r="BC34" s="40">
        <v>0.11</v>
      </c>
      <c r="BD34" s="40">
        <v>0.11</v>
      </c>
    </row>
    <row r="35" spans="3:56" x14ac:dyDescent="0.2">
      <c r="C35" s="89" t="s">
        <v>79</v>
      </c>
      <c r="D35" s="6" t="s">
        <v>58</v>
      </c>
      <c r="E35" s="40">
        <v>0.46</v>
      </c>
      <c r="F35" s="40">
        <v>0.53</v>
      </c>
      <c r="G35" s="8">
        <v>0.66</v>
      </c>
      <c r="H35" s="40">
        <v>0.68</v>
      </c>
      <c r="I35" s="40">
        <v>0.64</v>
      </c>
      <c r="J35" s="40">
        <v>0.61</v>
      </c>
      <c r="K35" s="8">
        <v>0.6</v>
      </c>
      <c r="L35" s="8">
        <v>0.57999999999999996</v>
      </c>
      <c r="M35" s="8">
        <v>0.56999999999999995</v>
      </c>
      <c r="N35" s="8">
        <v>0.54</v>
      </c>
      <c r="O35" s="40">
        <v>0.49</v>
      </c>
      <c r="P35" s="8">
        <v>0.46</v>
      </c>
      <c r="Q35" s="8">
        <v>0.47</v>
      </c>
      <c r="R35" s="8">
        <v>0.47</v>
      </c>
      <c r="S35" s="40">
        <v>0.5</v>
      </c>
      <c r="T35" s="40">
        <v>0.53</v>
      </c>
      <c r="U35" s="40">
        <v>0.55000000000000004</v>
      </c>
      <c r="V35" s="40">
        <v>0.56000000000000005</v>
      </c>
      <c r="W35" s="111">
        <v>0.57999999999999996</v>
      </c>
      <c r="X35" s="40">
        <v>0.56000000000000005</v>
      </c>
      <c r="Y35" s="40">
        <v>0.51</v>
      </c>
      <c r="Z35" s="40">
        <v>0.52</v>
      </c>
      <c r="AA35" s="8">
        <v>0.52</v>
      </c>
      <c r="AB35" s="8">
        <v>0.49</v>
      </c>
      <c r="AC35" s="40">
        <v>0.57999999999999996</v>
      </c>
      <c r="AD35" s="17">
        <v>0.52</v>
      </c>
      <c r="AE35" s="40">
        <v>0.55000000000000004</v>
      </c>
      <c r="AF35" s="40">
        <v>0.51</v>
      </c>
      <c r="AG35" s="8">
        <v>0.46</v>
      </c>
      <c r="AH35" s="40">
        <v>0.46</v>
      </c>
      <c r="AI35" s="40">
        <v>0.47</v>
      </c>
      <c r="AJ35" s="40">
        <v>0.47</v>
      </c>
      <c r="AK35" s="40">
        <v>0.5</v>
      </c>
      <c r="AL35" s="40">
        <v>0.5</v>
      </c>
      <c r="AM35" s="40">
        <v>0.53</v>
      </c>
      <c r="AN35" s="40">
        <v>0.48</v>
      </c>
      <c r="AO35" s="40">
        <v>0.49</v>
      </c>
      <c r="AP35" s="8">
        <v>0.49</v>
      </c>
      <c r="AQ35" s="8">
        <v>0.54</v>
      </c>
      <c r="AR35" s="76">
        <v>0.53</v>
      </c>
      <c r="AS35" s="8">
        <v>0.51853485064011384</v>
      </c>
      <c r="AT35" s="8">
        <v>0.44718349928876244</v>
      </c>
      <c r="AU35" s="40">
        <v>0.43</v>
      </c>
      <c r="AV35" s="8">
        <v>0.47</v>
      </c>
      <c r="AW35" s="8">
        <v>0.46</v>
      </c>
      <c r="AX35" s="8">
        <v>0.45</v>
      </c>
      <c r="AY35" s="40">
        <v>0.45</v>
      </c>
      <c r="AZ35" s="8">
        <v>0.42</v>
      </c>
      <c r="BA35" s="8">
        <v>0.45</v>
      </c>
      <c r="BB35" s="8">
        <v>0.48</v>
      </c>
      <c r="BC35" s="40">
        <v>0.47</v>
      </c>
      <c r="BD35" s="40">
        <v>0.47</v>
      </c>
    </row>
    <row r="36" spans="3:56" x14ac:dyDescent="0.2">
      <c r="C36" s="89" t="s">
        <v>80</v>
      </c>
      <c r="D36" s="6" t="s">
        <v>58</v>
      </c>
      <c r="E36" s="116">
        <v>1.41</v>
      </c>
      <c r="F36" s="40">
        <v>2.25</v>
      </c>
      <c r="G36" s="8">
        <v>2.4900000000000002</v>
      </c>
      <c r="H36" s="40">
        <v>2.29</v>
      </c>
      <c r="I36" s="40">
        <v>1.04</v>
      </c>
      <c r="J36" s="40">
        <v>0.55000000000000004</v>
      </c>
      <c r="K36" s="8">
        <v>0.47</v>
      </c>
      <c r="L36" s="8">
        <v>0.38</v>
      </c>
      <c r="M36" s="8">
        <v>0.36</v>
      </c>
      <c r="N36" s="8">
        <v>0.34</v>
      </c>
      <c r="O36" s="40">
        <v>0.3</v>
      </c>
      <c r="P36" s="8">
        <v>0.18</v>
      </c>
      <c r="Q36" s="8">
        <v>0.14000000000000001</v>
      </c>
      <c r="R36" s="8">
        <v>0.14000000000000001</v>
      </c>
      <c r="S36" s="40">
        <v>0.16</v>
      </c>
      <c r="T36" s="40">
        <v>0.14000000000000001</v>
      </c>
      <c r="U36" s="40">
        <v>0.15</v>
      </c>
      <c r="V36" s="40">
        <v>0.3</v>
      </c>
      <c r="W36" s="111">
        <v>0.33</v>
      </c>
      <c r="X36" s="40">
        <v>0.21</v>
      </c>
      <c r="Y36" s="40">
        <v>0.15</v>
      </c>
      <c r="Z36" s="40">
        <v>0.2</v>
      </c>
      <c r="AA36" s="8">
        <v>0.26</v>
      </c>
      <c r="AB36" s="8">
        <v>0.3</v>
      </c>
      <c r="AC36" s="40">
        <v>0.31</v>
      </c>
      <c r="AD36" s="17">
        <v>0.3</v>
      </c>
      <c r="AE36" s="40">
        <v>0.34</v>
      </c>
      <c r="AF36" s="40">
        <v>0.38</v>
      </c>
      <c r="AG36" s="8">
        <v>0.42</v>
      </c>
      <c r="AH36" s="40">
        <v>0.42</v>
      </c>
      <c r="AI36" s="40">
        <v>0.43</v>
      </c>
      <c r="AJ36" s="40">
        <v>0.44</v>
      </c>
      <c r="AK36" s="40">
        <v>0.44</v>
      </c>
      <c r="AL36" s="40">
        <v>0.46</v>
      </c>
      <c r="AM36" s="40">
        <v>0.51</v>
      </c>
      <c r="AN36" s="40">
        <v>0.45</v>
      </c>
      <c r="AO36" s="40">
        <v>0.87</v>
      </c>
      <c r="AP36" s="8">
        <v>1.2</v>
      </c>
      <c r="AQ36" s="8">
        <v>0.94</v>
      </c>
      <c r="AR36" s="76">
        <v>1</v>
      </c>
      <c r="AS36" s="8">
        <v>0.54353933302878021</v>
      </c>
      <c r="AT36" s="8">
        <v>0.3268548429794661</v>
      </c>
      <c r="AU36" s="40">
        <v>0.33</v>
      </c>
      <c r="AV36" s="8">
        <v>0.32</v>
      </c>
      <c r="AW36" s="8">
        <v>0.44</v>
      </c>
      <c r="AX36" s="8">
        <v>0.56000000000000005</v>
      </c>
      <c r="AY36" s="40">
        <v>0.31</v>
      </c>
      <c r="AZ36" s="8">
        <v>0.32</v>
      </c>
      <c r="BA36" s="8">
        <v>0.62</v>
      </c>
      <c r="BB36" s="8">
        <v>0.57999999999999996</v>
      </c>
      <c r="BC36" s="40">
        <v>0.54</v>
      </c>
      <c r="BD36" s="116">
        <v>0.46</v>
      </c>
    </row>
    <row r="37" spans="3:56" x14ac:dyDescent="0.2">
      <c r="C37" s="16" t="s">
        <v>122</v>
      </c>
      <c r="D37" s="6" t="s">
        <v>58</v>
      </c>
      <c r="E37" s="40">
        <v>0.11</v>
      </c>
      <c r="F37" s="40">
        <v>0.11</v>
      </c>
      <c r="G37" s="8">
        <v>0.11</v>
      </c>
      <c r="H37" s="40">
        <v>0.11</v>
      </c>
      <c r="I37" s="40">
        <v>0.12</v>
      </c>
      <c r="J37" s="40">
        <v>0.12</v>
      </c>
      <c r="K37" s="8">
        <v>0.12</v>
      </c>
      <c r="L37" s="8">
        <v>0.12</v>
      </c>
      <c r="M37" s="8">
        <v>0.16</v>
      </c>
      <c r="N37" s="8">
        <v>0.22</v>
      </c>
      <c r="O37" s="40">
        <v>0.25</v>
      </c>
      <c r="P37" s="8">
        <v>0.43</v>
      </c>
      <c r="Q37" s="8">
        <v>0.3</v>
      </c>
      <c r="R37" s="8">
        <v>0.28000000000000003</v>
      </c>
      <c r="S37" s="40">
        <v>0.26</v>
      </c>
      <c r="T37" s="40">
        <v>0.28000000000000003</v>
      </c>
      <c r="U37" s="40">
        <v>0.28999999999999998</v>
      </c>
      <c r="V37" s="40">
        <v>0.27</v>
      </c>
      <c r="W37" s="111">
        <v>0.28000000000000003</v>
      </c>
      <c r="X37" s="40">
        <v>0.27</v>
      </c>
      <c r="Y37" s="40">
        <v>0.24</v>
      </c>
      <c r="Z37" s="40">
        <v>0.22</v>
      </c>
      <c r="AA37" s="8">
        <v>0.2</v>
      </c>
      <c r="AB37" s="8">
        <v>0.2</v>
      </c>
      <c r="AC37" s="40">
        <v>0.21</v>
      </c>
      <c r="AD37" s="17">
        <v>0.2</v>
      </c>
      <c r="AE37" s="40">
        <v>0.18</v>
      </c>
      <c r="AF37" s="40">
        <v>0.18</v>
      </c>
      <c r="AG37" s="8">
        <v>0.18</v>
      </c>
      <c r="AH37" s="40">
        <v>0.18</v>
      </c>
      <c r="AI37" s="40">
        <v>0.17</v>
      </c>
      <c r="AJ37" s="40">
        <v>0.18</v>
      </c>
      <c r="AK37" s="40">
        <v>0.18</v>
      </c>
      <c r="AL37" s="40">
        <v>0.18</v>
      </c>
      <c r="AM37" s="40">
        <v>0.18</v>
      </c>
      <c r="AN37" s="40">
        <v>0.18</v>
      </c>
      <c r="AO37" s="40">
        <v>0.18</v>
      </c>
      <c r="AP37" s="8">
        <v>0.19</v>
      </c>
      <c r="AQ37" s="8">
        <v>0.19</v>
      </c>
      <c r="AR37" s="76">
        <v>0.15</v>
      </c>
      <c r="AS37" s="8">
        <v>0.14569395310026956</v>
      </c>
      <c r="AT37" s="8">
        <v>0.14071683344039523</v>
      </c>
      <c r="AU37" s="40">
        <v>0.15</v>
      </c>
      <c r="AV37" s="8">
        <v>0.16</v>
      </c>
      <c r="AW37" s="8">
        <v>0.16</v>
      </c>
      <c r="AX37" s="8">
        <v>0.16</v>
      </c>
      <c r="AY37" s="40">
        <v>0.2</v>
      </c>
      <c r="AZ37" s="8">
        <v>0.21</v>
      </c>
      <c r="BA37" s="8">
        <v>0.24</v>
      </c>
      <c r="BB37" s="8">
        <v>0.26</v>
      </c>
      <c r="BC37" s="40">
        <v>0.27</v>
      </c>
      <c r="BD37" s="40">
        <v>0.27</v>
      </c>
    </row>
    <row r="38" spans="3:56" x14ac:dyDescent="0.2">
      <c r="C38" s="16" t="s">
        <v>82</v>
      </c>
      <c r="D38" s="6" t="s">
        <v>58</v>
      </c>
      <c r="E38" s="40">
        <v>1.75</v>
      </c>
      <c r="F38" s="40">
        <v>2.36</v>
      </c>
      <c r="G38" s="8">
        <v>2.93</v>
      </c>
      <c r="H38" s="40">
        <v>2.68</v>
      </c>
      <c r="I38" s="40">
        <v>3.38</v>
      </c>
      <c r="J38" s="40">
        <v>3.29</v>
      </c>
      <c r="K38" s="8">
        <v>2.78</v>
      </c>
      <c r="L38" s="8">
        <v>2.68</v>
      </c>
      <c r="M38" s="8">
        <v>2.5299999999999998</v>
      </c>
      <c r="N38" s="8">
        <v>2.27</v>
      </c>
      <c r="O38" s="40">
        <v>2.06</v>
      </c>
      <c r="P38" s="8">
        <v>1.9</v>
      </c>
      <c r="Q38" s="8">
        <v>2.14</v>
      </c>
      <c r="R38" s="8">
        <v>2.4300000000000002</v>
      </c>
      <c r="S38" s="40">
        <v>2.21</v>
      </c>
      <c r="T38" s="40">
        <v>2.06</v>
      </c>
      <c r="U38" s="40">
        <v>1.89</v>
      </c>
      <c r="V38" s="40">
        <v>1.62</v>
      </c>
      <c r="W38" s="111">
        <v>1.48</v>
      </c>
      <c r="X38" s="40">
        <v>1.31</v>
      </c>
      <c r="Y38" s="40">
        <v>1.1499999999999999</v>
      </c>
      <c r="Z38" s="40">
        <v>1.22</v>
      </c>
      <c r="AA38" s="8">
        <v>1.34</v>
      </c>
      <c r="AB38" s="8">
        <v>1.38</v>
      </c>
      <c r="AC38" s="40">
        <v>1.38</v>
      </c>
      <c r="AD38" s="17">
        <v>1.39</v>
      </c>
      <c r="AE38" s="40">
        <v>1.49</v>
      </c>
      <c r="AF38" s="40">
        <v>1.88</v>
      </c>
      <c r="AG38" s="8">
        <v>2.2200000000000002</v>
      </c>
      <c r="AH38" s="40">
        <v>2.12</v>
      </c>
      <c r="AI38" s="40">
        <v>2.16</v>
      </c>
      <c r="AJ38" s="40">
        <v>2.25</v>
      </c>
      <c r="AK38" s="40">
        <v>2.19</v>
      </c>
      <c r="AL38" s="40">
        <v>2.4300000000000002</v>
      </c>
      <c r="AM38" s="40">
        <v>2.31</v>
      </c>
      <c r="AN38" s="40">
        <v>2.54</v>
      </c>
      <c r="AO38" s="40">
        <v>2.62</v>
      </c>
      <c r="AP38" s="8">
        <v>2.27</v>
      </c>
      <c r="AQ38" s="8">
        <v>1.9</v>
      </c>
      <c r="AR38" s="76">
        <v>1.59</v>
      </c>
      <c r="AS38" s="8">
        <v>1.4524150968711429</v>
      </c>
      <c r="AT38" s="8">
        <v>1.5474601781785005</v>
      </c>
      <c r="AU38" s="40">
        <v>1.74</v>
      </c>
      <c r="AV38" s="8">
        <v>1.78</v>
      </c>
      <c r="AW38" s="8">
        <v>2.11</v>
      </c>
      <c r="AX38" s="8">
        <v>2.87</v>
      </c>
      <c r="AY38" s="40">
        <v>2.33</v>
      </c>
      <c r="AZ38" s="8">
        <v>2.06</v>
      </c>
      <c r="BA38" s="8">
        <v>1.71</v>
      </c>
      <c r="BB38" s="8">
        <v>1.55</v>
      </c>
      <c r="BC38" s="40">
        <v>1.59</v>
      </c>
      <c r="BD38" s="40">
        <v>1.58</v>
      </c>
    </row>
    <row r="39" spans="3:56" x14ac:dyDescent="0.2">
      <c r="C39" s="16" t="s">
        <v>84</v>
      </c>
      <c r="D39" s="6" t="s">
        <v>85</v>
      </c>
      <c r="E39" s="40">
        <v>0.21</v>
      </c>
      <c r="F39" s="40">
        <v>0.23</v>
      </c>
      <c r="G39" s="8">
        <v>0.46</v>
      </c>
      <c r="H39" s="40">
        <v>0.53</v>
      </c>
      <c r="I39" s="40">
        <v>0.63</v>
      </c>
      <c r="J39" s="40">
        <v>0.52</v>
      </c>
      <c r="K39" s="8">
        <v>0.44</v>
      </c>
      <c r="L39" s="8">
        <v>0.28999999999999998</v>
      </c>
      <c r="M39" s="8">
        <v>0.22</v>
      </c>
      <c r="N39" s="8">
        <v>0.2</v>
      </c>
      <c r="O39" s="40">
        <v>0.18</v>
      </c>
      <c r="P39" s="8">
        <v>0.28999999999999998</v>
      </c>
      <c r="Q39" s="8">
        <v>0.19</v>
      </c>
      <c r="R39" s="8">
        <v>0.23</v>
      </c>
      <c r="S39" s="40">
        <v>0.23</v>
      </c>
      <c r="T39" s="40">
        <v>0.2</v>
      </c>
      <c r="U39" s="40">
        <v>0.19</v>
      </c>
      <c r="V39" s="40">
        <v>0.18</v>
      </c>
      <c r="W39" s="111">
        <v>0.18</v>
      </c>
      <c r="X39" s="40">
        <v>0.18</v>
      </c>
      <c r="Y39" s="40">
        <v>0.19</v>
      </c>
      <c r="Z39" s="40">
        <v>0.2</v>
      </c>
      <c r="AA39" s="8">
        <v>0.14000000000000001</v>
      </c>
      <c r="AB39" s="8">
        <v>0.14000000000000001</v>
      </c>
      <c r="AC39" s="40">
        <v>0.17</v>
      </c>
      <c r="AD39" s="17">
        <v>0.21</v>
      </c>
      <c r="AE39" s="40">
        <v>0.2</v>
      </c>
      <c r="AF39" s="40">
        <v>0.24</v>
      </c>
      <c r="AG39" s="8">
        <v>0.26</v>
      </c>
      <c r="AH39" s="40">
        <v>0.3</v>
      </c>
      <c r="AI39" s="40">
        <v>0.34</v>
      </c>
      <c r="AJ39" s="40">
        <v>0.37</v>
      </c>
      <c r="AK39" s="40">
        <v>0.37</v>
      </c>
      <c r="AL39" s="40">
        <v>0.34</v>
      </c>
      <c r="AM39" s="40">
        <v>0.3</v>
      </c>
      <c r="AN39" s="40">
        <v>0.28000000000000003</v>
      </c>
      <c r="AO39" s="40">
        <v>0.22</v>
      </c>
      <c r="AP39" s="8">
        <v>0.18</v>
      </c>
      <c r="AQ39" s="8">
        <v>0.17</v>
      </c>
      <c r="AR39" s="76">
        <v>0.19</v>
      </c>
      <c r="AS39" s="8">
        <v>0.21503680150738974</v>
      </c>
      <c r="AT39" s="8">
        <v>0.19758366601896016</v>
      </c>
      <c r="AU39" s="40">
        <v>0.19</v>
      </c>
      <c r="AV39" s="8">
        <v>0.18</v>
      </c>
      <c r="AW39" s="8">
        <v>0.16</v>
      </c>
      <c r="AX39" s="8">
        <v>0.16</v>
      </c>
      <c r="AY39" s="40">
        <v>0.16</v>
      </c>
      <c r="AZ39" s="8">
        <v>0.16</v>
      </c>
      <c r="BA39" s="8">
        <v>0.16</v>
      </c>
      <c r="BB39" s="8">
        <v>0.18</v>
      </c>
      <c r="BC39" s="40">
        <v>0.23</v>
      </c>
      <c r="BD39" s="40">
        <v>0.25</v>
      </c>
    </row>
    <row r="40" spans="3:56" x14ac:dyDescent="0.2">
      <c r="C40" s="16" t="s">
        <v>118</v>
      </c>
      <c r="D40" s="6" t="s">
        <v>58</v>
      </c>
      <c r="E40" s="40">
        <v>0.81</v>
      </c>
      <c r="F40" s="40">
        <v>0.88</v>
      </c>
      <c r="G40" s="8">
        <v>0.73</v>
      </c>
      <c r="H40" s="40">
        <v>0.75</v>
      </c>
      <c r="I40" s="40">
        <v>0.88</v>
      </c>
      <c r="J40" s="40">
        <v>0.8</v>
      </c>
      <c r="K40" s="8">
        <v>1.02</v>
      </c>
      <c r="L40" s="8">
        <v>0.86</v>
      </c>
      <c r="M40" s="8">
        <v>0.85</v>
      </c>
      <c r="N40" s="8">
        <v>0.92</v>
      </c>
      <c r="O40" s="40">
        <v>0.83</v>
      </c>
      <c r="P40" s="8">
        <v>1.06</v>
      </c>
      <c r="Q40" s="8">
        <v>0.88</v>
      </c>
      <c r="R40" s="8">
        <v>0.82</v>
      </c>
      <c r="S40" s="40">
        <v>0.74</v>
      </c>
      <c r="T40" s="40">
        <v>0.68</v>
      </c>
      <c r="U40" s="40">
        <v>0.46</v>
      </c>
      <c r="V40" s="40">
        <v>0.55000000000000004</v>
      </c>
      <c r="W40" s="111">
        <v>0.51</v>
      </c>
      <c r="X40" s="40">
        <v>0.46</v>
      </c>
      <c r="Y40" s="40">
        <v>0.51</v>
      </c>
      <c r="Z40" s="40">
        <v>0.45</v>
      </c>
      <c r="AA40" s="8">
        <v>0.49</v>
      </c>
      <c r="AB40" s="8">
        <v>0.54</v>
      </c>
      <c r="AC40" s="40">
        <v>0.6</v>
      </c>
      <c r="AD40" s="17">
        <v>0.79</v>
      </c>
      <c r="AE40" s="40">
        <v>0.68</v>
      </c>
      <c r="AF40" s="40">
        <v>0.67</v>
      </c>
      <c r="AG40" s="8">
        <v>0.67</v>
      </c>
      <c r="AH40" s="40">
        <v>0.56000000000000005</v>
      </c>
      <c r="AI40" s="40">
        <v>0.55000000000000004</v>
      </c>
      <c r="AJ40" s="40">
        <v>0.53</v>
      </c>
      <c r="AK40" s="40">
        <v>0.52</v>
      </c>
      <c r="AL40" s="40">
        <v>0.51</v>
      </c>
      <c r="AM40" s="40">
        <v>0.54</v>
      </c>
      <c r="AN40" s="40">
        <v>0.57999999999999996</v>
      </c>
      <c r="AO40" s="40">
        <v>0.63</v>
      </c>
      <c r="AP40" s="8">
        <v>0.73</v>
      </c>
      <c r="AQ40" s="8">
        <v>0.68</v>
      </c>
      <c r="AR40" s="76">
        <v>0.76</v>
      </c>
      <c r="AS40" s="8">
        <v>0.65954376677081428</v>
      </c>
      <c r="AT40" s="8">
        <v>0.57658761670648784</v>
      </c>
      <c r="AU40" s="40">
        <v>0.43</v>
      </c>
      <c r="AV40" s="8">
        <v>0.53</v>
      </c>
      <c r="AW40" s="8">
        <v>0.44</v>
      </c>
      <c r="AX40" s="8">
        <v>0.46</v>
      </c>
      <c r="AY40" s="40">
        <v>0.53</v>
      </c>
      <c r="AZ40" s="8">
        <v>0.6</v>
      </c>
      <c r="BA40" s="8">
        <v>0.91</v>
      </c>
      <c r="BB40" s="8">
        <v>0.78</v>
      </c>
      <c r="BC40" s="40">
        <v>0.77</v>
      </c>
      <c r="BD40" s="40">
        <v>0.88</v>
      </c>
    </row>
    <row r="41" spans="3:56" x14ac:dyDescent="0.2">
      <c r="C41" s="16" t="s">
        <v>104</v>
      </c>
      <c r="D41" s="6" t="s">
        <v>58</v>
      </c>
      <c r="E41" s="40">
        <v>0.59</v>
      </c>
      <c r="F41" s="40">
        <v>0.86</v>
      </c>
      <c r="G41" s="8">
        <v>0.94</v>
      </c>
      <c r="H41" s="40">
        <v>1.02</v>
      </c>
      <c r="I41" s="40">
        <v>0.82</v>
      </c>
      <c r="J41" s="40">
        <v>0.49</v>
      </c>
      <c r="K41" s="8">
        <v>0.43</v>
      </c>
      <c r="L41" s="8">
        <v>0.46</v>
      </c>
      <c r="M41" s="8">
        <v>0.56000000000000005</v>
      </c>
      <c r="N41" s="8">
        <v>0.6</v>
      </c>
      <c r="O41" s="40">
        <v>0.66</v>
      </c>
      <c r="P41" s="8">
        <v>0.48</v>
      </c>
      <c r="Q41" s="8">
        <v>0.65</v>
      </c>
      <c r="R41" s="8">
        <v>0.93</v>
      </c>
      <c r="S41" s="40">
        <v>0.89</v>
      </c>
      <c r="T41" s="40">
        <v>0.75</v>
      </c>
      <c r="U41" s="40">
        <v>0.52</v>
      </c>
      <c r="V41" s="40">
        <v>0.44</v>
      </c>
      <c r="W41" s="111">
        <v>0.35</v>
      </c>
      <c r="X41" s="40">
        <v>0.26</v>
      </c>
      <c r="Y41" s="40">
        <v>0.24</v>
      </c>
      <c r="Z41" s="40">
        <v>0.27</v>
      </c>
      <c r="AA41" s="8">
        <v>0.35</v>
      </c>
      <c r="AB41" s="8">
        <v>0.41</v>
      </c>
      <c r="AC41" s="40">
        <v>0.47</v>
      </c>
      <c r="AD41" s="17">
        <v>0.39</v>
      </c>
      <c r="AE41" s="40">
        <v>0.46</v>
      </c>
      <c r="AF41" s="40">
        <v>0.63</v>
      </c>
      <c r="AG41" s="8">
        <v>0.64</v>
      </c>
      <c r="AH41" s="40">
        <v>0.59</v>
      </c>
      <c r="AI41" s="40">
        <v>0.66</v>
      </c>
      <c r="AJ41" s="40">
        <v>0.68</v>
      </c>
      <c r="AK41" s="40">
        <v>0.63</v>
      </c>
      <c r="AL41" s="40">
        <v>0.57999999999999996</v>
      </c>
      <c r="AM41" s="40">
        <v>0.57999999999999996</v>
      </c>
      <c r="AN41" s="40">
        <v>0.62</v>
      </c>
      <c r="AO41" s="40">
        <v>0.73</v>
      </c>
      <c r="AP41" s="8">
        <v>0.9</v>
      </c>
      <c r="AQ41" s="8">
        <v>0.91</v>
      </c>
      <c r="AR41" s="76">
        <v>0.77</v>
      </c>
      <c r="AS41" s="8">
        <v>0.65127035639289843</v>
      </c>
      <c r="AT41" s="8">
        <v>0.70281751567570738</v>
      </c>
      <c r="AU41" s="40">
        <v>0.61</v>
      </c>
      <c r="AV41" s="8">
        <v>0.56000000000000005</v>
      </c>
      <c r="AW41" s="8">
        <v>0.54</v>
      </c>
      <c r="AX41" s="8">
        <v>0.62</v>
      </c>
      <c r="AY41" s="40">
        <v>0.77</v>
      </c>
      <c r="AZ41" s="8">
        <v>0.84</v>
      </c>
      <c r="BA41" s="8">
        <v>0.83</v>
      </c>
      <c r="BB41" s="8">
        <v>0.9</v>
      </c>
      <c r="BC41" s="40">
        <v>0.79</v>
      </c>
      <c r="BD41" s="40">
        <v>0.73</v>
      </c>
    </row>
    <row r="42" spans="3:56" x14ac:dyDescent="0.2">
      <c r="C42" s="16" t="s">
        <v>87</v>
      </c>
      <c r="D42" s="6" t="s">
        <v>58</v>
      </c>
      <c r="E42" s="40">
        <v>0.13</v>
      </c>
      <c r="F42" s="40">
        <v>0.13</v>
      </c>
      <c r="G42" s="8">
        <v>0.13</v>
      </c>
      <c r="H42" s="40">
        <v>0.13</v>
      </c>
      <c r="I42" s="40">
        <v>0.14000000000000001</v>
      </c>
      <c r="J42" s="40">
        <v>0.14000000000000001</v>
      </c>
      <c r="K42" s="8">
        <v>0.13</v>
      </c>
      <c r="L42" s="8">
        <v>0.13</v>
      </c>
      <c r="M42" s="8">
        <v>0.17</v>
      </c>
      <c r="N42" s="8">
        <v>0.23</v>
      </c>
      <c r="O42" s="40">
        <v>0.28000000000000003</v>
      </c>
      <c r="P42" s="8">
        <v>0.25</v>
      </c>
      <c r="Q42" s="8">
        <v>0.34</v>
      </c>
      <c r="R42" s="8">
        <v>0.36</v>
      </c>
      <c r="S42" s="40">
        <v>0.37</v>
      </c>
      <c r="T42" s="40">
        <v>0.41</v>
      </c>
      <c r="U42" s="40">
        <v>0.45</v>
      </c>
      <c r="V42" s="40">
        <v>0.36</v>
      </c>
      <c r="W42" s="111">
        <v>0.41</v>
      </c>
      <c r="X42" s="40">
        <v>0.39</v>
      </c>
      <c r="Y42" s="40">
        <v>0.38</v>
      </c>
      <c r="Z42" s="40">
        <v>0.35</v>
      </c>
      <c r="AA42" s="8">
        <v>0.35</v>
      </c>
      <c r="AB42" s="8">
        <v>0.28000000000000003</v>
      </c>
      <c r="AC42" s="40">
        <v>0.3</v>
      </c>
      <c r="AD42" s="17">
        <v>0.34</v>
      </c>
      <c r="AE42" s="40">
        <v>0.3</v>
      </c>
      <c r="AF42" s="40">
        <v>0.22</v>
      </c>
      <c r="AG42" s="8">
        <v>0.19</v>
      </c>
      <c r="AH42" s="40">
        <v>0.15</v>
      </c>
      <c r="AI42" s="40">
        <v>0.13</v>
      </c>
      <c r="AJ42" s="40">
        <v>0.11</v>
      </c>
      <c r="AK42" s="40">
        <v>0.11</v>
      </c>
      <c r="AL42" s="40">
        <v>0.11</v>
      </c>
      <c r="AM42" s="40">
        <v>0.11</v>
      </c>
      <c r="AN42" s="40">
        <v>0.1</v>
      </c>
      <c r="AO42" s="40">
        <v>0.1</v>
      </c>
      <c r="AP42" s="8">
        <v>0.11</v>
      </c>
      <c r="AQ42" s="8">
        <v>0.11</v>
      </c>
      <c r="AR42" s="76">
        <v>0.11</v>
      </c>
      <c r="AS42" s="8">
        <v>0.12</v>
      </c>
      <c r="AT42" s="8">
        <v>0.12</v>
      </c>
      <c r="AU42" s="40">
        <v>0.12</v>
      </c>
      <c r="AV42" s="8">
        <v>0.12</v>
      </c>
      <c r="AW42" s="8">
        <v>0.12</v>
      </c>
      <c r="AX42" s="8">
        <v>0.12</v>
      </c>
      <c r="AY42" s="40">
        <v>0.12</v>
      </c>
      <c r="AZ42" s="8">
        <v>0.12</v>
      </c>
      <c r="BA42" s="8">
        <v>0.12</v>
      </c>
      <c r="BB42" s="8">
        <v>0.12</v>
      </c>
      <c r="BC42" s="40">
        <v>0.12</v>
      </c>
      <c r="BD42" s="40">
        <v>0.12</v>
      </c>
    </row>
    <row r="43" spans="3:56" x14ac:dyDescent="0.2">
      <c r="C43" s="16" t="s">
        <v>88</v>
      </c>
      <c r="D43" s="6" t="s">
        <v>58</v>
      </c>
      <c r="E43" s="40">
        <v>0.28000000000000003</v>
      </c>
      <c r="F43" s="40">
        <v>0.27</v>
      </c>
      <c r="G43" s="8">
        <v>0.27</v>
      </c>
      <c r="H43" s="40">
        <v>0.28999999999999998</v>
      </c>
      <c r="I43" s="40">
        <v>0.28999999999999998</v>
      </c>
      <c r="J43" s="40">
        <v>0.28999999999999998</v>
      </c>
      <c r="K43" s="8">
        <v>0.28999999999999998</v>
      </c>
      <c r="L43" s="8">
        <v>0.33</v>
      </c>
      <c r="M43" s="17">
        <v>0.34</v>
      </c>
      <c r="N43" s="8">
        <v>0.35</v>
      </c>
      <c r="O43" s="40">
        <v>0.35</v>
      </c>
      <c r="P43" s="8">
        <v>0.9</v>
      </c>
      <c r="Q43" s="8">
        <v>0.34</v>
      </c>
      <c r="R43" s="8">
        <v>0.34</v>
      </c>
      <c r="S43" s="40">
        <v>0.36</v>
      </c>
      <c r="T43" s="40">
        <v>0.42</v>
      </c>
      <c r="U43" s="40">
        <v>0.52</v>
      </c>
      <c r="V43" s="40">
        <v>0.66</v>
      </c>
      <c r="W43" s="111">
        <v>0.66</v>
      </c>
      <c r="X43" s="40">
        <v>0.68</v>
      </c>
      <c r="Y43" s="40">
        <v>0.68</v>
      </c>
      <c r="Z43" s="40">
        <v>0.67</v>
      </c>
      <c r="AA43" s="8">
        <v>0.66</v>
      </c>
      <c r="AB43" s="8">
        <v>0.63</v>
      </c>
      <c r="AC43" s="40">
        <v>0.63</v>
      </c>
      <c r="AD43" s="17">
        <v>0.63</v>
      </c>
      <c r="AE43" s="40">
        <v>0.6</v>
      </c>
      <c r="AF43" s="40">
        <v>0.59</v>
      </c>
      <c r="AG43" s="8">
        <v>0.55000000000000004</v>
      </c>
      <c r="AH43" s="40">
        <v>0.4</v>
      </c>
      <c r="AI43" s="40">
        <v>0.38</v>
      </c>
      <c r="AJ43" s="40">
        <v>0.3</v>
      </c>
      <c r="AK43" s="40">
        <v>0.25</v>
      </c>
      <c r="AL43" s="40">
        <v>0.2</v>
      </c>
      <c r="AM43" s="40">
        <v>0.22</v>
      </c>
      <c r="AN43" s="40">
        <v>0.18</v>
      </c>
      <c r="AO43" s="40">
        <v>0.44</v>
      </c>
      <c r="AP43" s="8">
        <v>0.46</v>
      </c>
      <c r="AQ43" s="8">
        <v>0.47</v>
      </c>
      <c r="AR43" s="76">
        <v>0.47</v>
      </c>
      <c r="AS43" s="8">
        <v>0.48092864899104149</v>
      </c>
      <c r="AT43" s="8">
        <v>0.46842864899104153</v>
      </c>
      <c r="AU43" s="40">
        <v>0.45</v>
      </c>
      <c r="AV43" s="8">
        <v>0.43</v>
      </c>
      <c r="AW43" s="8">
        <v>0.44</v>
      </c>
      <c r="AX43" s="8">
        <v>0.44</v>
      </c>
      <c r="AY43" s="40">
        <v>0.41</v>
      </c>
      <c r="AZ43" s="8">
        <v>0.4</v>
      </c>
      <c r="BA43" s="8">
        <v>0.41</v>
      </c>
      <c r="BB43" s="8">
        <v>0.39</v>
      </c>
      <c r="BC43" s="40">
        <v>0.36</v>
      </c>
      <c r="BD43" s="40">
        <v>0.35</v>
      </c>
    </row>
    <row r="44" spans="3:56" x14ac:dyDescent="0.2">
      <c r="C44" s="18" t="s">
        <v>123</v>
      </c>
      <c r="D44" s="6" t="s">
        <v>58</v>
      </c>
      <c r="E44" s="94">
        <v>0.21</v>
      </c>
      <c r="F44" s="94">
        <v>0.25</v>
      </c>
      <c r="G44" s="8">
        <v>0.32</v>
      </c>
      <c r="H44" s="94">
        <v>0.32</v>
      </c>
      <c r="I44" s="94">
        <v>0.36</v>
      </c>
      <c r="J44" s="94">
        <v>0.42</v>
      </c>
      <c r="K44" s="8" t="s">
        <v>90</v>
      </c>
      <c r="L44" s="8" t="s">
        <v>90</v>
      </c>
      <c r="M44" s="17" t="s">
        <v>90</v>
      </c>
      <c r="N44" s="8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111" t="s">
        <v>90</v>
      </c>
      <c r="X44" s="94" t="s">
        <v>90</v>
      </c>
      <c r="Y44" s="94" t="s">
        <v>90</v>
      </c>
      <c r="Z44" s="94" t="s">
        <v>90</v>
      </c>
      <c r="AA44" s="8" t="s">
        <v>90</v>
      </c>
      <c r="AB44" s="8"/>
      <c r="AC44" s="94" t="s">
        <v>90</v>
      </c>
      <c r="AD44" s="17" t="s">
        <v>90</v>
      </c>
      <c r="AE44" s="94" t="s">
        <v>90</v>
      </c>
      <c r="AF44" s="94" t="s">
        <v>90</v>
      </c>
      <c r="AG44" s="8" t="s">
        <v>90</v>
      </c>
      <c r="AH44" s="94" t="s">
        <v>90</v>
      </c>
      <c r="AI44" s="94">
        <v>0.31</v>
      </c>
      <c r="AJ44" s="94">
        <v>0.32</v>
      </c>
      <c r="AK44" s="94">
        <v>0.31</v>
      </c>
      <c r="AL44" s="94">
        <v>0.36</v>
      </c>
      <c r="AM44" s="94">
        <v>0.35</v>
      </c>
      <c r="AN44" s="94">
        <v>0.38</v>
      </c>
      <c r="AO44" s="94">
        <v>0.38</v>
      </c>
      <c r="AP44" s="8">
        <v>0.35</v>
      </c>
      <c r="AQ44" s="8">
        <v>0.33</v>
      </c>
      <c r="AR44" s="76">
        <v>0.33</v>
      </c>
      <c r="AS44" s="8">
        <v>0.3</v>
      </c>
      <c r="AT44" s="8">
        <v>0.28999999999999998</v>
      </c>
      <c r="AU44" s="94">
        <v>0.28999999999999998</v>
      </c>
      <c r="AV44" s="8">
        <v>0.28999999999999998</v>
      </c>
      <c r="AW44" s="8">
        <v>0.26</v>
      </c>
      <c r="AX44" s="8">
        <v>0.28000000000000003</v>
      </c>
      <c r="AY44" s="94">
        <v>0.28000000000000003</v>
      </c>
      <c r="AZ44" s="8">
        <v>0.27</v>
      </c>
      <c r="BA44" s="8">
        <v>0.27</v>
      </c>
      <c r="BB44" s="8">
        <v>0.28000000000000003</v>
      </c>
      <c r="BC44" s="94">
        <v>0.33</v>
      </c>
      <c r="BD44" s="94">
        <v>0.35</v>
      </c>
    </row>
    <row r="45" spans="3:56" x14ac:dyDescent="0.2">
      <c r="C45" s="18" t="s">
        <v>100</v>
      </c>
      <c r="D45" s="6" t="s">
        <v>58</v>
      </c>
      <c r="E45" s="40">
        <v>0.25</v>
      </c>
      <c r="F45" s="40">
        <v>0.23</v>
      </c>
      <c r="G45" s="8">
        <v>0.2</v>
      </c>
      <c r="H45" s="40">
        <v>0.24</v>
      </c>
      <c r="I45" s="40">
        <v>0.26</v>
      </c>
      <c r="J45" s="40">
        <v>0.27</v>
      </c>
      <c r="K45" s="8">
        <v>0.28000000000000003</v>
      </c>
      <c r="L45" s="8">
        <v>0.28000000000000003</v>
      </c>
      <c r="M45" s="8">
        <v>0.3</v>
      </c>
      <c r="N45" s="8">
        <v>0.3</v>
      </c>
      <c r="O45" s="40">
        <v>0.28999999999999998</v>
      </c>
      <c r="P45" s="8">
        <v>0.37</v>
      </c>
      <c r="Q45" s="8">
        <v>0.31</v>
      </c>
      <c r="R45" s="8">
        <v>0.32</v>
      </c>
      <c r="S45" s="40">
        <v>0.32</v>
      </c>
      <c r="T45" s="40">
        <v>0.35</v>
      </c>
      <c r="U45" s="40">
        <v>0.37</v>
      </c>
      <c r="V45" s="40">
        <v>0.37</v>
      </c>
      <c r="W45" s="111">
        <v>0.4</v>
      </c>
      <c r="X45" s="40">
        <v>0.38</v>
      </c>
      <c r="Y45" s="40">
        <v>0.38</v>
      </c>
      <c r="Z45" s="40">
        <v>0.4</v>
      </c>
      <c r="AA45" s="8">
        <v>0.41</v>
      </c>
      <c r="AB45" s="8">
        <v>0.43</v>
      </c>
      <c r="AC45" s="40">
        <v>0.44</v>
      </c>
      <c r="AD45" s="17">
        <v>0.44</v>
      </c>
      <c r="AE45" s="40" t="s">
        <v>90</v>
      </c>
      <c r="AF45" s="40" t="s">
        <v>90</v>
      </c>
      <c r="AG45" s="8" t="s">
        <v>90</v>
      </c>
      <c r="AH45" s="40" t="s">
        <v>90</v>
      </c>
      <c r="AI45" s="40" t="s">
        <v>90</v>
      </c>
      <c r="AJ45" s="40">
        <v>0.22</v>
      </c>
      <c r="AK45" s="40">
        <v>0.2</v>
      </c>
      <c r="AL45" s="40">
        <v>0.24</v>
      </c>
      <c r="AM45" s="40">
        <v>0.24</v>
      </c>
      <c r="AN45" s="40">
        <v>0.24</v>
      </c>
      <c r="AO45" s="40">
        <v>0.23</v>
      </c>
      <c r="AP45" s="8">
        <v>0.22</v>
      </c>
      <c r="AQ45" s="8">
        <v>0.22</v>
      </c>
      <c r="AR45" s="76">
        <v>0.22</v>
      </c>
      <c r="AS45" s="8">
        <v>0.22476417458994877</v>
      </c>
      <c r="AT45" s="8">
        <v>0.22527044663341361</v>
      </c>
      <c r="AU45" s="40">
        <v>0.24</v>
      </c>
      <c r="AV45" s="8">
        <v>0.23</v>
      </c>
      <c r="AW45" s="8">
        <v>0.24</v>
      </c>
      <c r="AX45" s="8">
        <v>0.23</v>
      </c>
      <c r="AY45" s="40">
        <v>0.23</v>
      </c>
      <c r="AZ45" s="8">
        <v>0.23</v>
      </c>
      <c r="BA45" s="8">
        <v>0.23</v>
      </c>
      <c r="BB45" s="8">
        <v>0.23</v>
      </c>
      <c r="BC45" s="40">
        <v>0.23</v>
      </c>
      <c r="BD45" s="40">
        <v>0.23</v>
      </c>
    </row>
    <row r="46" spans="3:56" x14ac:dyDescent="0.2">
      <c r="C46" s="16" t="s">
        <v>89</v>
      </c>
      <c r="D46" s="6" t="s">
        <v>58</v>
      </c>
      <c r="E46" s="40">
        <v>0.32</v>
      </c>
      <c r="F46" s="40">
        <v>0.32</v>
      </c>
      <c r="G46" s="8">
        <v>0.32</v>
      </c>
      <c r="H46" s="40">
        <v>0.32</v>
      </c>
      <c r="I46" s="40">
        <v>0.32</v>
      </c>
      <c r="J46" s="40">
        <v>0.32</v>
      </c>
      <c r="K46" s="8">
        <v>0.33</v>
      </c>
      <c r="L46" s="8">
        <v>0.32</v>
      </c>
      <c r="M46" s="8">
        <v>0.3</v>
      </c>
      <c r="N46" s="8">
        <v>0.28000000000000003</v>
      </c>
      <c r="O46" s="40">
        <v>0.28000000000000003</v>
      </c>
      <c r="P46" s="8">
        <v>0.36</v>
      </c>
      <c r="Q46" s="8">
        <v>0.26</v>
      </c>
      <c r="R46" s="8">
        <v>0.27</v>
      </c>
      <c r="S46" s="40">
        <v>0.27</v>
      </c>
      <c r="T46" s="40">
        <v>0.27</v>
      </c>
      <c r="U46" s="40">
        <v>0.27</v>
      </c>
      <c r="V46" s="40">
        <v>0.3</v>
      </c>
      <c r="W46" s="111">
        <v>0.35</v>
      </c>
      <c r="X46" s="40">
        <v>0.4</v>
      </c>
      <c r="Y46" s="40">
        <v>0.4</v>
      </c>
      <c r="Z46" s="40">
        <v>0.39</v>
      </c>
      <c r="AA46" s="8">
        <v>0.4</v>
      </c>
      <c r="AB46" s="8">
        <v>0.4</v>
      </c>
      <c r="AC46" s="40">
        <v>0.4</v>
      </c>
      <c r="AD46" s="17">
        <v>0.4</v>
      </c>
      <c r="AE46" s="40" t="s">
        <v>90</v>
      </c>
      <c r="AF46" s="40" t="s">
        <v>90</v>
      </c>
      <c r="AG46" s="8" t="s">
        <v>90</v>
      </c>
      <c r="AH46" s="40" t="s">
        <v>90</v>
      </c>
      <c r="AI46" s="40" t="s">
        <v>90</v>
      </c>
      <c r="AJ46" s="40" t="s">
        <v>90</v>
      </c>
      <c r="AK46" s="40" t="s">
        <v>90</v>
      </c>
      <c r="AL46" s="40" t="s">
        <v>90</v>
      </c>
      <c r="AM46" s="40" t="s">
        <v>90</v>
      </c>
      <c r="AN46" s="40"/>
      <c r="AO46" s="40">
        <v>0.5</v>
      </c>
      <c r="AP46" s="8">
        <v>0.47</v>
      </c>
      <c r="AQ46" s="8">
        <v>0.45</v>
      </c>
      <c r="AR46" s="76">
        <v>0.46</v>
      </c>
      <c r="AS46" s="8">
        <v>0.43322260660271134</v>
      </c>
      <c r="AT46" s="8">
        <v>0.45672091426537026</v>
      </c>
      <c r="AU46" s="40">
        <v>0.44</v>
      </c>
      <c r="AV46" s="8">
        <v>0.46</v>
      </c>
      <c r="AW46" s="8">
        <v>0.44</v>
      </c>
      <c r="AX46" s="8">
        <v>0.46</v>
      </c>
      <c r="AY46" s="40">
        <v>0.47</v>
      </c>
      <c r="AZ46" s="8">
        <v>0.47</v>
      </c>
      <c r="BA46" s="8">
        <v>0.47</v>
      </c>
      <c r="BB46" s="8">
        <v>0.46</v>
      </c>
      <c r="BC46" s="40">
        <v>0.46</v>
      </c>
      <c r="BD46" s="40">
        <v>0.47</v>
      </c>
    </row>
    <row r="47" spans="3:56" x14ac:dyDescent="0.2">
      <c r="C47" s="16" t="s">
        <v>95</v>
      </c>
      <c r="D47" s="6" t="s">
        <v>58</v>
      </c>
      <c r="E47" s="40">
        <v>0.53</v>
      </c>
      <c r="F47" s="40">
        <v>0.53</v>
      </c>
      <c r="G47" s="8">
        <v>0.53</v>
      </c>
      <c r="H47" s="40">
        <v>0.53</v>
      </c>
      <c r="I47" s="40">
        <v>0.53</v>
      </c>
      <c r="J47" s="40">
        <v>0.53</v>
      </c>
      <c r="K47" s="8">
        <v>0.53</v>
      </c>
      <c r="L47" s="8">
        <v>0.53</v>
      </c>
      <c r="M47" s="8">
        <v>0.54</v>
      </c>
      <c r="N47" s="8">
        <v>0.54</v>
      </c>
      <c r="O47" s="40">
        <v>0.54</v>
      </c>
      <c r="P47" s="8">
        <v>0.56000000000000005</v>
      </c>
      <c r="Q47" s="8">
        <v>0.53</v>
      </c>
      <c r="R47" s="8">
        <v>0.5</v>
      </c>
      <c r="S47" s="40">
        <v>0.5</v>
      </c>
      <c r="T47" s="40">
        <v>0.5</v>
      </c>
      <c r="U47" s="40">
        <v>0.5</v>
      </c>
      <c r="V47" s="40" t="s">
        <v>90</v>
      </c>
      <c r="W47" s="111" t="s">
        <v>90</v>
      </c>
      <c r="X47" s="40" t="s">
        <v>90</v>
      </c>
      <c r="Y47" s="40" t="s">
        <v>90</v>
      </c>
      <c r="Z47" s="40" t="s">
        <v>90</v>
      </c>
      <c r="AA47" s="8" t="s">
        <v>162</v>
      </c>
      <c r="AB47" s="8" t="s">
        <v>162</v>
      </c>
      <c r="AC47" s="40" t="s">
        <v>90</v>
      </c>
      <c r="AD47" s="17" t="s">
        <v>90</v>
      </c>
      <c r="AE47" s="40" t="s">
        <v>90</v>
      </c>
      <c r="AF47" s="40" t="s">
        <v>90</v>
      </c>
      <c r="AG47" s="8" t="s">
        <v>90</v>
      </c>
      <c r="AH47" s="40" t="s">
        <v>90</v>
      </c>
      <c r="AI47" s="40" t="s">
        <v>90</v>
      </c>
      <c r="AJ47" s="40" t="s">
        <v>90</v>
      </c>
      <c r="AK47" s="40" t="s">
        <v>90</v>
      </c>
      <c r="AL47" s="40" t="s">
        <v>90</v>
      </c>
      <c r="AM47" s="40" t="s">
        <v>90</v>
      </c>
      <c r="AN47" s="40"/>
      <c r="AO47" s="40">
        <v>0.61</v>
      </c>
      <c r="AP47" s="8">
        <v>0.56000000000000005</v>
      </c>
      <c r="AQ47" s="8">
        <v>0.53</v>
      </c>
      <c r="AR47" s="76">
        <v>0.52</v>
      </c>
      <c r="AS47" s="8">
        <v>0.5096699628368847</v>
      </c>
      <c r="AT47" s="8">
        <v>0.51444483657633955</v>
      </c>
      <c r="AU47" s="40">
        <v>0.51</v>
      </c>
      <c r="AV47" s="8">
        <v>0.53</v>
      </c>
      <c r="AW47" s="8">
        <v>0.54</v>
      </c>
      <c r="AX47" s="8">
        <v>0.54</v>
      </c>
      <c r="AY47" s="40">
        <v>0.56000000000000005</v>
      </c>
      <c r="AZ47" s="8">
        <v>0.56000000000000005</v>
      </c>
      <c r="BA47" s="8">
        <v>0.56999999999999995</v>
      </c>
      <c r="BB47" s="8">
        <v>0.56999999999999995</v>
      </c>
      <c r="BC47" s="40">
        <v>0.56999999999999995</v>
      </c>
      <c r="BD47" s="40">
        <v>0.56999999999999995</v>
      </c>
    </row>
    <row r="48" spans="3:56" x14ac:dyDescent="0.2">
      <c r="C48" s="23" t="s">
        <v>96</v>
      </c>
      <c r="D48" s="6" t="s">
        <v>58</v>
      </c>
      <c r="E48" s="40">
        <v>0.36</v>
      </c>
      <c r="F48" s="40">
        <v>0.56999999999999995</v>
      </c>
      <c r="G48" s="8">
        <v>0.62</v>
      </c>
      <c r="H48" s="40">
        <v>0.62</v>
      </c>
      <c r="I48" s="40">
        <v>0.61</v>
      </c>
      <c r="J48" s="40">
        <v>0.61</v>
      </c>
      <c r="K48" s="8">
        <v>0.61</v>
      </c>
      <c r="L48" s="8">
        <v>0.61</v>
      </c>
      <c r="M48" s="17">
        <v>0.61</v>
      </c>
      <c r="N48" s="8">
        <v>0.61</v>
      </c>
      <c r="O48" s="40">
        <v>0.61</v>
      </c>
      <c r="P48" s="8">
        <v>0.31</v>
      </c>
      <c r="Q48" s="8">
        <v>0.4</v>
      </c>
      <c r="R48" s="8">
        <v>0.37</v>
      </c>
      <c r="S48" s="40">
        <v>0.35</v>
      </c>
      <c r="T48" s="40">
        <v>0.35</v>
      </c>
      <c r="U48" s="40">
        <v>0.36</v>
      </c>
      <c r="V48" s="40">
        <v>0.36</v>
      </c>
      <c r="W48" s="111">
        <v>0.35</v>
      </c>
      <c r="X48" s="40">
        <v>0.31</v>
      </c>
      <c r="Y48" s="40">
        <v>0.32</v>
      </c>
      <c r="Z48" s="40">
        <v>0.32</v>
      </c>
      <c r="AA48" s="8">
        <v>0.32</v>
      </c>
      <c r="AB48" s="8">
        <v>0.32</v>
      </c>
      <c r="AC48" s="40">
        <v>0.27</v>
      </c>
      <c r="AD48" s="17">
        <v>0.23</v>
      </c>
      <c r="AE48" s="40">
        <v>0.23</v>
      </c>
      <c r="AF48" s="40">
        <v>0.22</v>
      </c>
      <c r="AG48" s="8">
        <v>0.23</v>
      </c>
      <c r="AH48" s="40">
        <v>0.22</v>
      </c>
      <c r="AI48" s="40">
        <v>0.21</v>
      </c>
      <c r="AJ48" s="40">
        <v>0.21</v>
      </c>
      <c r="AK48" s="40">
        <v>0.31</v>
      </c>
      <c r="AL48" s="40">
        <v>0.31</v>
      </c>
      <c r="AM48" s="40">
        <v>0.31</v>
      </c>
      <c r="AN48" s="40">
        <v>0.31</v>
      </c>
      <c r="AO48" s="40">
        <v>0.36</v>
      </c>
      <c r="AP48" s="8">
        <v>0.41</v>
      </c>
      <c r="AQ48" s="8">
        <v>0.51</v>
      </c>
      <c r="AR48" s="76">
        <v>0.62</v>
      </c>
      <c r="AS48" s="8">
        <v>0.62360000000000004</v>
      </c>
      <c r="AT48" s="8">
        <v>0.67610000000000003</v>
      </c>
      <c r="AU48" s="40">
        <v>0.68</v>
      </c>
      <c r="AV48" s="8">
        <v>0.68</v>
      </c>
      <c r="AW48" s="8">
        <v>0.54</v>
      </c>
      <c r="AX48" s="8">
        <v>0.55000000000000004</v>
      </c>
      <c r="AY48" s="40">
        <v>0.4</v>
      </c>
      <c r="AZ48" s="8">
        <v>0.36</v>
      </c>
      <c r="BA48" s="8">
        <v>0.3</v>
      </c>
      <c r="BB48" s="8">
        <v>0.3</v>
      </c>
      <c r="BC48" s="40">
        <v>0.31</v>
      </c>
      <c r="BD48" s="40">
        <v>0.31</v>
      </c>
    </row>
    <row r="49" spans="3:56" x14ac:dyDescent="0.2">
      <c r="D49" s="64"/>
      <c r="E49" s="65"/>
      <c r="F49" s="65"/>
      <c r="G49" s="65"/>
      <c r="H49" s="66"/>
      <c r="I49" s="66"/>
      <c r="J49" s="66"/>
      <c r="K49" s="65"/>
      <c r="L49" s="66"/>
      <c r="M49" s="66"/>
      <c r="N49" s="66"/>
      <c r="O49" s="66"/>
      <c r="P49" s="65"/>
      <c r="Q49" s="65"/>
      <c r="R49" s="65"/>
      <c r="S49" s="66"/>
      <c r="T49" s="66"/>
      <c r="U49" s="66"/>
      <c r="V49" s="66"/>
      <c r="W49" s="117"/>
      <c r="X49" s="66"/>
      <c r="Y49" s="66"/>
      <c r="Z49" s="66"/>
      <c r="AA49" s="66"/>
      <c r="AB49" s="65"/>
      <c r="AC49" s="65"/>
      <c r="AD49" s="65"/>
      <c r="AE49" s="66"/>
      <c r="AF49" s="66"/>
      <c r="AG49" s="65"/>
      <c r="AH49" s="66"/>
      <c r="AI49" s="66"/>
      <c r="AJ49" s="66"/>
      <c r="AK49" s="66"/>
      <c r="AL49" s="66"/>
      <c r="AM49" s="66"/>
      <c r="AN49" s="66"/>
      <c r="AO49" s="66"/>
      <c r="AP49" s="65"/>
      <c r="AQ49" s="65"/>
      <c r="AR49" s="101"/>
      <c r="AS49" s="65"/>
      <c r="AT49" s="65"/>
      <c r="AU49" s="66"/>
      <c r="AV49" s="65"/>
      <c r="AW49" s="65"/>
      <c r="AX49" s="65"/>
      <c r="AY49" s="66"/>
      <c r="AZ49" s="65"/>
      <c r="BA49" s="65"/>
      <c r="BB49" s="65"/>
      <c r="BC49" s="66"/>
      <c r="BD49" s="66"/>
    </row>
    <row r="50" spans="3:56" x14ac:dyDescent="0.2">
      <c r="D50" s="64"/>
      <c r="E50" s="65"/>
      <c r="F50" s="65"/>
      <c r="G50" s="65"/>
      <c r="I50" s="120"/>
      <c r="M50" s="66"/>
      <c r="N50" s="66"/>
      <c r="O50" s="92"/>
      <c r="P50" s="65"/>
      <c r="Q50" s="65"/>
      <c r="R50" s="65"/>
      <c r="S50" s="66"/>
      <c r="T50" s="66"/>
      <c r="U50" s="66"/>
      <c r="V50" s="66"/>
      <c r="W50" s="117"/>
      <c r="X50" s="66"/>
      <c r="Y50" s="66"/>
      <c r="Z50" s="66"/>
      <c r="AA50" s="66"/>
      <c r="AB50" s="65"/>
      <c r="AC50" s="65"/>
      <c r="AD50" s="65"/>
      <c r="AE50" s="66"/>
      <c r="AF50" s="66"/>
      <c r="AG50" s="65"/>
      <c r="AH50" s="66"/>
      <c r="AI50" s="66"/>
      <c r="AJ50" s="66"/>
      <c r="AK50" s="66"/>
      <c r="AL50" s="66"/>
      <c r="AM50" s="66"/>
      <c r="AN50" s="66"/>
      <c r="AO50" s="66"/>
      <c r="AP50" s="65"/>
      <c r="AQ50" s="65"/>
      <c r="AR50" s="101"/>
      <c r="AS50" s="65"/>
      <c r="AT50" s="65"/>
      <c r="AU50" s="66"/>
      <c r="AV50" s="65"/>
      <c r="AW50" s="65"/>
      <c r="AX50" s="65"/>
      <c r="AY50" s="66"/>
      <c r="AZ50" s="65"/>
      <c r="BA50" s="65"/>
      <c r="BB50" s="65"/>
      <c r="BC50" s="66"/>
      <c r="BD50" s="66"/>
    </row>
    <row r="51" spans="3:56" x14ac:dyDescent="0.2">
      <c r="D51" s="64"/>
      <c r="E51" s="65"/>
      <c r="F51" s="65"/>
      <c r="G51" s="65"/>
      <c r="K51" s="65"/>
      <c r="M51" s="66"/>
      <c r="N51" s="66"/>
      <c r="P51" s="65"/>
      <c r="Q51" s="65"/>
      <c r="R51" s="65"/>
      <c r="S51" s="66"/>
      <c r="T51" s="66"/>
      <c r="U51" s="66"/>
      <c r="V51" s="66"/>
      <c r="W51" s="117"/>
      <c r="X51" s="66"/>
      <c r="Y51" s="117"/>
      <c r="Z51" s="65"/>
      <c r="AA51" s="65"/>
      <c r="AB51" s="65"/>
      <c r="AC51" s="65"/>
      <c r="AD51" s="65"/>
      <c r="AE51" s="66"/>
      <c r="AF51" s="66"/>
      <c r="AG51" s="65"/>
      <c r="AH51" s="66"/>
      <c r="AI51" s="66"/>
      <c r="AJ51" s="66"/>
      <c r="AK51" s="66"/>
      <c r="AL51" s="66"/>
      <c r="AM51" s="66"/>
      <c r="AN51" s="66"/>
      <c r="AO51" s="66"/>
      <c r="AP51" s="65"/>
      <c r="AQ51" s="65"/>
      <c r="AR51" s="101"/>
      <c r="AS51" s="65"/>
      <c r="AT51" s="65"/>
      <c r="AU51" s="66"/>
      <c r="AV51" s="65"/>
      <c r="AW51" s="65"/>
      <c r="AX51" s="65"/>
      <c r="AY51" s="66"/>
      <c r="AZ51" s="65"/>
      <c r="BA51" s="65"/>
      <c r="BB51" s="65"/>
      <c r="BC51" s="66"/>
      <c r="BD51" s="66"/>
    </row>
    <row r="52" spans="3:56" ht="13.5" customHeight="1" x14ac:dyDescent="0.2">
      <c r="C52" s="100" t="s">
        <v>106</v>
      </c>
      <c r="D52" s="6" t="s">
        <v>58</v>
      </c>
      <c r="E52" s="62">
        <v>5.29</v>
      </c>
      <c r="F52" s="62">
        <v>5.44</v>
      </c>
      <c r="G52" s="108">
        <v>5.34</v>
      </c>
      <c r="H52" s="62">
        <v>4.8499999999999996</v>
      </c>
      <c r="I52" s="62">
        <v>5.19</v>
      </c>
      <c r="J52" s="62">
        <v>5.29</v>
      </c>
      <c r="K52" s="17">
        <v>5.22</v>
      </c>
      <c r="L52" s="62">
        <v>5.12</v>
      </c>
      <c r="M52" s="62">
        <v>5.15</v>
      </c>
      <c r="N52" s="62">
        <v>5.23</v>
      </c>
      <c r="O52" s="62">
        <v>5.3</v>
      </c>
      <c r="P52" s="108">
        <v>5.38</v>
      </c>
      <c r="Q52" s="108">
        <v>5.38</v>
      </c>
      <c r="R52" s="108">
        <v>5.32</v>
      </c>
      <c r="S52" s="108">
        <v>5.29</v>
      </c>
      <c r="T52" s="62">
        <v>5.35</v>
      </c>
      <c r="U52" s="62">
        <v>5.27</v>
      </c>
      <c r="V52" s="62">
        <v>5.26</v>
      </c>
      <c r="W52" s="62">
        <v>5.27</v>
      </c>
      <c r="X52" s="62">
        <v>5.03</v>
      </c>
      <c r="Y52" s="62">
        <v>5.22</v>
      </c>
      <c r="Z52" s="108">
        <v>5.35</v>
      </c>
      <c r="AA52" s="108">
        <v>5.35</v>
      </c>
      <c r="AB52" s="62">
        <v>5.29</v>
      </c>
      <c r="AC52" s="62">
        <v>5.26</v>
      </c>
      <c r="AD52" s="17">
        <v>5.38</v>
      </c>
      <c r="AE52" s="62">
        <v>5.35</v>
      </c>
      <c r="AF52" s="62">
        <v>5.48</v>
      </c>
      <c r="AG52" s="62">
        <v>5.72</v>
      </c>
      <c r="AH52" s="62">
        <v>5.61</v>
      </c>
      <c r="AI52" s="62">
        <v>5.66</v>
      </c>
      <c r="AJ52" s="62">
        <v>5.84</v>
      </c>
      <c r="AK52" s="62" t="s">
        <v>90</v>
      </c>
      <c r="AL52" s="62">
        <v>6.03</v>
      </c>
      <c r="AM52" s="106">
        <v>5.93</v>
      </c>
      <c r="AN52" s="62">
        <v>5.97</v>
      </c>
      <c r="AO52" s="62">
        <v>6.86</v>
      </c>
      <c r="AP52" s="62">
        <v>6.26</v>
      </c>
      <c r="AQ52" s="62">
        <v>6.07</v>
      </c>
      <c r="AR52" s="62">
        <v>6.29</v>
      </c>
      <c r="AS52" s="62">
        <v>6.4</v>
      </c>
      <c r="AT52" s="62">
        <v>5.8165927146720762</v>
      </c>
      <c r="AU52" s="62">
        <v>5.98</v>
      </c>
      <c r="AV52" s="108" t="s">
        <v>90</v>
      </c>
      <c r="AW52" s="62">
        <v>6.11</v>
      </c>
      <c r="AX52" s="62">
        <v>6.13</v>
      </c>
      <c r="AY52" s="108"/>
      <c r="AZ52" s="62"/>
      <c r="BA52" s="62"/>
      <c r="BB52" s="62"/>
      <c r="BC52" s="62"/>
      <c r="BD52" s="62"/>
    </row>
    <row r="53" spans="3:56" x14ac:dyDescent="0.2">
      <c r="C53" s="102"/>
      <c r="D53" s="103"/>
      <c r="E53" s="104"/>
      <c r="F53" s="104"/>
      <c r="G53" s="104"/>
      <c r="H53" s="104"/>
      <c r="I53" s="104"/>
      <c r="J53" s="104"/>
      <c r="K53" s="104"/>
      <c r="L53" s="104"/>
      <c r="M53" s="104"/>
      <c r="N53" s="104"/>
      <c r="O53" s="104"/>
      <c r="P53" s="101"/>
      <c r="Q53" s="101"/>
      <c r="R53" s="101"/>
      <c r="S53" s="101"/>
      <c r="T53" s="101"/>
      <c r="U53" s="101"/>
      <c r="V53" s="101"/>
      <c r="W53" s="101"/>
      <c r="X53" s="101"/>
      <c r="Y53" s="101"/>
      <c r="Z53" s="101"/>
      <c r="AA53" s="101"/>
      <c r="AB53" s="101"/>
      <c r="AC53" s="101"/>
      <c r="AD53" s="101"/>
      <c r="AE53" s="101"/>
      <c r="AF53" s="101"/>
      <c r="AG53" s="101"/>
      <c r="AH53" s="101"/>
      <c r="AI53" s="101"/>
      <c r="AJ53" s="101"/>
      <c r="AK53" s="101"/>
      <c r="AL53" s="101"/>
      <c r="AM53" s="101"/>
      <c r="AN53" s="101"/>
      <c r="AO53" s="101"/>
      <c r="AP53" s="101"/>
      <c r="AQ53" s="101"/>
      <c r="AR53" s="101"/>
      <c r="AS53" s="101"/>
      <c r="AT53" s="101"/>
      <c r="AU53" s="101"/>
      <c r="AV53" s="101"/>
      <c r="AW53" s="101"/>
      <c r="AX53" s="101"/>
      <c r="AY53" s="101"/>
      <c r="AZ53" s="101"/>
      <c r="BA53" s="101"/>
      <c r="BB53" s="101"/>
      <c r="BC53" s="101"/>
      <c r="BD53" s="101"/>
    </row>
    <row r="54" spans="3:56" x14ac:dyDescent="0.2">
      <c r="C54" s="114"/>
    </row>
    <row r="55" spans="3:56" x14ac:dyDescent="0.2">
      <c r="C55" s="113"/>
    </row>
    <row r="56" spans="3:56" ht="12.75" customHeight="1" x14ac:dyDescent="0.25">
      <c r="C56" s="85"/>
    </row>
    <row r="57" spans="3:56" ht="17.25" customHeight="1" x14ac:dyDescent="0.25">
      <c r="C57" s="85"/>
    </row>
    <row r="58" spans="3:56" ht="15.75" customHeight="1" x14ac:dyDescent="0.2">
      <c r="C58" s="99"/>
    </row>
    <row r="59" spans="3:56" ht="15.75" customHeight="1" x14ac:dyDescent="0.2">
      <c r="C59" s="1" t="s">
        <v>1</v>
      </c>
      <c r="E59" s="2">
        <v>2017</v>
      </c>
      <c r="F59" s="2"/>
      <c r="G59" s="2"/>
      <c r="H59" s="2"/>
      <c r="I59" s="2"/>
      <c r="J59" s="2"/>
      <c r="K59" s="2"/>
      <c r="L59" s="2"/>
      <c r="M59" s="2"/>
    </row>
    <row r="60" spans="3:56" x14ac:dyDescent="0.2">
      <c r="C60" s="3" t="s">
        <v>2</v>
      </c>
      <c r="D60" s="3" t="s">
        <v>3</v>
      </c>
      <c r="E60" s="4" t="s">
        <v>15</v>
      </c>
      <c r="F60" s="4" t="s">
        <v>16</v>
      </c>
      <c r="G60" s="4" t="s">
        <v>17</v>
      </c>
      <c r="H60" s="4" t="s">
        <v>18</v>
      </c>
      <c r="I60" s="4" t="s">
        <v>19</v>
      </c>
      <c r="J60" s="4" t="s">
        <v>20</v>
      </c>
      <c r="K60" s="4" t="s">
        <v>21</v>
      </c>
      <c r="L60" s="4" t="s">
        <v>22</v>
      </c>
      <c r="M60" s="4" t="s">
        <v>23</v>
      </c>
      <c r="N60" s="4" t="s">
        <v>24</v>
      </c>
      <c r="O60" s="4" t="s">
        <v>25</v>
      </c>
      <c r="P60" s="4" t="s">
        <v>26</v>
      </c>
      <c r="Q60" s="4" t="s">
        <v>27</v>
      </c>
      <c r="R60" s="4" t="s">
        <v>28</v>
      </c>
      <c r="S60" s="4" t="s">
        <v>29</v>
      </c>
      <c r="T60" s="4" t="s">
        <v>30</v>
      </c>
      <c r="U60" s="4" t="s">
        <v>31</v>
      </c>
      <c r="V60" s="4" t="s">
        <v>32</v>
      </c>
      <c r="W60" s="4" t="s">
        <v>33</v>
      </c>
      <c r="X60" s="4" t="s">
        <v>34</v>
      </c>
      <c r="Y60" s="4" t="s">
        <v>35</v>
      </c>
      <c r="Z60" s="4" t="s">
        <v>36</v>
      </c>
      <c r="AA60" s="4" t="s">
        <v>37</v>
      </c>
      <c r="AB60" s="4" t="s">
        <v>38</v>
      </c>
      <c r="AC60" s="4" t="s">
        <v>39</v>
      </c>
      <c r="AD60" s="4" t="s">
        <v>40</v>
      </c>
      <c r="AE60" s="4" t="s">
        <v>41</v>
      </c>
      <c r="AF60" s="4" t="s">
        <v>42</v>
      </c>
      <c r="AG60" s="4" t="s">
        <v>43</v>
      </c>
      <c r="AH60" s="4" t="s">
        <v>44</v>
      </c>
      <c r="AI60" s="4" t="s">
        <v>45</v>
      </c>
      <c r="AJ60" s="4" t="s">
        <v>46</v>
      </c>
      <c r="AK60" s="4" t="s">
        <v>47</v>
      </c>
      <c r="AL60" s="4" t="s">
        <v>48</v>
      </c>
      <c r="AM60" s="4" t="s">
        <v>49</v>
      </c>
      <c r="AN60" s="4" t="s">
        <v>50</v>
      </c>
      <c r="AO60" s="4" t="s">
        <v>51</v>
      </c>
      <c r="AP60" s="4" t="s">
        <v>52</v>
      </c>
      <c r="AQ60" s="4" t="s">
        <v>53</v>
      </c>
      <c r="AR60" s="4" t="s">
        <v>54</v>
      </c>
      <c r="AS60" s="4" t="s">
        <v>55</v>
      </c>
      <c r="AT60" s="4" t="s">
        <v>4</v>
      </c>
      <c r="AU60" s="4" t="s">
        <v>5</v>
      </c>
      <c r="AV60" s="4" t="s">
        <v>6</v>
      </c>
      <c r="AW60" s="4" t="s">
        <v>7</v>
      </c>
      <c r="AX60" s="4" t="s">
        <v>8</v>
      </c>
      <c r="AY60" s="4" t="s">
        <v>9</v>
      </c>
      <c r="AZ60" s="4" t="s">
        <v>10</v>
      </c>
      <c r="BA60" s="4" t="s">
        <v>11</v>
      </c>
      <c r="BB60" s="4" t="s">
        <v>12</v>
      </c>
      <c r="BC60" s="4" t="s">
        <v>13</v>
      </c>
      <c r="BD60" s="4" t="s">
        <v>14</v>
      </c>
    </row>
    <row r="61" spans="3:56" x14ac:dyDescent="0.2">
      <c r="C61" s="5" t="s">
        <v>57</v>
      </c>
      <c r="D61" s="6" t="s">
        <v>58</v>
      </c>
      <c r="E61" s="39"/>
      <c r="F61" s="39"/>
      <c r="G61" s="8"/>
      <c r="H61" s="39"/>
      <c r="I61" s="8"/>
      <c r="J61" s="8"/>
      <c r="K61" s="39"/>
      <c r="L61" s="39"/>
      <c r="M61" s="8"/>
      <c r="N61" s="39"/>
      <c r="O61" s="39"/>
      <c r="P61" s="39"/>
      <c r="Q61" s="39"/>
      <c r="R61" s="39"/>
      <c r="S61" s="39"/>
      <c r="T61" s="39"/>
      <c r="U61" s="39"/>
      <c r="V61" s="39"/>
      <c r="W61" s="17"/>
      <c r="X61" s="39"/>
      <c r="Y61" s="39"/>
      <c r="Z61" s="39"/>
      <c r="AA61" s="39"/>
      <c r="AB61" s="39"/>
      <c r="AC61" s="39"/>
      <c r="AD61" s="39"/>
      <c r="AE61" s="39"/>
      <c r="AF61" s="8"/>
      <c r="AG61" s="39"/>
      <c r="AH61" s="39"/>
      <c r="AI61" s="39"/>
      <c r="AJ61" s="39"/>
      <c r="AK61" s="8"/>
      <c r="AL61" s="39"/>
      <c r="AM61" s="8"/>
      <c r="AN61" s="39"/>
      <c r="AO61" s="39"/>
      <c r="AP61" s="39"/>
      <c r="AQ61" s="39"/>
      <c r="AR61" s="8"/>
      <c r="AS61" s="39"/>
      <c r="AT61" s="39"/>
      <c r="AU61" s="39"/>
      <c r="AV61" s="8"/>
      <c r="AW61" s="39"/>
      <c r="AX61" s="39"/>
      <c r="AY61" s="8"/>
      <c r="AZ61" s="8"/>
      <c r="BA61" s="39"/>
      <c r="BB61" s="39"/>
      <c r="BC61" s="39"/>
      <c r="BD61" s="39"/>
    </row>
    <row r="62" spans="3:56" x14ac:dyDescent="0.2">
      <c r="C62" s="5" t="s">
        <v>59</v>
      </c>
      <c r="D62" s="6" t="s">
        <v>58</v>
      </c>
      <c r="E62" s="39"/>
      <c r="F62" s="39"/>
      <c r="G62" s="8"/>
      <c r="H62" s="39"/>
      <c r="I62" s="8"/>
      <c r="J62" s="8"/>
      <c r="K62" s="39"/>
      <c r="L62" s="39"/>
      <c r="M62" s="8"/>
      <c r="N62" s="39"/>
      <c r="O62" s="39"/>
      <c r="P62" s="39"/>
      <c r="Q62" s="39"/>
      <c r="R62" s="39"/>
      <c r="S62" s="39"/>
      <c r="T62" s="39"/>
      <c r="U62" s="39"/>
      <c r="V62" s="39"/>
      <c r="W62" s="17"/>
      <c r="X62" s="39"/>
      <c r="Y62" s="39"/>
      <c r="Z62" s="39"/>
      <c r="AA62" s="39"/>
      <c r="AB62" s="39"/>
      <c r="AC62" s="39"/>
      <c r="AD62" s="39"/>
      <c r="AE62" s="39"/>
      <c r="AF62" s="8"/>
      <c r="AG62" s="39"/>
      <c r="AH62" s="39"/>
      <c r="AI62" s="39"/>
      <c r="AJ62" s="39"/>
      <c r="AK62" s="8"/>
      <c r="AL62" s="39"/>
      <c r="AM62" s="8"/>
      <c r="AN62" s="39"/>
      <c r="AO62" s="39"/>
      <c r="AP62" s="39"/>
      <c r="AQ62" s="39"/>
      <c r="AR62" s="8"/>
      <c r="AS62" s="39"/>
      <c r="AT62" s="39"/>
      <c r="AU62" s="39"/>
      <c r="AV62" s="8"/>
      <c r="AW62" s="39"/>
      <c r="AX62" s="39"/>
      <c r="AY62" s="8"/>
      <c r="AZ62" s="8"/>
      <c r="BA62" s="39"/>
      <c r="BB62" s="39"/>
      <c r="BC62" s="39"/>
      <c r="BD62" s="39"/>
    </row>
    <row r="63" spans="3:56" x14ac:dyDescent="0.2">
      <c r="C63" s="5" t="s">
        <v>60</v>
      </c>
      <c r="D63" s="6" t="s">
        <v>58</v>
      </c>
      <c r="E63" s="39"/>
      <c r="F63" s="39"/>
      <c r="G63" s="8"/>
      <c r="H63" s="39"/>
      <c r="I63" s="8"/>
      <c r="J63" s="8"/>
      <c r="K63" s="39"/>
      <c r="L63" s="39"/>
      <c r="M63" s="8"/>
      <c r="N63" s="39"/>
      <c r="O63" s="39"/>
      <c r="P63" s="39"/>
      <c r="Q63" s="39"/>
      <c r="R63" s="39"/>
      <c r="S63" s="39"/>
      <c r="T63" s="39"/>
      <c r="U63" s="39"/>
      <c r="V63" s="39"/>
      <c r="W63" s="17"/>
      <c r="X63" s="39"/>
      <c r="Y63" s="39"/>
      <c r="Z63" s="39"/>
      <c r="AA63" s="39"/>
      <c r="AB63" s="39"/>
      <c r="AC63" s="39"/>
      <c r="AD63" s="39"/>
      <c r="AE63" s="39"/>
      <c r="AF63" s="8"/>
      <c r="AG63" s="39"/>
      <c r="AH63" s="39"/>
      <c r="AI63" s="39"/>
      <c r="AJ63" s="39"/>
      <c r="AK63" s="8"/>
      <c r="AL63" s="39"/>
      <c r="AM63" s="8"/>
      <c r="AN63" s="39"/>
      <c r="AO63" s="39"/>
      <c r="AP63" s="39"/>
      <c r="AQ63" s="39"/>
      <c r="AR63" s="8"/>
      <c r="AS63" s="39"/>
      <c r="AT63" s="39"/>
      <c r="AU63" s="39"/>
      <c r="AV63" s="8"/>
      <c r="AW63" s="39"/>
      <c r="AX63" s="39"/>
      <c r="AY63" s="8"/>
      <c r="AZ63" s="8"/>
      <c r="BA63" s="39"/>
      <c r="BB63" s="39"/>
      <c r="BC63" s="39"/>
      <c r="BD63" s="39"/>
    </row>
    <row r="64" spans="3:56" x14ac:dyDescent="0.2">
      <c r="C64" s="5" t="s">
        <v>61</v>
      </c>
      <c r="D64" s="6" t="s">
        <v>58</v>
      </c>
      <c r="E64" s="39"/>
      <c r="F64" s="39"/>
      <c r="G64" s="8"/>
      <c r="H64" s="39"/>
      <c r="I64" s="8"/>
      <c r="J64" s="8"/>
      <c r="K64" s="39"/>
      <c r="L64" s="39"/>
      <c r="M64" s="8"/>
      <c r="N64" s="39"/>
      <c r="O64" s="39"/>
      <c r="P64" s="39"/>
      <c r="Q64" s="39"/>
      <c r="R64" s="39"/>
      <c r="S64" s="39"/>
      <c r="T64" s="39"/>
      <c r="U64" s="39"/>
      <c r="V64" s="39"/>
      <c r="W64" s="17"/>
      <c r="X64" s="39"/>
      <c r="Y64" s="39"/>
      <c r="Z64" s="39"/>
      <c r="AA64" s="39"/>
      <c r="AB64" s="39"/>
      <c r="AC64" s="39"/>
      <c r="AD64" s="39"/>
      <c r="AE64" s="39"/>
      <c r="AF64" s="8"/>
      <c r="AG64" s="39"/>
      <c r="AH64" s="39"/>
      <c r="AI64" s="39"/>
      <c r="AJ64" s="39"/>
      <c r="AK64" s="8"/>
      <c r="AL64" s="39"/>
      <c r="AM64" s="8"/>
      <c r="AN64" s="39"/>
      <c r="AO64" s="39"/>
      <c r="AP64" s="39"/>
      <c r="AQ64" s="39"/>
      <c r="AR64" s="8"/>
      <c r="AS64" s="39"/>
      <c r="AT64" s="39"/>
      <c r="AU64" s="39"/>
      <c r="AV64" s="8"/>
      <c r="AW64" s="39"/>
      <c r="AX64" s="39"/>
      <c r="AY64" s="8"/>
      <c r="AZ64" s="8"/>
      <c r="BA64" s="39"/>
      <c r="BB64" s="39"/>
      <c r="BC64" s="39"/>
      <c r="BD64" s="39"/>
    </row>
    <row r="65" spans="3:56" x14ac:dyDescent="0.2">
      <c r="C65" s="5" t="s">
        <v>62</v>
      </c>
      <c r="D65" s="6" t="s">
        <v>58</v>
      </c>
      <c r="E65" s="39"/>
      <c r="F65" s="39"/>
      <c r="G65" s="8"/>
      <c r="H65" s="39"/>
      <c r="I65" s="8"/>
      <c r="J65" s="8"/>
      <c r="K65" s="39"/>
      <c r="L65" s="39"/>
      <c r="M65" s="8"/>
      <c r="N65" s="39"/>
      <c r="O65" s="39"/>
      <c r="P65" s="39"/>
      <c r="Q65" s="39"/>
      <c r="R65" s="39"/>
      <c r="S65" s="39"/>
      <c r="T65" s="39"/>
      <c r="U65" s="39"/>
      <c r="V65" s="39"/>
      <c r="W65" s="17"/>
      <c r="X65" s="39"/>
      <c r="Y65" s="39"/>
      <c r="Z65" s="39"/>
      <c r="AA65" s="39"/>
      <c r="AB65" s="39"/>
      <c r="AC65" s="39"/>
      <c r="AD65" s="39"/>
      <c r="AE65" s="39"/>
      <c r="AF65" s="8"/>
      <c r="AG65" s="39"/>
      <c r="AH65" s="39"/>
      <c r="AI65" s="39"/>
      <c r="AJ65" s="39"/>
      <c r="AK65" s="8"/>
      <c r="AL65" s="39"/>
      <c r="AM65" s="8"/>
      <c r="AN65" s="39"/>
      <c r="AO65" s="39"/>
      <c r="AP65" s="39"/>
      <c r="AQ65" s="39"/>
      <c r="AR65" s="8"/>
      <c r="AS65" s="39"/>
      <c r="AT65" s="39"/>
      <c r="AU65" s="39"/>
      <c r="AV65" s="8"/>
      <c r="AW65" s="39"/>
      <c r="AX65" s="39"/>
      <c r="AY65" s="8"/>
      <c r="AZ65" s="8"/>
      <c r="BA65" s="39"/>
      <c r="BB65" s="39"/>
      <c r="BC65" s="39"/>
      <c r="BD65" s="39"/>
    </row>
    <row r="66" spans="3:56" x14ac:dyDescent="0.2">
      <c r="C66" s="5" t="s">
        <v>75</v>
      </c>
      <c r="D66" s="20" t="s">
        <v>76</v>
      </c>
      <c r="E66" s="39"/>
      <c r="F66" s="39"/>
      <c r="G66" s="8"/>
      <c r="H66" s="39"/>
      <c r="I66" s="8"/>
      <c r="J66" s="8"/>
      <c r="K66" s="39"/>
      <c r="L66" s="39"/>
      <c r="M66" s="8"/>
      <c r="N66" s="39"/>
      <c r="O66" s="39"/>
      <c r="P66" s="39"/>
      <c r="Q66" s="39"/>
      <c r="R66" s="39"/>
      <c r="S66" s="39"/>
      <c r="T66" s="39"/>
      <c r="U66" s="39"/>
      <c r="V66" s="39"/>
      <c r="W66" s="17"/>
      <c r="X66" s="39"/>
      <c r="Y66" s="39"/>
      <c r="Z66" s="39"/>
      <c r="AA66" s="39"/>
      <c r="AB66" s="39"/>
      <c r="AC66" s="39"/>
      <c r="AD66" s="39"/>
      <c r="AE66" s="39"/>
      <c r="AF66" s="8"/>
      <c r="AG66" s="39"/>
      <c r="AH66" s="39"/>
      <c r="AI66" s="39"/>
      <c r="AJ66" s="39"/>
      <c r="AK66" s="8"/>
      <c r="AL66" s="39"/>
      <c r="AM66" s="8"/>
      <c r="AN66" s="39"/>
      <c r="AO66" s="39"/>
      <c r="AP66" s="39"/>
      <c r="AQ66" s="39"/>
      <c r="AR66" s="8"/>
      <c r="AS66" s="39"/>
      <c r="AT66" s="39"/>
      <c r="AU66" s="39"/>
      <c r="AV66" s="8"/>
      <c r="AW66" s="39"/>
      <c r="AX66" s="39"/>
      <c r="AY66" s="8"/>
      <c r="AZ66" s="8"/>
      <c r="BA66" s="39"/>
      <c r="BB66" s="39"/>
      <c r="BC66" s="39"/>
      <c r="BD66" s="39"/>
    </row>
    <row r="67" spans="3:56" x14ac:dyDescent="0.2">
      <c r="C67" s="5" t="s">
        <v>63</v>
      </c>
      <c r="D67" s="6" t="s">
        <v>58</v>
      </c>
      <c r="E67" s="8">
        <v>9.5217414570033796</v>
      </c>
      <c r="F67" s="8">
        <v>6.3662200006323975</v>
      </c>
      <c r="G67" s="8">
        <v>7.2074187829862923</v>
      </c>
      <c r="H67" s="8">
        <v>5.1841707578327227</v>
      </c>
      <c r="I67" s="8">
        <v>4.7894872337878773</v>
      </c>
      <c r="J67" s="8">
        <v>4.9873847506269877</v>
      </c>
      <c r="K67" s="8">
        <v>5.6365523869819345</v>
      </c>
      <c r="L67" s="8">
        <v>4.6448948616600783</v>
      </c>
      <c r="M67" s="8">
        <v>4.6749775397919144</v>
      </c>
      <c r="N67" s="8">
        <v>5.7465101296764312</v>
      </c>
      <c r="O67" s="8">
        <v>5.9162128430839944</v>
      </c>
      <c r="P67" s="8">
        <v>6.4727474175529878</v>
      </c>
      <c r="Q67" s="8">
        <v>6.3477218033595992</v>
      </c>
      <c r="R67" s="8">
        <v>7.2032324126502614</v>
      </c>
      <c r="S67" s="8">
        <v>7.1308133229157624</v>
      </c>
      <c r="T67" s="8">
        <v>5.1662021244613685</v>
      </c>
      <c r="U67" s="8">
        <v>5.8581312208567997</v>
      </c>
      <c r="V67" s="8">
        <v>5.3555351161521028</v>
      </c>
      <c r="W67" s="17">
        <v>4.9242130733481515</v>
      </c>
      <c r="X67" s="8">
        <v>4.5369993000895414</v>
      </c>
      <c r="Y67" s="8">
        <v>4.4517792154540068</v>
      </c>
      <c r="Z67" s="8">
        <v>4.2859673500703286</v>
      </c>
      <c r="AA67" s="8">
        <v>4.8492590022285649</v>
      </c>
      <c r="AB67" s="8">
        <v>5.4523970933329782</v>
      </c>
      <c r="AC67" s="8">
        <v>4.5650734713388808</v>
      </c>
      <c r="AD67" s="8">
        <v>4.9180261078958551</v>
      </c>
      <c r="AE67" s="39">
        <v>6.2022575481993449</v>
      </c>
      <c r="AF67" s="39">
        <v>5.8745571316409322</v>
      </c>
      <c r="AG67" s="39">
        <v>5.0968833716937709</v>
      </c>
      <c r="AH67" s="39">
        <v>6.03</v>
      </c>
      <c r="AI67" s="8">
        <v>5.4807002036536066</v>
      </c>
      <c r="AJ67" s="39">
        <v>5.7485503824840194</v>
      </c>
      <c r="AK67" s="8">
        <v>5.7695654552915965</v>
      </c>
      <c r="AL67" s="39">
        <v>5.5197359571830482</v>
      </c>
      <c r="AM67" s="39">
        <v>5.4878814627994954</v>
      </c>
      <c r="AN67" s="8">
        <v>6.0027000673361028</v>
      </c>
      <c r="AO67" s="8">
        <v>7.2593742310385947</v>
      </c>
      <c r="AP67" s="8">
        <v>7.1027822768881048</v>
      </c>
      <c r="AQ67" s="8">
        <v>6.7708368587180354</v>
      </c>
      <c r="AR67" s="8">
        <v>6.378457799198384</v>
      </c>
      <c r="AS67" s="8">
        <v>6.378457799198384</v>
      </c>
      <c r="AT67" s="8">
        <v>6.3307362218165091</v>
      </c>
      <c r="AU67" s="8">
        <v>8.3834198492795338</v>
      </c>
      <c r="AV67" s="8">
        <v>6.879347412950815</v>
      </c>
      <c r="AW67" s="8">
        <v>6.1114302032940273</v>
      </c>
      <c r="AX67" s="8">
        <v>5.5849313521318731</v>
      </c>
      <c r="AY67" s="8">
        <v>5.5456803018317808</v>
      </c>
      <c r="AZ67" s="8">
        <v>5.140540612084572</v>
      </c>
      <c r="BA67" s="8">
        <v>6.2170005190018829</v>
      </c>
      <c r="BB67" s="8">
        <v>7.8373843124658453</v>
      </c>
      <c r="BC67" s="8">
        <v>9.3900499104848336</v>
      </c>
      <c r="BD67" s="8">
        <v>8.9036696636549717</v>
      </c>
    </row>
    <row r="68" spans="3:56" x14ac:dyDescent="0.2">
      <c r="C68" s="5" t="s">
        <v>64</v>
      </c>
      <c r="D68" s="6" t="s">
        <v>58</v>
      </c>
      <c r="E68" s="8">
        <v>5.9184059930156581</v>
      </c>
      <c r="F68" s="8">
        <v>5.1872920187793428</v>
      </c>
      <c r="G68" s="8">
        <v>5.7699335868872712</v>
      </c>
      <c r="H68" s="8">
        <v>4.917455338798991</v>
      </c>
      <c r="I68" s="8">
        <v>5.0603294535411329</v>
      </c>
      <c r="J68" s="8">
        <v>5.3644508816120906</v>
      </c>
      <c r="K68" s="8">
        <v>4.9617569157778734</v>
      </c>
      <c r="L68" s="8">
        <v>4.6113420527027893</v>
      </c>
      <c r="M68" s="8">
        <v>4.581722428748451</v>
      </c>
      <c r="N68" s="8">
        <v>4.9989587181484367</v>
      </c>
      <c r="O68" s="8">
        <v>4.9460012952435779</v>
      </c>
      <c r="P68" s="8">
        <v>5.8407323192099394</v>
      </c>
      <c r="Q68" s="8">
        <v>4.9623270494638536</v>
      </c>
      <c r="R68" s="8">
        <v>5.7227002944663283</v>
      </c>
      <c r="S68" s="8">
        <v>5.6656514382402703</v>
      </c>
      <c r="T68" s="8">
        <v>5.4657287784222479</v>
      </c>
      <c r="U68" s="8">
        <v>5.7350426248826194</v>
      </c>
      <c r="V68" s="8">
        <v>5.1341568851335921</v>
      </c>
      <c r="W68" s="17">
        <v>4.6055295211353116</v>
      </c>
      <c r="X68" s="8">
        <v>4.1161443733589733</v>
      </c>
      <c r="Y68" s="8">
        <v>4.0565616284544896</v>
      </c>
      <c r="Z68" s="8">
        <v>3.8453459643921493</v>
      </c>
      <c r="AA68" s="8">
        <v>3.9173541236553295</v>
      </c>
      <c r="AB68" s="8">
        <v>4.6139285946369659</v>
      </c>
      <c r="AC68" s="8">
        <v>4.2554575723987229</v>
      </c>
      <c r="AD68" s="8">
        <v>4.1937318773034571</v>
      </c>
      <c r="AE68" s="8">
        <v>4.9596741373617306</v>
      </c>
      <c r="AF68" s="8">
        <v>5.4261345498077347</v>
      </c>
      <c r="AG68" s="8">
        <v>5.1030402618364423</v>
      </c>
      <c r="AH68" s="8">
        <v>5.1903001891773908</v>
      </c>
      <c r="AI68" s="8">
        <v>5.2695796990841695</v>
      </c>
      <c r="AJ68" s="8">
        <v>5.4590020802260781</v>
      </c>
      <c r="AK68" s="8">
        <v>5.2466919394488292</v>
      </c>
      <c r="AL68" s="8">
        <v>4.9208291534670892</v>
      </c>
      <c r="AM68" s="8">
        <v>4.8754130196936538</v>
      </c>
      <c r="AN68" s="8">
        <v>5.3154822335025385</v>
      </c>
      <c r="AO68" s="8">
        <v>5.507269190269672</v>
      </c>
      <c r="AP68" s="8">
        <v>5.8457588243651939</v>
      </c>
      <c r="AQ68" s="8">
        <v>5.4267561239193087</v>
      </c>
      <c r="AR68" s="8">
        <v>5.2763957597173148</v>
      </c>
      <c r="AS68" s="8">
        <v>5.2763957597173148</v>
      </c>
      <c r="AT68" s="8">
        <v>5.3014953534215712</v>
      </c>
      <c r="AU68" s="8">
        <v>5.3521153814635749</v>
      </c>
      <c r="AV68" s="8">
        <v>4.5078382326456286</v>
      </c>
      <c r="AW68" s="8">
        <v>4.6381167196211264</v>
      </c>
      <c r="AX68" s="8">
        <v>4.3744599400014632</v>
      </c>
      <c r="AY68" s="8">
        <v>4.3307178515007898</v>
      </c>
      <c r="AZ68" s="8">
        <v>4.6382008240278365</v>
      </c>
      <c r="BA68" s="8">
        <v>4.6328949357520788</v>
      </c>
      <c r="BB68" s="8">
        <v>5.4855295699517264</v>
      </c>
      <c r="BC68" s="8">
        <v>6.2454474285714285</v>
      </c>
      <c r="BD68" s="8">
        <v>4.7832242616385781</v>
      </c>
    </row>
    <row r="69" spans="3:56" x14ac:dyDescent="0.2">
      <c r="C69" s="5" t="s">
        <v>65</v>
      </c>
      <c r="D69" s="6" t="s">
        <v>58</v>
      </c>
      <c r="E69" s="8">
        <v>2.8588321101074876</v>
      </c>
      <c r="F69" s="8">
        <v>3.0146832996931656</v>
      </c>
      <c r="G69" s="8">
        <v>3.7941895343026002</v>
      </c>
      <c r="H69" s="8">
        <v>3.1259974115995437</v>
      </c>
      <c r="I69" s="8">
        <v>2.8511476768581252</v>
      </c>
      <c r="J69" s="8">
        <v>3.5422846038147719</v>
      </c>
      <c r="K69" s="8">
        <v>2.6193292789124616</v>
      </c>
      <c r="L69" s="8">
        <v>2.7911762717191002</v>
      </c>
      <c r="M69" s="8">
        <v>2.9446511865746228</v>
      </c>
      <c r="N69" s="8">
        <v>2.5861716405427475</v>
      </c>
      <c r="O69" s="8">
        <v>2.5122397539472709</v>
      </c>
      <c r="P69" s="8">
        <v>2.26832674983961</v>
      </c>
      <c r="Q69" s="8">
        <v>2.8923199336856964</v>
      </c>
      <c r="R69" s="8">
        <v>3.1624106581114897</v>
      </c>
      <c r="S69" s="8">
        <v>3.3689035047969238</v>
      </c>
      <c r="T69" s="8">
        <v>3.1234770484697276</v>
      </c>
      <c r="U69" s="8">
        <v>2.7389758875866392</v>
      </c>
      <c r="V69" s="8">
        <v>2.7474883137922141</v>
      </c>
      <c r="W69" s="17">
        <v>2.7220198311035202</v>
      </c>
      <c r="X69" s="8">
        <v>3.0989149099304045</v>
      </c>
      <c r="Y69" s="8">
        <v>2.9415367319762549</v>
      </c>
      <c r="Z69" s="8">
        <v>2.9833104399789345</v>
      </c>
      <c r="AA69" s="8">
        <v>3.0080485631448792</v>
      </c>
      <c r="AB69" s="8">
        <v>3.1132385532804472</v>
      </c>
      <c r="AC69" s="8">
        <v>3.8186053849909007</v>
      </c>
      <c r="AD69" s="8">
        <v>4.03557392038124</v>
      </c>
      <c r="AE69" s="8">
        <v>3.4188346089628983</v>
      </c>
      <c r="AF69" s="8">
        <v>3.7545941130564104</v>
      </c>
      <c r="AG69" s="8">
        <v>3.8057898133012138</v>
      </c>
      <c r="AH69" s="8">
        <v>3.2696496796822916</v>
      </c>
      <c r="AI69" s="8">
        <v>3.3801661326688026</v>
      </c>
      <c r="AJ69" s="8">
        <v>5.0479251021079579</v>
      </c>
      <c r="AK69" s="8">
        <v>3.9275107764368182</v>
      </c>
      <c r="AL69" s="8">
        <v>3.5583876645082579</v>
      </c>
      <c r="AM69" s="8">
        <v>3.4665543980501208</v>
      </c>
      <c r="AN69" s="8">
        <v>3.0811485163717323</v>
      </c>
      <c r="AO69" s="8">
        <v>3.851144359000255</v>
      </c>
      <c r="AP69" s="8">
        <v>3.2437504314738335</v>
      </c>
      <c r="AQ69" s="8">
        <v>3.0868854221254756</v>
      </c>
      <c r="AR69" s="8">
        <v>3.760474325639267</v>
      </c>
      <c r="AS69" s="8">
        <v>3.760474325639267</v>
      </c>
      <c r="AT69" s="8">
        <v>2.6958820787083093</v>
      </c>
      <c r="AU69" s="8">
        <v>2.4103318111791974</v>
      </c>
      <c r="AV69" s="8">
        <v>2.8390751108403172</v>
      </c>
      <c r="AW69" s="8">
        <v>3.0205878499223666</v>
      </c>
      <c r="AX69" s="8">
        <v>2.7005554443724584</v>
      </c>
      <c r="AY69" s="8">
        <v>2.5658283724509694</v>
      </c>
      <c r="AZ69" s="8">
        <v>2.8926724723120523</v>
      </c>
      <c r="BA69" s="8">
        <v>2.5408966134640401</v>
      </c>
      <c r="BB69" s="8">
        <v>3.9923437004936582</v>
      </c>
      <c r="BC69" s="8">
        <v>2.711834300004619</v>
      </c>
      <c r="BD69" s="8">
        <v>5.2641429597349401</v>
      </c>
    </row>
    <row r="70" spans="3:56" x14ac:dyDescent="0.2">
      <c r="C70" s="5" t="s">
        <v>66</v>
      </c>
      <c r="D70" s="6" t="s">
        <v>58</v>
      </c>
      <c r="E70" s="8">
        <v>5.406824233908738</v>
      </c>
      <c r="F70" s="8">
        <v>3.3989990336714744</v>
      </c>
      <c r="G70" s="8">
        <v>4.4330724597935323</v>
      </c>
      <c r="H70" s="8">
        <v>4.865667370551229</v>
      </c>
      <c r="I70" s="8">
        <v>5.1516191235133597</v>
      </c>
      <c r="J70" s="8">
        <v>5.1072073916689389</v>
      </c>
      <c r="K70" s="8">
        <v>4.7045488710922418</v>
      </c>
      <c r="L70" s="8">
        <v>4.3103126331606454</v>
      </c>
      <c r="M70" s="8">
        <v>4.0144246186609323</v>
      </c>
      <c r="N70" s="8">
        <v>3.807751095338995</v>
      </c>
      <c r="O70" s="8">
        <v>3.48851794007855</v>
      </c>
      <c r="P70" s="8">
        <v>3.8511285052269431</v>
      </c>
      <c r="Q70" s="8">
        <v>3.303418577600532</v>
      </c>
      <c r="R70" s="8">
        <v>3.3639031898694123</v>
      </c>
      <c r="S70" s="8">
        <v>3.9082594992238651</v>
      </c>
      <c r="T70" s="8">
        <v>3.7952472463754394</v>
      </c>
      <c r="U70" s="8">
        <v>3.1325053615376586</v>
      </c>
      <c r="V70" s="8">
        <v>3.1969641610163761</v>
      </c>
      <c r="W70" s="17">
        <v>2.9071489839127054</v>
      </c>
      <c r="X70" s="8">
        <v>2.9549551467399162</v>
      </c>
      <c r="Y70" s="8">
        <v>2.6903991009742083</v>
      </c>
      <c r="Z70" s="8">
        <v>3.4370787820821329</v>
      </c>
      <c r="AA70" s="8">
        <v>2.8949816497786585</v>
      </c>
      <c r="AB70" s="8">
        <v>3.0629533802418973</v>
      </c>
      <c r="AC70" s="8">
        <v>2.8892972995445385</v>
      </c>
      <c r="AD70" s="8">
        <v>4.2230011195898616</v>
      </c>
      <c r="AE70" s="8">
        <v>3.9319234889058912</v>
      </c>
      <c r="AF70" s="8">
        <v>4.1558040135782743</v>
      </c>
      <c r="AG70" s="8">
        <v>4.0549617182130584</v>
      </c>
      <c r="AH70" s="8">
        <v>3.9659553974004442</v>
      </c>
      <c r="AI70" s="8">
        <v>3.3536891834491431</v>
      </c>
      <c r="AJ70" s="8">
        <v>4.8710712709295825</v>
      </c>
      <c r="AK70" s="8">
        <v>3.2649285984568053</v>
      </c>
      <c r="AL70" s="8">
        <v>3.1413132247831896</v>
      </c>
      <c r="AM70" s="8">
        <v>3.0824464191239191</v>
      </c>
      <c r="AN70" s="8">
        <v>3.4077479690436379</v>
      </c>
      <c r="AO70" s="8">
        <v>3.2177038359421855</v>
      </c>
      <c r="AP70" s="8">
        <v>3.074834938153566</v>
      </c>
      <c r="AQ70" s="8">
        <v>3.2748412927160935</v>
      </c>
      <c r="AR70" s="8">
        <v>3.3931087419894363</v>
      </c>
      <c r="AS70" s="8">
        <v>3.3931087419894363</v>
      </c>
      <c r="AT70" s="8">
        <v>3.7515878542039411</v>
      </c>
      <c r="AU70" s="8">
        <v>3.3572246019682805</v>
      </c>
      <c r="AV70" s="8">
        <v>3.1026752697671482</v>
      </c>
      <c r="AW70" s="8">
        <v>3.9079594521306675</v>
      </c>
      <c r="AX70" s="8">
        <v>3.1809412601304832</v>
      </c>
      <c r="AY70" s="8">
        <v>3.0778766057730813</v>
      </c>
      <c r="AZ70" s="8">
        <v>2.9222480945866622</v>
      </c>
      <c r="BA70" s="8">
        <v>4.104537548261276</v>
      </c>
      <c r="BB70" s="8">
        <v>3.9919764585108659</v>
      </c>
      <c r="BC70" s="8">
        <v>4.1255228907760522</v>
      </c>
      <c r="BD70" s="8">
        <v>6.2214170076237014</v>
      </c>
    </row>
    <row r="71" spans="3:56" x14ac:dyDescent="0.2">
      <c r="C71" s="5" t="s">
        <v>116</v>
      </c>
      <c r="D71" s="6" t="s">
        <v>58</v>
      </c>
      <c r="E71" s="8">
        <v>7.7822996261511816</v>
      </c>
      <c r="F71" s="8">
        <v>7.4951137026718273</v>
      </c>
      <c r="G71" s="8">
        <v>7.7567753009322908</v>
      </c>
      <c r="H71" s="8">
        <v>6.6879251375615416</v>
      </c>
      <c r="I71" s="8">
        <v>5.9102301824852761</v>
      </c>
      <c r="J71" s="8">
        <v>6.7624073947278323</v>
      </c>
      <c r="K71" s="8">
        <v>6.9964100357846482</v>
      </c>
      <c r="L71" s="8">
        <v>6.0256755153810424</v>
      </c>
      <c r="M71" s="8">
        <v>5.8409289347215001</v>
      </c>
      <c r="N71" s="8">
        <v>6.55898452394303</v>
      </c>
      <c r="O71" s="8">
        <v>6.1799699508768748</v>
      </c>
      <c r="P71" s="8">
        <v>6.1233272873056777</v>
      </c>
      <c r="Q71" s="8">
        <v>5.8338017158299804</v>
      </c>
      <c r="R71" s="8">
        <v>5.9857367057077076</v>
      </c>
      <c r="S71" s="8">
        <v>5.7565267249381193</v>
      </c>
      <c r="T71" s="8">
        <v>5.4740516285736476</v>
      </c>
      <c r="U71" s="8">
        <v>5.8695653861991888</v>
      </c>
      <c r="V71" s="8">
        <v>5.844853707011497</v>
      </c>
      <c r="W71" s="17">
        <v>5.6970040655094865</v>
      </c>
      <c r="X71" s="8">
        <v>5.9543491973609699</v>
      </c>
      <c r="Y71" s="8">
        <v>5.8653639329905651</v>
      </c>
      <c r="Z71" s="8">
        <v>5.4167865844546519</v>
      </c>
      <c r="AA71" s="8">
        <v>5.5672085105106461</v>
      </c>
      <c r="AB71" s="8">
        <v>6.3568982084761156</v>
      </c>
      <c r="AC71" s="8">
        <v>6.1951002049981483</v>
      </c>
      <c r="AD71" s="8">
        <v>6.0940893961351437</v>
      </c>
      <c r="AE71" s="8">
        <v>6.3998848820691698</v>
      </c>
      <c r="AF71" s="8">
        <v>6.4675505511403646</v>
      </c>
      <c r="AG71" s="8">
        <v>6.1806639105454186</v>
      </c>
      <c r="AH71" s="8">
        <v>6.0580949805279101</v>
      </c>
      <c r="AI71" s="8">
        <v>6.4976796625371378</v>
      </c>
      <c r="AJ71" s="8">
        <v>6.8413319498630365</v>
      </c>
      <c r="AK71" s="8">
        <v>6.6535904497701575</v>
      </c>
      <c r="AL71" s="8">
        <v>6.3130836426082704</v>
      </c>
      <c r="AM71" s="8">
        <v>6.2536895288341769</v>
      </c>
      <c r="AN71" s="8">
        <v>6.8625208085612357</v>
      </c>
      <c r="AO71" s="8">
        <v>7.0989157316533475</v>
      </c>
      <c r="AP71" s="8">
        <v>7.0799211091933429</v>
      </c>
      <c r="AQ71" s="8">
        <v>7.0027201808055981</v>
      </c>
      <c r="AR71" s="8">
        <v>6.6613274201530324</v>
      </c>
      <c r="AS71" s="8">
        <v>6.6613274201530324</v>
      </c>
      <c r="AT71" s="8">
        <v>6.266466022537533</v>
      </c>
      <c r="AU71" s="8">
        <v>7.2625658151243417</v>
      </c>
      <c r="AV71" s="8">
        <v>6.4388472089314188</v>
      </c>
      <c r="AW71" s="8">
        <v>6.3123818092227273</v>
      </c>
      <c r="AX71" s="8">
        <v>6.6310998984218887</v>
      </c>
      <c r="AY71" s="8">
        <v>6.9618503919087456</v>
      </c>
      <c r="AZ71" s="8">
        <v>7.2512478115476657</v>
      </c>
      <c r="BA71" s="8">
        <v>6.6128079412860306</v>
      </c>
      <c r="BB71" s="8">
        <v>7.2885485804131811</v>
      </c>
      <c r="BC71" s="8">
        <v>8.6681351556751149</v>
      </c>
      <c r="BD71" s="8">
        <v>7.5455756962427198</v>
      </c>
    </row>
    <row r="72" spans="3:56" x14ac:dyDescent="0.2">
      <c r="C72" s="5" t="s">
        <v>68</v>
      </c>
      <c r="D72" s="6" t="s">
        <v>58</v>
      </c>
      <c r="E72" s="8">
        <v>3.6175318422816747</v>
      </c>
      <c r="F72" s="8">
        <v>3.876226963360927</v>
      </c>
      <c r="G72" s="8">
        <v>4.4160581947174151</v>
      </c>
      <c r="H72" s="8">
        <v>3.9667702790395842</v>
      </c>
      <c r="I72" s="8">
        <v>3.7648699145671483</v>
      </c>
      <c r="J72" s="8">
        <v>4.1570419350081114</v>
      </c>
      <c r="K72" s="8">
        <v>4.2395348091524738</v>
      </c>
      <c r="L72" s="8">
        <v>3.7898581934003146</v>
      </c>
      <c r="M72" s="8">
        <v>3.7858978794200757</v>
      </c>
      <c r="N72" s="8">
        <v>3.7596982208274166</v>
      </c>
      <c r="O72" s="8">
        <v>4.1816974278905414</v>
      </c>
      <c r="P72" s="8">
        <v>3.2982552800734615</v>
      </c>
      <c r="Q72" s="8">
        <v>3.6308376692442579</v>
      </c>
      <c r="R72" s="8">
        <v>3.9066414516569141</v>
      </c>
      <c r="S72" s="8">
        <v>4.1036089936309361</v>
      </c>
      <c r="T72" s="8">
        <v>3.8080933655829408</v>
      </c>
      <c r="U72" s="8">
        <v>3.5657600895308859</v>
      </c>
      <c r="V72" s="8">
        <v>3.8639910124813257</v>
      </c>
      <c r="W72" s="17">
        <v>3.6386701552033531</v>
      </c>
      <c r="X72" s="8">
        <v>3.5237503179922793</v>
      </c>
      <c r="Y72" s="8">
        <v>3.3870694199370126</v>
      </c>
      <c r="Z72" s="8">
        <v>3.5204092884273437</v>
      </c>
      <c r="AA72" s="8">
        <v>3.6962263467439485</v>
      </c>
      <c r="AB72" s="8">
        <v>3.7095535909266499</v>
      </c>
      <c r="AC72" s="8">
        <v>3.913684580962816</v>
      </c>
      <c r="AD72" s="8">
        <v>3.5252678141706837</v>
      </c>
      <c r="AE72" s="8">
        <v>4.451098247409492</v>
      </c>
      <c r="AF72" s="8">
        <v>3.6913533940120278</v>
      </c>
      <c r="AG72" s="8">
        <v>3.666799213711232</v>
      </c>
      <c r="AH72" s="8">
        <v>3.6515966843837009</v>
      </c>
      <c r="AI72" s="8">
        <v>3.5088975284643151</v>
      </c>
      <c r="AJ72" s="8">
        <v>3.1949304263159841</v>
      </c>
      <c r="AK72" s="8">
        <v>3.3699411604837612</v>
      </c>
      <c r="AL72" s="8">
        <v>3.224970106288751</v>
      </c>
      <c r="AM72" s="8">
        <v>3.0563177065300184</v>
      </c>
      <c r="AN72" s="8">
        <v>2.8938790397453467</v>
      </c>
      <c r="AO72" s="8">
        <v>3.1371952037478459</v>
      </c>
      <c r="AP72" s="8">
        <v>3.0268374164810692</v>
      </c>
      <c r="AQ72" s="8">
        <v>2.7429267617465682</v>
      </c>
      <c r="AR72" s="8">
        <v>3.0000556766148616</v>
      </c>
      <c r="AS72" s="8">
        <v>3.0000556766148616</v>
      </c>
      <c r="AT72" s="8">
        <v>3.0985303047997195</v>
      </c>
      <c r="AU72" s="8">
        <v>2.9348094941915295</v>
      </c>
      <c r="AV72" s="8">
        <v>2.8821328889814617</v>
      </c>
      <c r="AW72" s="8">
        <v>3.0510828173292963</v>
      </c>
      <c r="AX72" s="8">
        <v>3.0995034983217504</v>
      </c>
      <c r="AY72" s="8">
        <v>2.5491609286312462</v>
      </c>
      <c r="AZ72" s="8">
        <v>2.7790714608532707</v>
      </c>
      <c r="BA72" s="8">
        <v>2.9564574177250234</v>
      </c>
      <c r="BB72" s="8">
        <v>2.7977372246195773</v>
      </c>
      <c r="BC72" s="8">
        <v>3.315599615748654</v>
      </c>
      <c r="BD72" s="8">
        <v>3.4066165163265989</v>
      </c>
    </row>
    <row r="73" spans="3:56" x14ac:dyDescent="0.2">
      <c r="C73" s="5" t="s">
        <v>69</v>
      </c>
      <c r="D73" s="6" t="s">
        <v>58</v>
      </c>
      <c r="E73" s="8">
        <v>2.8122969974855794</v>
      </c>
      <c r="F73" s="8">
        <v>2.5606238931216048</v>
      </c>
      <c r="G73" s="8">
        <v>2.9095783394710408</v>
      </c>
      <c r="H73" s="8">
        <v>2.0818616153272762</v>
      </c>
      <c r="I73" s="8">
        <v>2.2243199053375848</v>
      </c>
      <c r="J73" s="8">
        <v>2.3454182132572341</v>
      </c>
      <c r="K73" s="8">
        <v>1.8792879710796651</v>
      </c>
      <c r="L73" s="8">
        <v>1.8701766370706172</v>
      </c>
      <c r="M73" s="8">
        <v>1.9024223141610828</v>
      </c>
      <c r="N73" s="8">
        <v>1.8441768739867732</v>
      </c>
      <c r="O73" s="8">
        <v>1.7348635127861882</v>
      </c>
      <c r="P73" s="8">
        <v>2.5120550736120433</v>
      </c>
      <c r="Q73" s="8">
        <v>1.9622749796612675</v>
      </c>
      <c r="R73" s="8">
        <v>2.3151076026689221</v>
      </c>
      <c r="S73" s="8">
        <v>2.2874626444883002</v>
      </c>
      <c r="T73" s="8">
        <v>1.9510079829098266</v>
      </c>
      <c r="U73" s="8">
        <v>1.9292548866244106</v>
      </c>
      <c r="V73" s="8">
        <v>1.7788840825026646</v>
      </c>
      <c r="W73" s="17">
        <v>1.8784209586333038</v>
      </c>
      <c r="X73" s="8">
        <v>1.8385899686918263</v>
      </c>
      <c r="Y73" s="8">
        <v>1.8936826136241875</v>
      </c>
      <c r="Z73" s="8">
        <v>1.773215500613712</v>
      </c>
      <c r="AA73" s="8">
        <v>1.7739032853667831</v>
      </c>
      <c r="AB73" s="8">
        <v>1.8955414871569665</v>
      </c>
      <c r="AC73" s="8">
        <v>1.6138483718423677</v>
      </c>
      <c r="AD73" s="8">
        <v>1.6486739203163276</v>
      </c>
      <c r="AE73" s="8">
        <v>2.269978533546595</v>
      </c>
      <c r="AF73" s="8">
        <v>1.610166341592622</v>
      </c>
      <c r="AG73" s="8">
        <v>1.7311937907068691</v>
      </c>
      <c r="AH73" s="8">
        <v>1.8306998682677755</v>
      </c>
      <c r="AI73" s="8">
        <v>1.8919270588456547</v>
      </c>
      <c r="AJ73" s="8">
        <v>1.9013673280023355</v>
      </c>
      <c r="AK73" s="8">
        <v>1.9097606014076225</v>
      </c>
      <c r="AL73" s="8">
        <v>2.3942824721991069</v>
      </c>
      <c r="AM73" s="8">
        <v>1.8405830325218551</v>
      </c>
      <c r="AN73" s="40">
        <v>1.5883029795798911</v>
      </c>
      <c r="AO73" s="8">
        <v>1.610671808513273</v>
      </c>
      <c r="AP73" s="8">
        <v>1.7505389797882578</v>
      </c>
      <c r="AQ73" s="8">
        <v>1.8791383840083773</v>
      </c>
      <c r="AR73" s="8">
        <v>1.9201092611862645</v>
      </c>
      <c r="AS73" s="8">
        <v>1.9201092611862645</v>
      </c>
      <c r="AT73" s="8">
        <v>1.9465904066585167</v>
      </c>
      <c r="AU73" s="8">
        <v>1.9545771898179438</v>
      </c>
      <c r="AV73" s="8">
        <v>1.6897105071596918</v>
      </c>
      <c r="AW73" s="8">
        <v>1.7029118796636267</v>
      </c>
      <c r="AX73" s="8">
        <v>1.6982642183691701</v>
      </c>
      <c r="AY73" s="8">
        <v>1.6986852691399019</v>
      </c>
      <c r="AZ73" s="8">
        <v>1.849778702317225</v>
      </c>
      <c r="BA73" s="8">
        <v>1.7225174461290622</v>
      </c>
      <c r="BB73" s="8">
        <v>2.4353732099072531</v>
      </c>
      <c r="BC73" s="8">
        <v>2.5221239783462477</v>
      </c>
      <c r="BD73" s="8">
        <v>2.1802324255144199</v>
      </c>
    </row>
    <row r="74" spans="3:56" x14ac:dyDescent="0.2">
      <c r="C74" s="5" t="s">
        <v>70</v>
      </c>
      <c r="D74" s="6" t="s">
        <v>58</v>
      </c>
      <c r="E74" s="8">
        <v>3.6504602787102027</v>
      </c>
      <c r="F74" s="8">
        <v>3.6955289302674332</v>
      </c>
      <c r="G74" s="8">
        <v>4.1016855238685679</v>
      </c>
      <c r="H74" s="8">
        <v>3.4560004851371615</v>
      </c>
      <c r="I74" s="8">
        <v>3.8108949862427393</v>
      </c>
      <c r="J74" s="8">
        <v>4.0624329017214862</v>
      </c>
      <c r="K74" s="8">
        <v>4.1166438967872745</v>
      </c>
      <c r="L74" s="8">
        <v>4.1765389568576943</v>
      </c>
      <c r="M74" s="8">
        <v>4.0863708399366088</v>
      </c>
      <c r="N74" s="8">
        <v>3.9617618844245865</v>
      </c>
      <c r="O74" s="8">
        <v>2.110074657022897</v>
      </c>
      <c r="P74" s="8">
        <v>1.6819252296517837</v>
      </c>
      <c r="Q74" s="8">
        <v>1.8325796112336596</v>
      </c>
      <c r="R74" s="8">
        <v>1.8478556412613403</v>
      </c>
      <c r="S74" s="8">
        <v>1.9730101817312924</v>
      </c>
      <c r="T74" s="8">
        <v>1.9913957417264521</v>
      </c>
      <c r="U74" s="8">
        <v>2.007314589584702</v>
      </c>
      <c r="V74" s="8">
        <v>2.7083734368480283</v>
      </c>
      <c r="W74" s="17">
        <v>2.8604141420530014</v>
      </c>
      <c r="X74" s="8">
        <v>3.5989359155116918</v>
      </c>
      <c r="Y74" s="8">
        <v>3.6989278009822368</v>
      </c>
      <c r="Z74" s="8">
        <v>4.2119395000486337</v>
      </c>
      <c r="AA74" s="8">
        <v>4.1601848366814007</v>
      </c>
      <c r="AB74" s="8">
        <v>4.674992099111547</v>
      </c>
      <c r="AC74" s="8">
        <v>4.6658913794999242</v>
      </c>
      <c r="AD74" s="8">
        <v>4.5525470798597292</v>
      </c>
      <c r="AE74" s="8">
        <v>4.2557988397216695</v>
      </c>
      <c r="AF74" s="8">
        <v>4.3448974785958185</v>
      </c>
      <c r="AG74" s="8">
        <v>4.3850007570277407</v>
      </c>
      <c r="AH74" s="8">
        <v>4.4039446651143681</v>
      </c>
      <c r="AI74" s="8">
        <v>4.2676853501438945</v>
      </c>
      <c r="AJ74" s="8">
        <v>4.6215222721334364</v>
      </c>
      <c r="AK74" s="8">
        <v>3.9960338256312529</v>
      </c>
      <c r="AL74" s="8">
        <v>3.9377076155705248</v>
      </c>
      <c r="AM74" s="8">
        <v>4.213043998700388</v>
      </c>
      <c r="AN74" s="8">
        <v>4.2848967727248848</v>
      </c>
      <c r="AO74" s="8">
        <v>4.3768405365126677</v>
      </c>
      <c r="AP74" s="8">
        <v>3.8274339595305937</v>
      </c>
      <c r="AQ74" s="8">
        <v>4.0235284271056937</v>
      </c>
      <c r="AR74" s="8">
        <v>4.4165793260454027</v>
      </c>
      <c r="AS74" s="8">
        <v>4.4165793260454027</v>
      </c>
      <c r="AT74" s="8">
        <v>4.3140638029463965</v>
      </c>
      <c r="AU74" s="8">
        <v>4.104253669343672</v>
      </c>
      <c r="AV74" s="8">
        <v>4.1957442839631192</v>
      </c>
      <c r="AW74" s="8">
        <v>4.3759505165107697</v>
      </c>
      <c r="AX74" s="8">
        <v>4.6246945274743698</v>
      </c>
      <c r="AY74" s="8">
        <v>4.3324759689554506</v>
      </c>
      <c r="AZ74" s="8">
        <v>4.2869307627548414</v>
      </c>
      <c r="BA74" s="8">
        <v>4.7004996445216838</v>
      </c>
      <c r="BB74" s="8">
        <v>4.1000917086017967</v>
      </c>
      <c r="BC74" s="8">
        <v>4.4628794405310899</v>
      </c>
      <c r="BD74" s="8">
        <v>4.4715304783769856</v>
      </c>
    </row>
    <row r="75" spans="3:56" x14ac:dyDescent="0.2">
      <c r="C75" s="5" t="s">
        <v>101</v>
      </c>
      <c r="D75" s="6" t="s">
        <v>58</v>
      </c>
      <c r="E75" s="8">
        <v>6.7327431421446384</v>
      </c>
      <c r="F75" s="8">
        <v>5.9862848616386328</v>
      </c>
      <c r="G75" s="8">
        <v>5.6744528818623188</v>
      </c>
      <c r="H75" s="8">
        <v>5.5462904798007155</v>
      </c>
      <c r="I75" s="8">
        <v>6.6250919050517343</v>
      </c>
      <c r="J75" s="8">
        <v>6.0397249206052681</v>
      </c>
      <c r="K75" s="8">
        <v>7.4902357357357348</v>
      </c>
      <c r="L75" s="8">
        <v>7.4548159978405613</v>
      </c>
      <c r="M75" s="8">
        <v>7.6023052706048819</v>
      </c>
      <c r="N75" s="8">
        <v>6.4477743307480608</v>
      </c>
      <c r="O75" s="8">
        <v>6.7424157885645188</v>
      </c>
      <c r="P75" s="8">
        <v>5.9266714285714297</v>
      </c>
      <c r="Q75" s="8">
        <v>6.9118218885509028</v>
      </c>
      <c r="R75" s="8">
        <v>6.8990912175831056</v>
      </c>
      <c r="S75" s="8">
        <v>6.358843640994408</v>
      </c>
      <c r="T75" s="8">
        <v>5.6738686728783678</v>
      </c>
      <c r="U75" s="8">
        <v>6.164650426309378</v>
      </c>
      <c r="V75" s="8">
        <v>7.012543483347633</v>
      </c>
      <c r="W75" s="17">
        <v>7.6671716957076077</v>
      </c>
      <c r="X75" s="8">
        <v>7.6918779046868844</v>
      </c>
      <c r="Y75" s="8">
        <v>6.9425334803844336</v>
      </c>
      <c r="Z75" s="8">
        <v>6.9558332475818077</v>
      </c>
      <c r="AA75" s="8">
        <v>7.1412090451431869</v>
      </c>
      <c r="AB75" s="8">
        <v>7.4381110231770533</v>
      </c>
      <c r="AC75" s="8">
        <v>7.6996639307120116</v>
      </c>
      <c r="AD75" s="8">
        <v>8.2013474310421888</v>
      </c>
      <c r="AE75" s="8">
        <v>9.1528251509054339</v>
      </c>
      <c r="AF75" s="39">
        <v>7.8881367427147238</v>
      </c>
      <c r="AG75" s="39">
        <v>7.5787019332185608</v>
      </c>
      <c r="AH75" s="39">
        <v>7.4694926190243427</v>
      </c>
      <c r="AI75" s="39">
        <v>6.1199455245302721</v>
      </c>
      <c r="AJ75" s="8">
        <v>5.9462844503203502</v>
      </c>
      <c r="AK75" s="39">
        <v>5.9847153915469722</v>
      </c>
      <c r="AL75" s="8">
        <v>5.826597253584735</v>
      </c>
      <c r="AM75" s="39">
        <v>5.8935223861114734</v>
      </c>
      <c r="AN75" s="39">
        <v>6.2263467407380686</v>
      </c>
      <c r="AO75" s="39">
        <v>7.4443773779633089</v>
      </c>
      <c r="AP75" s="39">
        <v>6.9887292175557478</v>
      </c>
      <c r="AQ75" s="8">
        <v>6.54115438709381</v>
      </c>
      <c r="AR75" s="39">
        <v>6.8017489518509464</v>
      </c>
      <c r="AS75" s="8">
        <v>6.8017489518509464</v>
      </c>
      <c r="AT75" s="39">
        <v>6.8549678252700792</v>
      </c>
      <c r="AU75" s="39">
        <v>5.196682626042799</v>
      </c>
      <c r="AV75" s="8">
        <v>5.6060669404618446</v>
      </c>
      <c r="AW75" s="8">
        <v>5.6391975037356064</v>
      </c>
      <c r="AX75" s="8">
        <v>7.3485857894736846</v>
      </c>
      <c r="AY75" s="8">
        <v>7.0371525885558581</v>
      </c>
      <c r="AZ75" s="8">
        <v>6.5254771401578058</v>
      </c>
      <c r="BA75" s="8">
        <v>7.3250779920589908</v>
      </c>
      <c r="BB75" s="8">
        <v>6.4790737847036413</v>
      </c>
      <c r="BC75" s="8">
        <v>6.9051294877333396</v>
      </c>
      <c r="BD75" s="8">
        <v>6.2433991326808691</v>
      </c>
    </row>
    <row r="76" spans="3:56" x14ac:dyDescent="0.2">
      <c r="C76" s="5" t="s">
        <v>71</v>
      </c>
      <c r="D76" s="6" t="s">
        <v>58</v>
      </c>
      <c r="E76" s="8">
        <v>3.8349243600389933</v>
      </c>
      <c r="F76" s="8">
        <v>3.9256792669866325</v>
      </c>
      <c r="G76" s="8">
        <v>3.885677887206624</v>
      </c>
      <c r="H76" s="8">
        <v>3.9549166396892197</v>
      </c>
      <c r="I76" s="8">
        <v>4.1479845097694072</v>
      </c>
      <c r="J76" s="8">
        <v>3.7837758353075732</v>
      </c>
      <c r="K76" s="8">
        <v>3.706296811470148</v>
      </c>
      <c r="L76" s="8">
        <v>3.8521045704405279</v>
      </c>
      <c r="M76" s="8">
        <v>3.8338499080940611</v>
      </c>
      <c r="N76" s="8">
        <v>3.7824594099437738</v>
      </c>
      <c r="O76" s="8">
        <v>3.8849327409984777</v>
      </c>
      <c r="P76" s="8">
        <v>3.7744502645881006</v>
      </c>
      <c r="Q76" s="8">
        <v>3.8542949756888172</v>
      </c>
      <c r="R76" s="8">
        <v>3.7871755770840805</v>
      </c>
      <c r="S76" s="8">
        <v>3.9309153943596242</v>
      </c>
      <c r="T76" s="8">
        <v>3.8894875871973738</v>
      </c>
      <c r="U76" s="8">
        <v>3.8887899410529516</v>
      </c>
      <c r="V76" s="8">
        <v>3.9035858737606031</v>
      </c>
      <c r="W76" s="17">
        <v>3.8314454498570019</v>
      </c>
      <c r="X76" s="8">
        <v>3.8699995653685675</v>
      </c>
      <c r="Y76" s="8">
        <v>3.9115457957196469</v>
      </c>
      <c r="Z76" s="8">
        <v>3.8310358357311007</v>
      </c>
      <c r="AA76" s="8">
        <v>4.0531577215630863</v>
      </c>
      <c r="AB76" s="8">
        <v>3.7337024089089201</v>
      </c>
      <c r="AC76" s="8">
        <v>3.8208340232626474</v>
      </c>
      <c r="AD76" s="8">
        <v>4.2189878410678858</v>
      </c>
      <c r="AE76" s="8">
        <v>4.0486845133082765</v>
      </c>
      <c r="AF76" s="39">
        <v>4.1496044531761624</v>
      </c>
      <c r="AG76" s="39">
        <v>4.0806119289554426</v>
      </c>
      <c r="AH76" s="8">
        <v>4.079354009320264</v>
      </c>
      <c r="AI76" s="39">
        <v>4.1082714978158101</v>
      </c>
      <c r="AJ76" s="8">
        <v>4.0992803198578409</v>
      </c>
      <c r="AK76" s="39">
        <v>4.4535032613666452</v>
      </c>
      <c r="AL76" s="39">
        <v>4.6604928565390136</v>
      </c>
      <c r="AM76" s="39">
        <v>4.3021425844626835</v>
      </c>
      <c r="AN76" s="39">
        <v>4.1130083457957447</v>
      </c>
      <c r="AO76" s="8">
        <v>4.2334710358026415</v>
      </c>
      <c r="AP76" s="39">
        <v>4.3465983272133828</v>
      </c>
      <c r="AQ76" s="8">
        <v>4.3687216570658167</v>
      </c>
      <c r="AR76" s="39">
        <v>4.2482124479842502</v>
      </c>
      <c r="AS76" s="39">
        <v>4.2482124479842502</v>
      </c>
      <c r="AT76" s="8">
        <v>4.235234762979684</v>
      </c>
      <c r="AU76" s="8">
        <v>4.2427772560402977</v>
      </c>
      <c r="AV76" s="8">
        <v>4.2231477245202784</v>
      </c>
      <c r="AW76" s="8">
        <v>4.1771254242767091</v>
      </c>
      <c r="AX76" s="8">
        <v>4.2559775096638166</v>
      </c>
      <c r="AY76" s="8">
        <v>4.2618095604254771</v>
      </c>
      <c r="AZ76" s="8">
        <v>4.2304893916975805</v>
      </c>
      <c r="BA76" s="8">
        <v>4.2814870446864441</v>
      </c>
      <c r="BB76" s="8">
        <v>4.1634264416074025</v>
      </c>
      <c r="BC76" s="8">
        <v>4.2468256061682048</v>
      </c>
      <c r="BD76" s="8">
        <v>4.6250641681474702</v>
      </c>
    </row>
    <row r="77" spans="3:56" x14ac:dyDescent="0.2">
      <c r="C77" s="5" t="s">
        <v>102</v>
      </c>
      <c r="D77" s="6" t="s">
        <v>58</v>
      </c>
      <c r="E77" s="8">
        <v>5.9126993857276471</v>
      </c>
      <c r="F77" s="8">
        <v>5.5097212870975394</v>
      </c>
      <c r="G77" s="8">
        <v>5.510881964440661</v>
      </c>
      <c r="H77" s="8">
        <v>5.4724823894779053</v>
      </c>
      <c r="I77" s="8">
        <v>5.48</v>
      </c>
      <c r="J77" s="8">
        <v>5.2604245286125444</v>
      </c>
      <c r="K77" s="8">
        <v>5.2484694320076724</v>
      </c>
      <c r="L77" s="8">
        <v>5.1733660348749053</v>
      </c>
      <c r="M77" s="8">
        <v>5.252493533251962</v>
      </c>
      <c r="N77" s="8">
        <v>5.3142219558788408</v>
      </c>
      <c r="O77" s="8">
        <v>5.3423423870077311</v>
      </c>
      <c r="P77" s="8">
        <v>6.1413875375481686</v>
      </c>
      <c r="Q77" s="8">
        <v>5.3384323494509216</v>
      </c>
      <c r="R77" s="8">
        <v>5.302267277136834</v>
      </c>
      <c r="S77" s="8">
        <v>5.428010422537997</v>
      </c>
      <c r="T77" s="8">
        <v>5.3939938279630217</v>
      </c>
      <c r="U77" s="8">
        <v>5.3963460608035385</v>
      </c>
      <c r="V77" s="8">
        <v>5.4227984139978735</v>
      </c>
      <c r="W77" s="17">
        <v>5.4682283479661073</v>
      </c>
      <c r="X77" s="8">
        <v>5.4892491292767875</v>
      </c>
      <c r="Y77" s="8">
        <v>5.5439147284870876</v>
      </c>
      <c r="Z77" s="8">
        <v>5.5405737377442144</v>
      </c>
      <c r="AA77" s="8">
        <v>5.4857636660908202</v>
      </c>
      <c r="AB77" s="8">
        <v>5.5853587533665747</v>
      </c>
      <c r="AC77" s="8">
        <v>5.5076584360207006</v>
      </c>
      <c r="AD77" s="8">
        <v>5.6527493944774863</v>
      </c>
      <c r="AE77" s="8">
        <v>5.4905336232027269</v>
      </c>
      <c r="AF77" s="8">
        <v>5.4448091814020323</v>
      </c>
      <c r="AG77" s="8">
        <v>5.5472176476838078</v>
      </c>
      <c r="AH77" s="8">
        <v>5.53</v>
      </c>
      <c r="AI77" s="8">
        <v>5.3881219341275406</v>
      </c>
      <c r="AJ77" s="8">
        <v>5.3740340575455079</v>
      </c>
      <c r="AK77" s="8">
        <v>5.5829738504866553</v>
      </c>
      <c r="AL77" s="8">
        <v>5.7353404039985554</v>
      </c>
      <c r="AM77" s="8">
        <v>5.6155485732257553</v>
      </c>
      <c r="AN77" s="8">
        <v>5.4618447315065497</v>
      </c>
      <c r="AO77" s="8">
        <v>5.5284074267206238</v>
      </c>
      <c r="AP77" s="8">
        <v>5.5095824600433234</v>
      </c>
      <c r="AQ77" s="8">
        <v>5.5028646375405588</v>
      </c>
      <c r="AR77" s="8">
        <v>5.3969172755817709</v>
      </c>
      <c r="AS77" s="8">
        <v>5.3969172755817709</v>
      </c>
      <c r="AT77" s="8">
        <v>5.3556002373820162</v>
      </c>
      <c r="AU77" s="8">
        <v>5.3464336663449776</v>
      </c>
      <c r="AV77" s="8">
        <v>5.1291512611890626</v>
      </c>
      <c r="AW77" s="8">
        <v>5.1239272638515994</v>
      </c>
      <c r="AX77" s="8">
        <v>5.1747481409875071</v>
      </c>
      <c r="AY77" s="8">
        <v>5.0440491088037334</v>
      </c>
      <c r="AZ77" s="8">
        <v>5.2034178585539319</v>
      </c>
      <c r="BA77" s="8">
        <v>5.2248265501229172</v>
      </c>
      <c r="BB77" s="8">
        <v>5.5127859819142735</v>
      </c>
      <c r="BC77" s="8">
        <v>5.716417040642801</v>
      </c>
      <c r="BD77" s="8">
        <v>5.7140835091317115</v>
      </c>
    </row>
    <row r="78" spans="3:56" x14ac:dyDescent="0.2">
      <c r="C78" s="5" t="s">
        <v>72</v>
      </c>
      <c r="D78" s="6" t="s">
        <v>58</v>
      </c>
      <c r="E78" s="8">
        <v>10.595327511381525</v>
      </c>
      <c r="F78" s="8">
        <v>10.578362492563294</v>
      </c>
      <c r="G78" s="8">
        <v>10.613188152500635</v>
      </c>
      <c r="H78" s="8">
        <v>9.5293586469507137</v>
      </c>
      <c r="I78" s="8">
        <v>8.9078223054756638</v>
      </c>
      <c r="J78" s="8">
        <v>8.3167044348424781</v>
      </c>
      <c r="K78" s="8">
        <v>7.8877445987091752</v>
      </c>
      <c r="L78" s="8">
        <v>7.9077710328509676</v>
      </c>
      <c r="M78" s="8">
        <v>7.5687196720188776</v>
      </c>
      <c r="N78" s="8">
        <v>7.0980725700798528</v>
      </c>
      <c r="O78" s="8">
        <v>7.055988330476862</v>
      </c>
      <c r="P78" s="8">
        <v>7.997866171725259</v>
      </c>
      <c r="Q78" s="8">
        <v>7.2745915552873441</v>
      </c>
      <c r="R78" s="8">
        <v>7.4334938040669902</v>
      </c>
      <c r="S78" s="8">
        <v>7.6387286982316382</v>
      </c>
      <c r="T78" s="8">
        <v>7.6785208803708995</v>
      </c>
      <c r="U78" s="8">
        <v>7.969731890245173</v>
      </c>
      <c r="V78" s="8">
        <v>7.8480535759378256</v>
      </c>
      <c r="W78" s="17">
        <v>8.3792482882949049</v>
      </c>
      <c r="X78" s="8">
        <v>8.5670436929207963</v>
      </c>
      <c r="Y78" s="8">
        <v>8.6342644129550603</v>
      </c>
      <c r="Z78" s="8">
        <v>8.7363151589717027</v>
      </c>
      <c r="AA78" s="8">
        <v>8.5801221833746002</v>
      </c>
      <c r="AB78" s="8">
        <v>8.5996915804513243</v>
      </c>
      <c r="AC78" s="8">
        <v>8.2660480390606352</v>
      </c>
      <c r="AD78" s="8">
        <v>8.4456536981265451</v>
      </c>
      <c r="AE78" s="8">
        <v>8.5016844818210942</v>
      </c>
      <c r="AF78" s="8">
        <v>8.3269925909676132</v>
      </c>
      <c r="AG78" s="8">
        <v>8.1495608549536218</v>
      </c>
      <c r="AH78" s="8">
        <v>8.0754762422005832</v>
      </c>
      <c r="AI78" s="8">
        <v>8.0661858239925905</v>
      </c>
      <c r="AJ78" s="8">
        <v>7.9453026916492293</v>
      </c>
      <c r="AK78" s="8">
        <v>7.7092306859949247</v>
      </c>
      <c r="AL78" s="8">
        <v>6.8907719181627201</v>
      </c>
      <c r="AM78" s="8">
        <v>7.0271874969519423</v>
      </c>
      <c r="AN78" s="8">
        <v>7.2191122488912081</v>
      </c>
      <c r="AO78" s="8">
        <v>7.3631904908379839</v>
      </c>
      <c r="AP78" s="8">
        <v>7.3881112729218064</v>
      </c>
      <c r="AQ78" s="8">
        <v>6.9678007285371297</v>
      </c>
      <c r="AR78" s="8">
        <v>6.8610950009134983</v>
      </c>
      <c r="AS78" s="8">
        <v>6.8610950009134983</v>
      </c>
      <c r="AT78" s="8">
        <v>6.9349331261069924</v>
      </c>
      <c r="AU78" s="8">
        <v>6.8634580900502398</v>
      </c>
      <c r="AV78" s="8">
        <v>6.4804508423253457</v>
      </c>
      <c r="AW78" s="8">
        <v>5.9731108372616113</v>
      </c>
      <c r="AX78" s="8">
        <v>5.8554900303949875</v>
      </c>
      <c r="AY78" s="8">
        <v>5.8292059951638455</v>
      </c>
      <c r="AZ78" s="8">
        <v>5.1758633575914939</v>
      </c>
      <c r="BA78" s="8">
        <v>5.62595228670203</v>
      </c>
      <c r="BB78" s="8">
        <v>6.0417148193687433</v>
      </c>
      <c r="BC78" s="8">
        <v>6.2046357057281174</v>
      </c>
      <c r="BD78" s="8">
        <v>5.9383813245730472</v>
      </c>
    </row>
    <row r="79" spans="3:56" x14ac:dyDescent="0.2">
      <c r="C79" s="5" t="s">
        <v>73</v>
      </c>
      <c r="D79" s="6" t="s">
        <v>58</v>
      </c>
      <c r="E79" s="8">
        <v>5.5735111948525731</v>
      </c>
      <c r="F79" s="8">
        <v>5.3591723402792111</v>
      </c>
      <c r="G79" s="8">
        <v>5.6759688979296961</v>
      </c>
      <c r="H79" s="8">
        <v>5.8523920813857577</v>
      </c>
      <c r="I79" s="8">
        <v>5.0092248297319344</v>
      </c>
      <c r="J79" s="8">
        <v>5.3126306954436453</v>
      </c>
      <c r="K79" s="8">
        <v>5.2924192411605766</v>
      </c>
      <c r="L79" s="8">
        <v>5.1557469622728576</v>
      </c>
      <c r="M79" s="8">
        <v>5.1367817230720449</v>
      </c>
      <c r="N79" s="8">
        <v>5.0496680104339573</v>
      </c>
      <c r="O79" s="8">
        <v>4.9245417757676746</v>
      </c>
      <c r="P79" s="8">
        <v>5.4154451686741947</v>
      </c>
      <c r="Q79" s="8">
        <v>5.0402141314150297</v>
      </c>
      <c r="R79" s="8">
        <v>5.0439911428631108</v>
      </c>
      <c r="S79" s="8">
        <v>5.0524343494927892</v>
      </c>
      <c r="T79" s="8">
        <v>4.8824776745579861</v>
      </c>
      <c r="U79" s="8">
        <v>5.2443540594593383</v>
      </c>
      <c r="V79" s="8">
        <v>6.177570568457269</v>
      </c>
      <c r="W79" s="17">
        <v>5.8228175003407383</v>
      </c>
      <c r="X79" s="8">
        <v>5.66156687684839</v>
      </c>
      <c r="Y79" s="8">
        <v>5.1774597046356545</v>
      </c>
      <c r="Z79" s="8">
        <v>5.142907512092779</v>
      </c>
      <c r="AA79" s="8">
        <v>5.2764775054234336</v>
      </c>
      <c r="AB79" s="8">
        <v>5.5945119027287618</v>
      </c>
      <c r="AC79" s="8">
        <v>5.5933550972630099</v>
      </c>
      <c r="AD79" s="8">
        <v>5.2911991898262176</v>
      </c>
      <c r="AE79" s="8">
        <v>5.2435832150588508</v>
      </c>
      <c r="AF79" s="8">
        <v>5.2837748604669441</v>
      </c>
      <c r="AG79" s="8">
        <v>5.1035954560494092</v>
      </c>
      <c r="AH79" s="8">
        <v>4.9731983736842844</v>
      </c>
      <c r="AI79" s="8">
        <v>5.3662532031046908</v>
      </c>
      <c r="AJ79" s="8">
        <v>5.317148590714222</v>
      </c>
      <c r="AK79" s="8">
        <v>5.2306925575900767</v>
      </c>
      <c r="AL79" s="8">
        <v>5.9411518361457647</v>
      </c>
      <c r="AM79" s="8">
        <v>5.6773944416797466</v>
      </c>
      <c r="AN79" s="8">
        <v>5.2400842196368238</v>
      </c>
      <c r="AO79" s="8">
        <v>6.2917480809490582</v>
      </c>
      <c r="AP79" s="8">
        <v>5.0454706927175836</v>
      </c>
      <c r="AQ79" s="8">
        <v>4.9863427528478823</v>
      </c>
      <c r="AR79" s="8">
        <v>5.8053000451195675</v>
      </c>
      <c r="AS79" s="8">
        <v>5.8053000451195675</v>
      </c>
      <c r="AT79" s="8">
        <v>5.5515135574259542</v>
      </c>
      <c r="AU79" s="8">
        <v>5.8448179642823339</v>
      </c>
      <c r="AV79" s="8">
        <v>7.1905289305887381</v>
      </c>
      <c r="AW79" s="8">
        <v>6.7497262282731532</v>
      </c>
      <c r="AX79" s="8">
        <v>6.8723460100554341</v>
      </c>
      <c r="AY79" s="8">
        <v>5.3796580627324824</v>
      </c>
      <c r="AZ79" s="8">
        <v>6.1743832873393014</v>
      </c>
      <c r="BA79" s="8">
        <v>6.2106874393792433</v>
      </c>
      <c r="BB79" s="8">
        <v>7.0140955361071722</v>
      </c>
      <c r="BC79" s="8">
        <v>6.2929977904346055</v>
      </c>
      <c r="BD79" s="8">
        <v>6.5808353208719277</v>
      </c>
    </row>
    <row r="80" spans="3:56" x14ac:dyDescent="0.2">
      <c r="C80" s="5" t="s">
        <v>74</v>
      </c>
      <c r="D80" s="6" t="s">
        <v>58</v>
      </c>
      <c r="E80" s="8">
        <v>1.5483789170201772</v>
      </c>
      <c r="F80" s="8">
        <v>1.5283687016324397</v>
      </c>
      <c r="G80" s="8">
        <v>1.5332013505217925</v>
      </c>
      <c r="H80" s="8">
        <v>1.5320153284620397</v>
      </c>
      <c r="I80" s="8">
        <v>1.540560514611899</v>
      </c>
      <c r="J80" s="8">
        <v>1.5489796715726303</v>
      </c>
      <c r="K80" s="8">
        <v>1.5533857511507063</v>
      </c>
      <c r="L80" s="8">
        <v>1.554613147674162</v>
      </c>
      <c r="M80" s="8">
        <v>1.5491520128537</v>
      </c>
      <c r="N80" s="8">
        <v>1.561836769579958</v>
      </c>
      <c r="O80" s="8">
        <v>1.554115621783603</v>
      </c>
      <c r="P80" s="8">
        <v>1.5709026753972366</v>
      </c>
      <c r="Q80" s="8">
        <v>1.5453382232311479</v>
      </c>
      <c r="R80" s="8">
        <v>1.5362971505609948</v>
      </c>
      <c r="S80" s="8">
        <v>1.5516133776509693</v>
      </c>
      <c r="T80" s="8">
        <v>1.5387253262634526</v>
      </c>
      <c r="U80" s="8">
        <v>1.5377419845129912</v>
      </c>
      <c r="V80" s="8">
        <v>1.5308829096928129</v>
      </c>
      <c r="W80" s="17">
        <v>1.5423717574775788</v>
      </c>
      <c r="X80" s="8">
        <v>1.5549004707409446</v>
      </c>
      <c r="Y80" s="8">
        <v>1.5517314742472506</v>
      </c>
      <c r="Z80" s="8">
        <v>1.5416517035252404</v>
      </c>
      <c r="AA80" s="8">
        <v>1.5477044292540927</v>
      </c>
      <c r="AB80" s="8">
        <v>1.5250504445063287</v>
      </c>
      <c r="AC80" s="8">
        <v>1.536701159954311</v>
      </c>
      <c r="AD80" s="8">
        <v>1.5288839667643466</v>
      </c>
      <c r="AE80" s="8">
        <v>1.5575284155549567</v>
      </c>
      <c r="AF80" s="8">
        <v>1.5600018413631545</v>
      </c>
      <c r="AG80" s="8">
        <v>1.6188566292261073</v>
      </c>
      <c r="AH80" s="8">
        <v>1.5604093135336221</v>
      </c>
      <c r="AI80" s="8">
        <v>1.5515509426324974</v>
      </c>
      <c r="AJ80" s="8">
        <v>1.5428872564199185</v>
      </c>
      <c r="AK80" s="8">
        <v>1.5527504786215698</v>
      </c>
      <c r="AL80" s="8">
        <v>1.555411978507651</v>
      </c>
      <c r="AM80" s="8">
        <v>1.5582848848552007</v>
      </c>
      <c r="AN80" s="8">
        <v>1.5814784181234494</v>
      </c>
      <c r="AO80" s="8">
        <v>1.5704214413307633</v>
      </c>
      <c r="AP80" s="8">
        <v>1.5674723250700096</v>
      </c>
      <c r="AQ80" s="8">
        <v>1.5675308467726958</v>
      </c>
      <c r="AR80" s="8">
        <v>1.5590815844459733</v>
      </c>
      <c r="AS80" s="8">
        <v>1.5590815844459733</v>
      </c>
      <c r="AT80" s="8">
        <v>1.5520298950708944</v>
      </c>
      <c r="AU80" s="8">
        <v>1.5488394208748981</v>
      </c>
      <c r="AV80" s="8">
        <v>1.568644487868025</v>
      </c>
      <c r="AW80" s="8">
        <v>1.574114118911383</v>
      </c>
      <c r="AX80" s="8">
        <v>1.5646683863738071</v>
      </c>
      <c r="AY80" s="8">
        <v>1.5674033946752033</v>
      </c>
      <c r="AZ80" s="8">
        <v>1.5513039742430264</v>
      </c>
      <c r="BA80" s="8">
        <v>1.5658029084768765</v>
      </c>
      <c r="BB80" s="8">
        <v>1.5714236664810053</v>
      </c>
      <c r="BC80" s="8">
        <v>1.6369892733577984</v>
      </c>
      <c r="BD80" s="8">
        <v>1.5874954190261144</v>
      </c>
    </row>
    <row r="81" spans="3:56" x14ac:dyDescent="0.2">
      <c r="C81" s="16" t="s">
        <v>78</v>
      </c>
      <c r="D81" s="6" t="s">
        <v>58</v>
      </c>
      <c r="E81" s="8">
        <v>0.38987306708885078</v>
      </c>
      <c r="F81" s="8">
        <v>0.39658858615486198</v>
      </c>
      <c r="G81" s="8">
        <v>0.4037691781071695</v>
      </c>
      <c r="H81" s="8">
        <v>0.41406053898765277</v>
      </c>
      <c r="I81" s="8">
        <v>0.40196144685836471</v>
      </c>
      <c r="J81" s="8">
        <v>0.40025472443003779</v>
      </c>
      <c r="K81" s="8">
        <v>0.39996746937123523</v>
      </c>
      <c r="L81" s="8">
        <v>0.40302686097411872</v>
      </c>
      <c r="M81" s="8">
        <v>0.45</v>
      </c>
      <c r="N81" s="8">
        <v>0.47</v>
      </c>
      <c r="O81" s="8">
        <v>0.46</v>
      </c>
      <c r="P81" s="8">
        <v>0.48</v>
      </c>
      <c r="Q81" s="8">
        <v>0.49</v>
      </c>
      <c r="R81" s="8">
        <v>0.5</v>
      </c>
      <c r="S81" s="8">
        <v>0.52</v>
      </c>
      <c r="T81" s="8">
        <v>0.52</v>
      </c>
      <c r="U81" s="8">
        <v>0.52</v>
      </c>
      <c r="V81" s="8">
        <v>0.51</v>
      </c>
      <c r="W81" s="8">
        <v>0.52</v>
      </c>
      <c r="X81" s="8">
        <v>0.49416806112995776</v>
      </c>
      <c r="Y81" s="8">
        <v>0.4762244733325372</v>
      </c>
      <c r="Z81" s="8">
        <v>0.38186311151233687</v>
      </c>
      <c r="AA81" s="8">
        <v>0.38010866881732275</v>
      </c>
      <c r="AB81" s="8">
        <v>0.36073872293448217</v>
      </c>
      <c r="AC81" s="8">
        <v>0.3404281456634749</v>
      </c>
      <c r="AD81" s="8">
        <v>0.33155402423119612</v>
      </c>
      <c r="AE81" s="8">
        <v>0.32486943359289533</v>
      </c>
      <c r="AF81" s="8">
        <v>0.31695694577809763</v>
      </c>
      <c r="AG81" s="8">
        <v>0.32890237159643504</v>
      </c>
      <c r="AH81" s="8">
        <v>0.31182442463308818</v>
      </c>
      <c r="AI81" s="8">
        <v>0.30785728947287661</v>
      </c>
      <c r="AJ81" s="8">
        <v>0.31009255433933786</v>
      </c>
      <c r="AK81" s="8">
        <v>0.32057669604332417</v>
      </c>
      <c r="AL81" s="8">
        <v>0.31234953081215483</v>
      </c>
      <c r="AM81" s="8">
        <v>0.29564749132601742</v>
      </c>
      <c r="AN81" s="8">
        <v>0.2824788137450831</v>
      </c>
      <c r="AO81" s="8">
        <v>0.28774146264584249</v>
      </c>
      <c r="AP81" s="8">
        <v>0.29463789485110542</v>
      </c>
      <c r="AQ81" s="8">
        <v>0.32195233051981481</v>
      </c>
      <c r="AR81" s="8">
        <v>0.29543454667107105</v>
      </c>
      <c r="AS81" s="8">
        <v>0.29543454667107105</v>
      </c>
      <c r="AT81" s="8">
        <v>0.29916818798043893</v>
      </c>
      <c r="AU81" s="8">
        <v>0.28800076863799406</v>
      </c>
      <c r="AV81" s="8">
        <v>0.28435917911470149</v>
      </c>
      <c r="AW81" s="8">
        <v>0.29378032463756437</v>
      </c>
      <c r="AX81" s="8">
        <v>0.29666154448019788</v>
      </c>
      <c r="AY81" s="8">
        <v>0.28699844589499118</v>
      </c>
      <c r="AZ81" s="8">
        <v>0.27361934441026559</v>
      </c>
      <c r="BA81" s="8">
        <v>0.2746142455922651</v>
      </c>
      <c r="BB81" s="8">
        <v>0.28772320302369903</v>
      </c>
      <c r="BC81" s="8">
        <v>0.26099887641795655</v>
      </c>
      <c r="BD81" s="8">
        <v>0.2638488595044251</v>
      </c>
    </row>
    <row r="82" spans="3:56" x14ac:dyDescent="0.2">
      <c r="C82" s="16" t="s">
        <v>79</v>
      </c>
      <c r="D82" s="6" t="s">
        <v>58</v>
      </c>
      <c r="E82" s="8">
        <v>0.63911630424550503</v>
      </c>
      <c r="F82" s="8">
        <v>0.83175472640639414</v>
      </c>
      <c r="G82" s="8">
        <v>0.93041837048242615</v>
      </c>
      <c r="H82" s="8">
        <v>1.0938317739964618</v>
      </c>
      <c r="I82" s="8">
        <v>0.91450928795747044</v>
      </c>
      <c r="J82" s="8">
        <v>0.811030816163271</v>
      </c>
      <c r="K82" s="8">
        <v>0.76152107506824906</v>
      </c>
      <c r="L82" s="8">
        <v>0.6477633590472428</v>
      </c>
      <c r="M82" s="8">
        <v>0.63860741853288205</v>
      </c>
      <c r="N82" s="8">
        <v>0.64212560135534702</v>
      </c>
      <c r="O82" s="8">
        <v>0.61161949971839569</v>
      </c>
      <c r="P82" s="8">
        <v>0.56056848573611817</v>
      </c>
      <c r="Q82" s="8">
        <v>0.60186082556656728</v>
      </c>
      <c r="R82" s="8">
        <v>0.59733763944942819</v>
      </c>
      <c r="S82" s="8">
        <v>0.66183925375975627</v>
      </c>
      <c r="T82" s="8">
        <v>0.6474467886656593</v>
      </c>
      <c r="U82" s="8">
        <v>0.63089202878420603</v>
      </c>
      <c r="V82" s="8">
        <v>0.58052712956590902</v>
      </c>
      <c r="W82" s="17">
        <v>0.6311680474325807</v>
      </c>
      <c r="X82" s="8">
        <v>0.61575978955203337</v>
      </c>
      <c r="Y82" s="8">
        <v>0.62692783167546773</v>
      </c>
      <c r="Z82" s="8">
        <v>0.57216184251478375</v>
      </c>
      <c r="AA82" s="8">
        <v>0.60484032618103956</v>
      </c>
      <c r="AB82" s="8">
        <v>0.54706862788731148</v>
      </c>
      <c r="AC82" s="40">
        <v>0.6</v>
      </c>
      <c r="AD82" s="8">
        <v>0.56174858591769072</v>
      </c>
      <c r="AE82" s="8">
        <v>0.57999999999999996</v>
      </c>
      <c r="AF82" s="39">
        <v>0.5948352911619833</v>
      </c>
      <c r="AG82" s="39">
        <v>0.65731733403539372</v>
      </c>
      <c r="AH82" s="39">
        <v>0.71733455201951923</v>
      </c>
      <c r="AI82" s="39">
        <v>0.65273660895821983</v>
      </c>
      <c r="AJ82" s="8">
        <v>0.611848261737027</v>
      </c>
      <c r="AK82" s="39">
        <v>0.6897027713648175</v>
      </c>
      <c r="AL82" s="8">
        <v>0.65383709320103589</v>
      </c>
      <c r="AM82" s="39">
        <v>0.68157209013460784</v>
      </c>
      <c r="AN82" s="39">
        <v>0.65513949906292446</v>
      </c>
      <c r="AO82" s="8">
        <v>0.60362010499201146</v>
      </c>
      <c r="AP82" s="8">
        <v>0.71623682379696807</v>
      </c>
      <c r="AQ82" s="8">
        <v>0.65965093183450962</v>
      </c>
      <c r="AR82" s="8">
        <v>0.65504808660769276</v>
      </c>
      <c r="AS82" s="8">
        <v>0.65504808660769276</v>
      </c>
      <c r="AT82" s="8">
        <v>0.68979587698889411</v>
      </c>
      <c r="AU82" s="8">
        <v>0.63371739934988214</v>
      </c>
      <c r="AV82" s="8">
        <v>0.63258026245352073</v>
      </c>
      <c r="AW82" s="8">
        <v>0.6457837873293415</v>
      </c>
      <c r="AX82" s="8">
        <v>0.62890318109794796</v>
      </c>
      <c r="AY82" s="8">
        <v>0.62463333991521974</v>
      </c>
      <c r="AZ82" s="8">
        <v>0.67180600422024439</v>
      </c>
      <c r="BA82" s="8">
        <v>0.6705433344973829</v>
      </c>
      <c r="BB82" s="8">
        <v>0.69395875503169335</v>
      </c>
      <c r="BC82" s="8">
        <v>0.75079241400322672</v>
      </c>
      <c r="BD82" s="8">
        <v>0.77922223002880642</v>
      </c>
    </row>
    <row r="83" spans="3:56" x14ac:dyDescent="0.2">
      <c r="C83" s="16" t="s">
        <v>80</v>
      </c>
      <c r="D83" s="6" t="s">
        <v>58</v>
      </c>
      <c r="E83" s="115">
        <v>2.0963193585328757</v>
      </c>
      <c r="F83" s="8">
        <v>2.3124833719480931</v>
      </c>
      <c r="G83" s="8">
        <v>3.0249952924227861</v>
      </c>
      <c r="H83" s="8">
        <v>3.3501651518466997</v>
      </c>
      <c r="I83" s="8">
        <v>2.7579482865221228</v>
      </c>
      <c r="J83" s="8">
        <v>1.0203705721128489</v>
      </c>
      <c r="K83" s="8">
        <v>0.93102072910946287</v>
      </c>
      <c r="L83" s="8">
        <v>0.84544455596734125</v>
      </c>
      <c r="M83" s="8">
        <v>0.83261846521538019</v>
      </c>
      <c r="N83" s="8">
        <v>0.84117305901388595</v>
      </c>
      <c r="O83" s="8">
        <v>0.83455041527413487</v>
      </c>
      <c r="P83" s="8">
        <v>0.47414998252474871</v>
      </c>
      <c r="Q83" s="8">
        <v>0.76286908496503147</v>
      </c>
      <c r="R83" s="8">
        <v>0.6848075455118362</v>
      </c>
      <c r="S83" s="8">
        <v>0.7354649455169403</v>
      </c>
      <c r="T83" s="8">
        <v>0.66637101184367253</v>
      </c>
      <c r="U83" s="8">
        <v>0.48314342713103353</v>
      </c>
      <c r="V83" s="8">
        <v>0.60196733857883933</v>
      </c>
      <c r="W83" s="17">
        <v>0.67520635495952641</v>
      </c>
      <c r="X83" s="8">
        <v>0.64187701486522786</v>
      </c>
      <c r="Y83" s="8">
        <v>0.54488881680205958</v>
      </c>
      <c r="Z83" s="8">
        <v>0.50122404691997824</v>
      </c>
      <c r="AA83" s="8">
        <v>0.47026779239038924</v>
      </c>
      <c r="AB83" s="8">
        <v>0.52594488331101941</v>
      </c>
      <c r="AC83" s="8">
        <v>0.51928787753847538</v>
      </c>
      <c r="AD83" s="8">
        <v>0.4849472752322937</v>
      </c>
      <c r="AE83" s="8">
        <v>0.63095346721246159</v>
      </c>
      <c r="AF83" s="39">
        <v>0.56331172727474754</v>
      </c>
      <c r="AG83" s="39">
        <v>0.52535835604324588</v>
      </c>
      <c r="AH83" s="8">
        <v>0.51476532528864993</v>
      </c>
      <c r="AI83" s="39">
        <v>0.51677342482790412</v>
      </c>
      <c r="AJ83" s="8">
        <v>0.57213218878102112</v>
      </c>
      <c r="AK83" s="39">
        <v>0.68312373096291668</v>
      </c>
      <c r="AL83" s="39">
        <v>0.70992832826550911</v>
      </c>
      <c r="AM83" s="8">
        <v>0.7810552758561522</v>
      </c>
      <c r="AN83" s="8">
        <v>0.9946824497309501</v>
      </c>
      <c r="AO83" s="8">
        <v>1.1555816780916834</v>
      </c>
      <c r="AP83" s="8">
        <v>1.7956680921167936</v>
      </c>
      <c r="AQ83" s="8">
        <v>1.6213717257667652</v>
      </c>
      <c r="AR83" s="8">
        <v>1.4810158651615895</v>
      </c>
      <c r="AS83" s="8">
        <v>1.4810158651615895</v>
      </c>
      <c r="AT83" s="8">
        <v>1.0221134132067966</v>
      </c>
      <c r="AU83" s="8">
        <v>0.89418135940750709</v>
      </c>
      <c r="AV83" s="8">
        <v>0.75128631214125197</v>
      </c>
      <c r="AW83" s="8">
        <v>0.76453917839065966</v>
      </c>
      <c r="AX83" s="8">
        <v>1.0457484587604422</v>
      </c>
      <c r="AY83" s="8">
        <v>0.80501690088752254</v>
      </c>
      <c r="AZ83" s="8">
        <v>0.83631226151115368</v>
      </c>
      <c r="BA83" s="8">
        <v>1.1260352922743502</v>
      </c>
      <c r="BB83" s="8">
        <v>1.1939028930455291</v>
      </c>
      <c r="BC83" s="8">
        <v>1.1186698507937365</v>
      </c>
      <c r="BD83" s="115">
        <v>0.90106671878158007</v>
      </c>
    </row>
    <row r="84" spans="3:56" x14ac:dyDescent="0.2">
      <c r="C84" s="16" t="s">
        <v>122</v>
      </c>
      <c r="D84" s="6" t="s">
        <v>58</v>
      </c>
      <c r="E84" s="8">
        <v>0.25426747798615895</v>
      </c>
      <c r="F84" s="8">
        <v>0.28216644989587486</v>
      </c>
      <c r="G84" s="8">
        <v>0.27652030219702817</v>
      </c>
      <c r="H84" s="8">
        <v>0.26129035608909212</v>
      </c>
      <c r="I84" s="8">
        <v>0.27926858954511852</v>
      </c>
      <c r="J84" s="8">
        <v>0.24670925784754874</v>
      </c>
      <c r="K84" s="8">
        <v>0.25605406260655611</v>
      </c>
      <c r="L84" s="8">
        <v>0.26107705211852822</v>
      </c>
      <c r="M84" s="8">
        <v>0.2712456273070446</v>
      </c>
      <c r="N84" s="8">
        <v>0.27195134560906509</v>
      </c>
      <c r="O84" s="8">
        <v>0.2677961388740881</v>
      </c>
      <c r="P84" s="8">
        <v>0.44253244497841265</v>
      </c>
      <c r="Q84" s="8">
        <v>0.27506970037394923</v>
      </c>
      <c r="R84" s="8">
        <v>0.30609379277602772</v>
      </c>
      <c r="S84" s="8">
        <v>0.31432842878463646</v>
      </c>
      <c r="T84" s="8">
        <v>0.31521324446423404</v>
      </c>
      <c r="U84" s="8">
        <v>0.30374410427240461</v>
      </c>
      <c r="V84" s="8">
        <v>0.30607110600141202</v>
      </c>
      <c r="W84" s="17">
        <v>0.3039950781966721</v>
      </c>
      <c r="X84" s="8">
        <v>0.30666372348852666</v>
      </c>
      <c r="Y84" s="8">
        <v>0.31258123911382385</v>
      </c>
      <c r="Z84" s="8">
        <v>0.26995175548056155</v>
      </c>
      <c r="AA84" s="8">
        <v>0.29328226683650244</v>
      </c>
      <c r="AB84" s="8">
        <v>0.27199621073167729</v>
      </c>
      <c r="AC84" s="8">
        <v>0.24433362265991351</v>
      </c>
      <c r="AD84" s="8">
        <v>0.26391228880090556</v>
      </c>
      <c r="AE84" s="8">
        <v>0.27645927910022966</v>
      </c>
      <c r="AF84" s="8">
        <v>0.22726026270185584</v>
      </c>
      <c r="AG84" s="8">
        <v>0.26423811695564664</v>
      </c>
      <c r="AH84" s="8">
        <v>0.24773126897427553</v>
      </c>
      <c r="AI84" s="8">
        <v>0.24895069767848188</v>
      </c>
      <c r="AJ84" s="8">
        <v>0.25416463375360288</v>
      </c>
      <c r="AK84" s="8">
        <v>0.25810987686587572</v>
      </c>
      <c r="AL84" s="8">
        <v>0.25373245151834489</v>
      </c>
      <c r="AM84" s="8">
        <v>0.26197509474475972</v>
      </c>
      <c r="AN84" s="8">
        <v>0.24755686626985199</v>
      </c>
      <c r="AO84" s="8">
        <v>0.27478926169729379</v>
      </c>
      <c r="AP84" s="8">
        <v>0.28528514068596739</v>
      </c>
      <c r="AQ84" s="8">
        <v>0.28702995607629456</v>
      </c>
      <c r="AR84" s="8">
        <v>0.2751235919388646</v>
      </c>
      <c r="AS84" s="8">
        <v>0.2751235919388646</v>
      </c>
      <c r="AT84" s="8">
        <v>0.32567625316892562</v>
      </c>
      <c r="AU84" s="8">
        <v>0.31810925641867221</v>
      </c>
      <c r="AV84" s="8">
        <v>0.3166364236731305</v>
      </c>
      <c r="AW84" s="8">
        <v>0.32803126051742448</v>
      </c>
      <c r="AX84" s="8">
        <v>0.33152475602814829</v>
      </c>
      <c r="AY84" s="8">
        <v>0.30420779913779789</v>
      </c>
      <c r="AZ84" s="8">
        <v>0.3175155780709869</v>
      </c>
      <c r="BA84" s="8">
        <v>0.2791077431634239</v>
      </c>
      <c r="BB84" s="8">
        <v>0.27419989714437049</v>
      </c>
      <c r="BC84" s="8">
        <v>0.27158798954714919</v>
      </c>
      <c r="BD84" s="8">
        <v>0.27</v>
      </c>
    </row>
    <row r="85" spans="3:56" x14ac:dyDescent="0.2">
      <c r="C85" s="16" t="s">
        <v>82</v>
      </c>
      <c r="D85" s="6" t="s">
        <v>58</v>
      </c>
      <c r="E85" s="8">
        <v>3.0308035116333101</v>
      </c>
      <c r="F85" s="8">
        <v>3.0151158386872754</v>
      </c>
      <c r="G85" s="8">
        <v>3.9158899735735493</v>
      </c>
      <c r="H85" s="8">
        <v>3.6696361697084616</v>
      </c>
      <c r="I85" s="8">
        <v>3.5387574744295831</v>
      </c>
      <c r="J85" s="8">
        <v>3.5988688287815123</v>
      </c>
      <c r="K85" s="8">
        <v>3.7606068495726857</v>
      </c>
      <c r="L85" s="8">
        <v>3.8492504339430798</v>
      </c>
      <c r="M85" s="8">
        <v>3.5613978659706764</v>
      </c>
      <c r="N85" s="8">
        <v>3.3723341922411993</v>
      </c>
      <c r="O85" s="8">
        <v>3.1879377993163929</v>
      </c>
      <c r="P85" s="8">
        <v>2.5612434739393075</v>
      </c>
      <c r="Q85" s="8">
        <v>2.5175226753885829</v>
      </c>
      <c r="R85" s="8">
        <v>2.69</v>
      </c>
      <c r="S85" s="8">
        <v>2.4010898784270385</v>
      </c>
      <c r="T85" s="8">
        <v>2.27</v>
      </c>
      <c r="U85" s="8">
        <v>2.2496288656724319</v>
      </c>
      <c r="V85" s="8">
        <v>2.2956397550282071</v>
      </c>
      <c r="W85" s="17">
        <v>2.1543087607901072</v>
      </c>
      <c r="X85" s="8">
        <v>2.2069733167744667</v>
      </c>
      <c r="Y85" s="8">
        <v>2.0480776901334838</v>
      </c>
      <c r="Z85" s="8">
        <v>1.8799713115967782</v>
      </c>
      <c r="AA85" s="8">
        <v>1.959430655966355</v>
      </c>
      <c r="AB85" s="8">
        <v>1.8384322658880925</v>
      </c>
      <c r="AC85" s="8">
        <v>1.9455722358607521</v>
      </c>
      <c r="AD85" s="8">
        <v>1.7587914118674819</v>
      </c>
      <c r="AE85" s="8">
        <v>1.5401533664690321</v>
      </c>
      <c r="AF85" s="8">
        <v>1.9</v>
      </c>
      <c r="AG85" s="8">
        <v>2.2599999999999998</v>
      </c>
      <c r="AH85" s="8">
        <v>2.16</v>
      </c>
      <c r="AI85" s="8">
        <v>2.19</v>
      </c>
      <c r="AJ85" s="8">
        <v>2.3395571289643255</v>
      </c>
      <c r="AK85" s="8">
        <v>2.037053183363537</v>
      </c>
      <c r="AL85" s="8">
        <v>3.0185921437004661</v>
      </c>
      <c r="AM85" s="8">
        <v>3.3733409546730844</v>
      </c>
      <c r="AN85" s="8">
        <v>3.2103952064057575</v>
      </c>
      <c r="AO85" s="8">
        <v>2.9459957737954809</v>
      </c>
      <c r="AP85" s="8">
        <v>3.0490956804432314</v>
      </c>
      <c r="AQ85" s="8">
        <v>2.5978916669527172</v>
      </c>
      <c r="AR85" s="8">
        <v>2.4134791167579759</v>
      </c>
      <c r="AS85" s="8">
        <v>2.4134791167579759</v>
      </c>
      <c r="AT85" s="8">
        <v>2.2245677795734955</v>
      </c>
      <c r="AU85" s="8">
        <v>2.3177474506583473</v>
      </c>
      <c r="AV85" s="8">
        <v>2.3435756011621436</v>
      </c>
      <c r="AW85" s="8">
        <v>2.4491423440335738</v>
      </c>
      <c r="AX85" s="8">
        <v>3.134229979392205</v>
      </c>
      <c r="AY85" s="8">
        <v>2.57</v>
      </c>
      <c r="AZ85" s="8">
        <v>2.4104395199408177</v>
      </c>
      <c r="BA85" s="8">
        <v>2.5631108395874227</v>
      </c>
      <c r="BB85" s="8">
        <v>2.4149221733639665</v>
      </c>
      <c r="BC85" s="8">
        <v>2.3699987047928555</v>
      </c>
      <c r="BD85" s="8">
        <v>2.1207422348411851</v>
      </c>
    </row>
    <row r="86" spans="3:56" x14ac:dyDescent="0.2">
      <c r="C86" s="16" t="s">
        <v>84</v>
      </c>
      <c r="D86" s="6" t="s">
        <v>85</v>
      </c>
      <c r="E86" s="8">
        <v>0.44714070219226021</v>
      </c>
      <c r="F86" s="8">
        <v>0.52949045540426098</v>
      </c>
      <c r="G86" s="8">
        <v>0.66240133145215618</v>
      </c>
      <c r="H86" s="8">
        <v>0.78662204171474803</v>
      </c>
      <c r="I86" s="8">
        <v>0.9538714110576878</v>
      </c>
      <c r="J86" s="8">
        <v>0.89936925217548791</v>
      </c>
      <c r="K86" s="8">
        <v>0.78401957256428034</v>
      </c>
      <c r="L86" s="8">
        <v>0.6715803580538573</v>
      </c>
      <c r="M86" s="8">
        <v>0.5969658520768627</v>
      </c>
      <c r="N86" s="8">
        <v>0.52536182833217027</v>
      </c>
      <c r="O86" s="8">
        <v>0.51073455261400502</v>
      </c>
      <c r="P86" s="8">
        <v>0.5821477026644386</v>
      </c>
      <c r="Q86" s="8">
        <v>0.44284752488744328</v>
      </c>
      <c r="R86" s="8">
        <v>0.48653264859837131</v>
      </c>
      <c r="S86" s="8">
        <v>0.44830400398671472</v>
      </c>
      <c r="T86" s="8">
        <v>0.4221312376889485</v>
      </c>
      <c r="U86" s="8">
        <v>0.36786594434339936</v>
      </c>
      <c r="V86" s="8">
        <v>0.34142433713267317</v>
      </c>
      <c r="W86" s="17">
        <v>0.34107629135083584</v>
      </c>
      <c r="X86" s="8">
        <v>0.34616959971353084</v>
      </c>
      <c r="Y86" s="8">
        <v>0.36398127353108217</v>
      </c>
      <c r="Z86" s="8">
        <v>0.35272001239334183</v>
      </c>
      <c r="AA86" s="8">
        <v>0.34384140480464132</v>
      </c>
      <c r="AB86" s="8">
        <v>0.35063046118198821</v>
      </c>
      <c r="AC86" s="8">
        <v>0.355295335892582</v>
      </c>
      <c r="AD86" s="8">
        <v>0.34813729609132787</v>
      </c>
      <c r="AE86" s="8">
        <v>0.36536466474628532</v>
      </c>
      <c r="AF86" s="8">
        <v>0.36988836792201218</v>
      </c>
      <c r="AG86" s="8">
        <v>0.37219766728054021</v>
      </c>
      <c r="AH86" s="8">
        <v>0.38039310319542169</v>
      </c>
      <c r="AI86" s="8">
        <v>0.39813587046546295</v>
      </c>
      <c r="AJ86" s="8">
        <v>0.40810790396176599</v>
      </c>
      <c r="AK86" s="8">
        <v>0.42854928106505752</v>
      </c>
      <c r="AL86" s="8">
        <v>0.42726798175111269</v>
      </c>
      <c r="AM86" s="8">
        <v>0.41610615779891441</v>
      </c>
      <c r="AN86" s="8">
        <v>0.42629807934329178</v>
      </c>
      <c r="AO86" s="8">
        <v>0.42637979103751167</v>
      </c>
      <c r="AP86" s="8">
        <v>0.43118616797258208</v>
      </c>
      <c r="AQ86" s="8">
        <v>0.44438451432302006</v>
      </c>
      <c r="AR86" s="8">
        <v>0.43558420931677549</v>
      </c>
      <c r="AS86" s="8">
        <v>0.43558420931677549</v>
      </c>
      <c r="AT86" s="8">
        <v>0.43035688294588131</v>
      </c>
      <c r="AU86" s="8">
        <v>0.38697016586584138</v>
      </c>
      <c r="AV86" s="8">
        <v>0.40141452387918025</v>
      </c>
      <c r="AW86" s="8">
        <v>0.40197287387292913</v>
      </c>
      <c r="AX86" s="8">
        <v>0.38844697723070576</v>
      </c>
      <c r="AY86" s="8">
        <v>0.39956972738649704</v>
      </c>
      <c r="AZ86" s="8">
        <v>0.45239807991393849</v>
      </c>
      <c r="BA86" s="8">
        <v>0.41693298586002575</v>
      </c>
      <c r="BB86" s="8">
        <v>0.45240070538254978</v>
      </c>
      <c r="BC86" s="8">
        <v>0.42974758993651541</v>
      </c>
      <c r="BD86" s="8">
        <v>0.44131782162818367</v>
      </c>
    </row>
    <row r="87" spans="3:56" x14ac:dyDescent="0.2">
      <c r="C87" s="16" t="s">
        <v>118</v>
      </c>
      <c r="D87" s="6" t="s">
        <v>58</v>
      </c>
      <c r="E87" s="8">
        <v>1.2729360906669402</v>
      </c>
      <c r="F87" s="8">
        <v>1.4175987262356513</v>
      </c>
      <c r="G87" s="8">
        <v>1.4448382103239708</v>
      </c>
      <c r="H87" s="8">
        <v>1.3655022529150562</v>
      </c>
      <c r="I87" s="8">
        <v>1.3775511794713822</v>
      </c>
      <c r="J87" s="8">
        <v>1.5183237272956258</v>
      </c>
      <c r="K87" s="8">
        <v>1.5764942593536746</v>
      </c>
      <c r="L87" s="8">
        <v>1.606779715362805</v>
      </c>
      <c r="M87" s="8">
        <v>1.5339037549209822</v>
      </c>
      <c r="N87" s="8">
        <v>1.6459390754589589</v>
      </c>
      <c r="O87" s="8">
        <v>1.5954731701841043</v>
      </c>
      <c r="P87" s="8">
        <v>1.6192211267625054</v>
      </c>
      <c r="Q87" s="8">
        <v>1.5850066862689409</v>
      </c>
      <c r="R87" s="8">
        <v>1.7125550458808247</v>
      </c>
      <c r="S87" s="8">
        <v>1.6107825245307019</v>
      </c>
      <c r="T87" s="8">
        <v>1.586767729154402</v>
      </c>
      <c r="U87" s="8">
        <v>1.1568806457489005</v>
      </c>
      <c r="V87" s="8">
        <v>1.1034203394306017</v>
      </c>
      <c r="W87" s="17">
        <v>0.97334754499613729</v>
      </c>
      <c r="X87" s="8">
        <v>0.90999130253127736</v>
      </c>
      <c r="Y87" s="8">
        <v>0.89413731691826037</v>
      </c>
      <c r="Z87" s="8">
        <v>0.8111483110601706</v>
      </c>
      <c r="AA87" s="8">
        <v>0.8082838444595053</v>
      </c>
      <c r="AB87" s="8">
        <v>0.89279880760305264</v>
      </c>
      <c r="AC87" s="8">
        <v>0.88656847271039196</v>
      </c>
      <c r="AD87" s="8">
        <v>1.0030099106457158</v>
      </c>
      <c r="AE87" s="8">
        <v>1.0166561313388625</v>
      </c>
      <c r="AF87" s="8">
        <v>0.91684118141128901</v>
      </c>
      <c r="AG87" s="8">
        <v>0.93744510610191023</v>
      </c>
      <c r="AH87" s="8">
        <v>0.87684738015191643</v>
      </c>
      <c r="AI87" s="8">
        <v>0.73547957334685077</v>
      </c>
      <c r="AJ87" s="8">
        <v>0.78547050013648811</v>
      </c>
      <c r="AK87" s="8">
        <v>0.91700710625757753</v>
      </c>
      <c r="AL87" s="8">
        <v>0.86976244977109607</v>
      </c>
      <c r="AM87" s="8">
        <v>0.88258796484889046</v>
      </c>
      <c r="AN87" s="8">
        <v>0.9406444690858915</v>
      </c>
      <c r="AO87" s="8">
        <v>0.9391725035622599</v>
      </c>
      <c r="AP87" s="8">
        <v>1.1291035694281786</v>
      </c>
      <c r="AQ87" s="8">
        <v>1.2249908594609413</v>
      </c>
      <c r="AR87" s="8">
        <v>1.1782436234753515</v>
      </c>
      <c r="AS87" s="8">
        <v>1.1782436234753515</v>
      </c>
      <c r="AT87" s="8">
        <v>1.0729743364243018</v>
      </c>
      <c r="AU87" s="8">
        <v>0.9640407276683397</v>
      </c>
      <c r="AV87" s="8">
        <v>0.98545820297067921</v>
      </c>
      <c r="AW87" s="8">
        <v>1.0767044019386665</v>
      </c>
      <c r="AX87" s="8">
        <v>0.91756731760238675</v>
      </c>
      <c r="AY87" s="8">
        <v>0.91597036592450909</v>
      </c>
      <c r="AZ87" s="8">
        <v>1.0229440118711419</v>
      </c>
      <c r="BA87" s="8">
        <v>1.3067149045461046</v>
      </c>
      <c r="BB87" s="8">
        <v>1.4736197910322879</v>
      </c>
      <c r="BC87" s="8">
        <v>1.3056263024270611</v>
      </c>
      <c r="BD87" s="8">
        <v>1.4905820693957978</v>
      </c>
    </row>
    <row r="88" spans="3:56" x14ac:dyDescent="0.2">
      <c r="C88" s="16" t="s">
        <v>104</v>
      </c>
      <c r="D88" s="6" t="s">
        <v>58</v>
      </c>
      <c r="E88" s="8">
        <v>1.2067009009533232</v>
      </c>
      <c r="F88" s="8">
        <v>1.229818755259148</v>
      </c>
      <c r="G88" s="8">
        <v>1.5833314457334129</v>
      </c>
      <c r="H88" s="8">
        <v>1.6630786880799338</v>
      </c>
      <c r="I88" s="8">
        <v>1.7161095504145745</v>
      </c>
      <c r="J88" s="8">
        <v>1.3255560930704113</v>
      </c>
      <c r="K88" s="8">
        <v>1.0661774389271088</v>
      </c>
      <c r="L88" s="8">
        <v>1.0927309511732732</v>
      </c>
      <c r="M88" s="8">
        <v>1.1432954662324926</v>
      </c>
      <c r="N88" s="8">
        <v>1.2631406164626133</v>
      </c>
      <c r="O88" s="8">
        <v>1.3638620137922648</v>
      </c>
      <c r="P88" s="8">
        <v>1.1701638261403802</v>
      </c>
      <c r="Q88" s="8">
        <v>1.5475492188309519</v>
      </c>
      <c r="R88" s="8">
        <v>1.4343842311057153</v>
      </c>
      <c r="S88" s="8">
        <v>1.4631769813809963</v>
      </c>
      <c r="T88" s="8">
        <v>1.5318871987178204</v>
      </c>
      <c r="U88" s="8">
        <v>1.3750879306166648</v>
      </c>
      <c r="V88" s="8">
        <v>1.1661590485341813</v>
      </c>
      <c r="W88" s="17">
        <v>1.0854302923515446</v>
      </c>
      <c r="X88" s="8">
        <v>0.94468073598139346</v>
      </c>
      <c r="Y88" s="8">
        <v>0.91047723113013312</v>
      </c>
      <c r="Z88" s="8">
        <v>0.77387613433551738</v>
      </c>
      <c r="AA88" s="8">
        <v>0.81564651468503602</v>
      </c>
      <c r="AB88" s="8">
        <v>0.85417094793260895</v>
      </c>
      <c r="AC88" s="8">
        <v>0.80927395231863863</v>
      </c>
      <c r="AD88" s="8">
        <v>0.73246053988207283</v>
      </c>
      <c r="AE88" s="8">
        <v>0.72263951010572913</v>
      </c>
      <c r="AF88" s="8">
        <v>0.7836680630570888</v>
      </c>
      <c r="AG88" s="8">
        <v>0.81652695691199284</v>
      </c>
      <c r="AH88" s="8">
        <v>0.90138114197825492</v>
      </c>
      <c r="AI88" s="8">
        <v>0.90244908795763423</v>
      </c>
      <c r="AJ88" s="8">
        <v>1.0327316856549509</v>
      </c>
      <c r="AK88" s="8">
        <v>0.82968219240987962</v>
      </c>
      <c r="AL88" s="8">
        <v>0.78739285231966438</v>
      </c>
      <c r="AM88" s="8">
        <v>0.75283974995965719</v>
      </c>
      <c r="AN88" s="8">
        <v>0.86607796743428889</v>
      </c>
      <c r="AO88" s="8">
        <v>0.88832234628942264</v>
      </c>
      <c r="AP88" s="8">
        <v>1.0676623858860477</v>
      </c>
      <c r="AQ88" s="8">
        <v>1.2686769248066223</v>
      </c>
      <c r="AR88" s="8">
        <v>1.230102827678051</v>
      </c>
      <c r="AS88" s="8">
        <v>1.230102827678051</v>
      </c>
      <c r="AT88" s="8">
        <v>1.0322017757042077</v>
      </c>
      <c r="AU88" s="8">
        <v>0.94077231110610859</v>
      </c>
      <c r="AV88" s="8">
        <v>0.96996170089635503</v>
      </c>
      <c r="AW88" s="8">
        <v>1.0271261060467458</v>
      </c>
      <c r="AX88" s="8">
        <v>1.1294130164188703</v>
      </c>
      <c r="AY88" s="8">
        <v>1.1798257593980397</v>
      </c>
      <c r="AZ88" s="8">
        <v>1.2876701385878107</v>
      </c>
      <c r="BA88" s="8">
        <v>1.2097755989094241</v>
      </c>
      <c r="BB88" s="8">
        <v>1.2550828093420165</v>
      </c>
      <c r="BC88" s="8">
        <v>1.3031687972544297</v>
      </c>
      <c r="BD88" s="8">
        <v>1.2139872017408835</v>
      </c>
    </row>
    <row r="89" spans="3:56" x14ac:dyDescent="0.2">
      <c r="C89" s="16" t="s">
        <v>87</v>
      </c>
      <c r="D89" s="6" t="s">
        <v>58</v>
      </c>
      <c r="E89" s="8">
        <v>0.3689955037378565</v>
      </c>
      <c r="F89" s="8">
        <v>0.36570038452884984</v>
      </c>
      <c r="G89" s="8">
        <v>0.39599008057508917</v>
      </c>
      <c r="H89" s="8">
        <v>0.37781871504382447</v>
      </c>
      <c r="I89" s="8">
        <v>0.35700748075020228</v>
      </c>
      <c r="J89" s="8">
        <v>0.36244554779750565</v>
      </c>
      <c r="K89" s="8">
        <v>0.34275116018121426</v>
      </c>
      <c r="L89" s="8">
        <v>0.34047529975059682</v>
      </c>
      <c r="M89" s="8">
        <v>0.3408986717699537</v>
      </c>
      <c r="N89" s="8">
        <v>0.35123496530732951</v>
      </c>
      <c r="O89" s="8">
        <v>0.35137415215309731</v>
      </c>
      <c r="P89" s="8">
        <v>0.44295643954973402</v>
      </c>
      <c r="Q89" s="8">
        <v>0.36307464880849577</v>
      </c>
      <c r="R89" s="8">
        <v>0.38</v>
      </c>
      <c r="S89" s="8">
        <v>0.44416422874170347</v>
      </c>
      <c r="T89" s="8">
        <v>0.44841191244613149</v>
      </c>
      <c r="U89" s="8">
        <v>0.4652564497119055</v>
      </c>
      <c r="V89" s="8">
        <v>0.45874638776469268</v>
      </c>
      <c r="W89" s="17">
        <v>0.4352686770038392</v>
      </c>
      <c r="X89" s="8">
        <v>0.39608586576491656</v>
      </c>
      <c r="Y89" s="8">
        <v>0.40863967300745085</v>
      </c>
      <c r="Z89" s="8">
        <v>0.40246822069836052</v>
      </c>
      <c r="AA89" s="8">
        <v>0.40259089080501559</v>
      </c>
      <c r="AB89" s="8">
        <v>0.39877471527678493</v>
      </c>
      <c r="AC89" s="8">
        <v>0.40911080749442652</v>
      </c>
      <c r="AD89" s="8">
        <v>0.40579346873901584</v>
      </c>
      <c r="AE89" s="8">
        <v>0.4093238091164435</v>
      </c>
      <c r="AF89" s="8">
        <v>0.40752483620045549</v>
      </c>
      <c r="AG89" s="8">
        <v>0.40758965479471787</v>
      </c>
      <c r="AH89" s="8">
        <v>0.41374899866055653</v>
      </c>
      <c r="AI89" s="8">
        <v>0.40574514855489807</v>
      </c>
      <c r="AJ89" s="8">
        <v>0.41102431590400273</v>
      </c>
      <c r="AK89" s="8">
        <v>0.42859398432111562</v>
      </c>
      <c r="AL89" s="8">
        <v>0.43383944915687517</v>
      </c>
      <c r="AM89" s="8">
        <v>0.43884976655264069</v>
      </c>
      <c r="AN89" s="8">
        <v>0.43400526452268151</v>
      </c>
      <c r="AO89" s="8">
        <v>0.4441973933316376</v>
      </c>
      <c r="AP89" s="8">
        <v>0.41544945931963551</v>
      </c>
      <c r="AQ89" s="8">
        <v>0.41396527043159598</v>
      </c>
      <c r="AR89" s="8">
        <v>0.37971594857287394</v>
      </c>
      <c r="AS89" s="8">
        <v>0.37971594857287394</v>
      </c>
      <c r="AT89" s="8">
        <v>0.3861339086058187</v>
      </c>
      <c r="AU89" s="8">
        <v>0.37789260648783513</v>
      </c>
      <c r="AV89" s="8">
        <v>0.38737757601603356</v>
      </c>
      <c r="AW89" s="8">
        <v>0.38014398926807763</v>
      </c>
      <c r="AX89" s="8">
        <v>0.4056803725099502</v>
      </c>
      <c r="AY89" s="8">
        <v>0.39128760810531255</v>
      </c>
      <c r="AZ89" s="8">
        <v>0.36704432820649774</v>
      </c>
      <c r="BA89" s="8">
        <v>0.36630084049232253</v>
      </c>
      <c r="BB89" s="8">
        <v>0.38531571895305838</v>
      </c>
      <c r="BC89" s="8">
        <v>0.37738739032859031</v>
      </c>
      <c r="BD89" s="8">
        <v>0.37200684032975956</v>
      </c>
    </row>
    <row r="90" spans="3:56" x14ac:dyDescent="0.2">
      <c r="C90" s="16" t="s">
        <v>88</v>
      </c>
      <c r="D90" s="6" t="s">
        <v>58</v>
      </c>
      <c r="E90" s="17">
        <v>0.9583954106295659</v>
      </c>
      <c r="F90" s="17">
        <v>1.043220612735329</v>
      </c>
      <c r="G90" s="17">
        <v>0.92162132314405276</v>
      </c>
      <c r="H90" s="17">
        <v>0.86501408293414672</v>
      </c>
      <c r="I90" s="17">
        <v>0.9092333585794834</v>
      </c>
      <c r="J90" s="17">
        <v>0.84673746096996416</v>
      </c>
      <c r="K90" s="17">
        <v>0.83382020032664139</v>
      </c>
      <c r="L90" s="17">
        <v>0.7709491903153447</v>
      </c>
      <c r="M90" s="17">
        <v>0.74142288107067877</v>
      </c>
      <c r="N90" s="17">
        <v>0.74447950098556726</v>
      </c>
      <c r="O90" s="17">
        <v>0.75054581010195121</v>
      </c>
      <c r="P90" s="17">
        <v>1.085704575004288</v>
      </c>
      <c r="Q90" s="17">
        <v>0.75124262985127654</v>
      </c>
      <c r="R90" s="17">
        <v>0.74293009706997459</v>
      </c>
      <c r="S90" s="17">
        <v>0.80018548838118908</v>
      </c>
      <c r="T90" s="17">
        <v>0.82587197661673362</v>
      </c>
      <c r="U90" s="17">
        <v>0.98461397395928862</v>
      </c>
      <c r="V90" s="17">
        <v>0.93617847646012275</v>
      </c>
      <c r="W90" s="17">
        <v>0.89482739982083181</v>
      </c>
      <c r="X90" s="17">
        <v>1.002111999710386</v>
      </c>
      <c r="Y90" s="17">
        <v>1.1022830449628966</v>
      </c>
      <c r="Z90" s="17">
        <v>1.2366139422832718</v>
      </c>
      <c r="AA90" s="17">
        <v>1.1883105964762528</v>
      </c>
      <c r="AB90" s="17">
        <v>1.1347292506860449</v>
      </c>
      <c r="AC90" s="17">
        <v>1.1868791451731762</v>
      </c>
      <c r="AD90" s="17">
        <v>1.1958111388986592</v>
      </c>
      <c r="AE90" s="17">
        <v>1.1632478385151466</v>
      </c>
      <c r="AF90" s="17">
        <v>1.232723953928166</v>
      </c>
      <c r="AG90" s="17">
        <v>1.1635655577729762</v>
      </c>
      <c r="AH90" s="17">
        <v>1.1455884387790256</v>
      </c>
      <c r="AI90" s="17">
        <v>1.1623335011708666</v>
      </c>
      <c r="AJ90" s="17">
        <v>1.1038389437346003</v>
      </c>
      <c r="AK90" s="17">
        <v>1.0737090904658053</v>
      </c>
      <c r="AL90" s="17">
        <v>1.1752536790951544</v>
      </c>
      <c r="AM90" s="17">
        <v>1.17787767872813</v>
      </c>
      <c r="AN90" s="17">
        <v>1.1496292338368108</v>
      </c>
      <c r="AO90" s="17">
        <v>1.1171197009299618</v>
      </c>
      <c r="AP90" s="17">
        <v>1.0976605796571151</v>
      </c>
      <c r="AQ90" s="17">
        <v>0.92934354120018403</v>
      </c>
      <c r="AR90" s="17">
        <v>0.90336657598652514</v>
      </c>
      <c r="AS90" s="17">
        <v>0.90336657598652514</v>
      </c>
      <c r="AT90" s="17">
        <v>1.0378046496481592</v>
      </c>
      <c r="AU90" s="17">
        <v>0.97512438477364138</v>
      </c>
      <c r="AV90" s="17">
        <v>1.2262264369323836</v>
      </c>
      <c r="AW90" s="17">
        <v>1.1772289068553634</v>
      </c>
      <c r="AX90" s="17">
        <v>1.1410148090019279</v>
      </c>
      <c r="AY90" s="17">
        <v>1.146830680393633</v>
      </c>
      <c r="AZ90" s="17">
        <v>0.97662363344403225</v>
      </c>
      <c r="BA90" s="17">
        <v>0.98474901715847751</v>
      </c>
      <c r="BB90" s="17">
        <v>0.99397488130583211</v>
      </c>
      <c r="BC90" s="17">
        <v>0.94615554081085862</v>
      </c>
      <c r="BD90" s="17">
        <v>0.9375087008694889</v>
      </c>
    </row>
    <row r="91" spans="3:56" x14ac:dyDescent="0.2">
      <c r="C91" s="18" t="s">
        <v>123</v>
      </c>
      <c r="D91" s="6" t="s">
        <v>58</v>
      </c>
      <c r="E91" s="17">
        <v>1.0051292258869633</v>
      </c>
      <c r="F91" s="17">
        <v>1.0991376293602926</v>
      </c>
      <c r="G91" s="17">
        <v>0.97411097600522545</v>
      </c>
      <c r="H91" s="17">
        <v>1.0030456137520127</v>
      </c>
      <c r="I91" s="17">
        <v>1.0165843576528968</v>
      </c>
      <c r="J91" s="17">
        <v>0.93835013835875247</v>
      </c>
      <c r="K91" s="17">
        <v>0.97821495327102792</v>
      </c>
      <c r="L91" s="17">
        <v>0.97190440668945277</v>
      </c>
      <c r="M91" s="17">
        <v>1.0004798308377354</v>
      </c>
      <c r="N91" s="17">
        <v>0.97996004894372934</v>
      </c>
      <c r="O91" s="17">
        <v>0.96704228696623262</v>
      </c>
      <c r="P91" s="17">
        <v>0.9449994543209167</v>
      </c>
      <c r="Q91" s="17">
        <v>0.99040736863420331</v>
      </c>
      <c r="R91" s="17">
        <v>1.2773367395004325</v>
      </c>
      <c r="S91" s="17">
        <v>1.3082441638310929</v>
      </c>
      <c r="T91" s="17">
        <v>1.5942115879697365</v>
      </c>
      <c r="U91" s="17">
        <v>1.3795594358354997</v>
      </c>
      <c r="V91" s="17">
        <v>1.5897247234806973</v>
      </c>
      <c r="W91" s="17">
        <v>1.5903962906918503</v>
      </c>
      <c r="X91" s="17">
        <v>1.6694100661451163</v>
      </c>
      <c r="Y91" s="17">
        <v>2.0517986574307034</v>
      </c>
      <c r="Z91" s="17">
        <v>1.9674257500235115</v>
      </c>
      <c r="AA91" s="17">
        <v>2.1442560813728466</v>
      </c>
      <c r="AB91" s="17">
        <v>1.7903296882650561</v>
      </c>
      <c r="AC91" s="17">
        <v>1.6394661999562459</v>
      </c>
      <c r="AD91" s="17">
        <v>1.2363636363636363</v>
      </c>
      <c r="AE91" s="17">
        <v>1.4038009090098922</v>
      </c>
      <c r="AF91" s="17">
        <v>1.4189495378014534</v>
      </c>
      <c r="AG91" s="17">
        <v>1.3293720819814827</v>
      </c>
      <c r="AH91" s="17">
        <v>1.0934270359652749</v>
      </c>
      <c r="AI91" s="17">
        <v>1.2849453322119428</v>
      </c>
      <c r="AJ91" s="17">
        <v>1.4788061217088562</v>
      </c>
      <c r="AK91" s="17">
        <v>0.9401606425702812</v>
      </c>
      <c r="AL91" s="17">
        <v>1.135727675917882</v>
      </c>
      <c r="AM91" s="17">
        <v>1.0194873606783799</v>
      </c>
      <c r="AN91" s="17">
        <v>0.97394529848155942</v>
      </c>
      <c r="AO91" s="17">
        <v>0.97577181556241976</v>
      </c>
      <c r="AP91" s="17">
        <v>0.94654324532636125</v>
      </c>
      <c r="AQ91" s="17">
        <v>0.99506537890199254</v>
      </c>
      <c r="AR91" s="17">
        <v>1.1091205958607462</v>
      </c>
      <c r="AS91" s="17">
        <v>1.1091205958607462</v>
      </c>
      <c r="AT91" s="17">
        <v>1.1272568317890701</v>
      </c>
      <c r="AU91" s="17">
        <v>1.0122314140170687</v>
      </c>
      <c r="AV91" s="17">
        <v>0.91513195980840556</v>
      </c>
      <c r="AW91" s="17">
        <v>0.86667092515659339</v>
      </c>
      <c r="AX91" s="17">
        <v>0.88701857960366826</v>
      </c>
      <c r="AY91" s="17">
        <v>0.85140267498303557</v>
      </c>
      <c r="AZ91" s="17">
        <v>0.81645050002551334</v>
      </c>
      <c r="BA91" s="17">
        <v>0.76871706837995735</v>
      </c>
      <c r="BB91" s="17">
        <v>0.80259375133401645</v>
      </c>
      <c r="BC91" s="17">
        <v>0.83599227551929955</v>
      </c>
      <c r="BD91" s="17">
        <v>0.83185606336365159</v>
      </c>
    </row>
    <row r="92" spans="3:56" x14ac:dyDescent="0.2">
      <c r="C92" s="18" t="s">
        <v>100</v>
      </c>
      <c r="D92" s="6" t="s">
        <v>58</v>
      </c>
      <c r="E92" s="8">
        <v>0.79194734756542107</v>
      </c>
      <c r="F92" s="8">
        <v>0.86267040014388463</v>
      </c>
      <c r="G92" s="8">
        <v>0.81607042748538594</v>
      </c>
      <c r="H92" s="8">
        <v>0.83121272138271984</v>
      </c>
      <c r="I92" s="8">
        <v>0.9</v>
      </c>
      <c r="J92" s="8">
        <v>0.87560737195319294</v>
      </c>
      <c r="K92" s="8">
        <v>0.88318234679673557</v>
      </c>
      <c r="L92" s="8">
        <v>0.86180028297201716</v>
      </c>
      <c r="M92" s="8">
        <v>0.87361476366261759</v>
      </c>
      <c r="N92" s="8">
        <v>0.86523844523635618</v>
      </c>
      <c r="O92" s="8">
        <v>0.86389134329222161</v>
      </c>
      <c r="P92" s="8">
        <v>0.74450439485599984</v>
      </c>
      <c r="Q92" s="8">
        <v>0.85567615604528202</v>
      </c>
      <c r="R92" s="8">
        <v>0.86550350979223534</v>
      </c>
      <c r="S92" s="8">
        <v>0.82919148805170984</v>
      </c>
      <c r="T92" s="8">
        <v>0.74221290953159014</v>
      </c>
      <c r="U92" s="8">
        <v>0.86989579709756037</v>
      </c>
      <c r="V92" s="8">
        <v>0.88386563552139064</v>
      </c>
      <c r="W92" s="17">
        <v>0.93424017515817315</v>
      </c>
      <c r="X92" s="8">
        <v>0.93852209437259571</v>
      </c>
      <c r="Y92" s="8">
        <v>0.96326872437999322</v>
      </c>
      <c r="Z92" s="8">
        <v>0.98082741637493942</v>
      </c>
      <c r="AA92" s="8">
        <v>1.0192449259643963</v>
      </c>
      <c r="AB92" s="8">
        <v>1.0165196411920436</v>
      </c>
      <c r="AC92" s="8">
        <v>1.0024651923697048</v>
      </c>
      <c r="AD92" s="8">
        <v>0.94078848867147602</v>
      </c>
      <c r="AE92" s="8">
        <v>0.94289134098879124</v>
      </c>
      <c r="AF92" s="8">
        <v>0.92938913396919276</v>
      </c>
      <c r="AG92" s="8">
        <v>0.88427994832216639</v>
      </c>
      <c r="AH92" s="8">
        <v>0.93741747224592498</v>
      </c>
      <c r="AI92" s="8">
        <v>0.96525560323257653</v>
      </c>
      <c r="AJ92" s="8">
        <v>1.032997090307826</v>
      </c>
      <c r="AK92" s="8">
        <v>1.0480602487728516</v>
      </c>
      <c r="AL92" s="8">
        <v>1.05576397006679</v>
      </c>
      <c r="AM92" s="8">
        <v>1.1345134321332899</v>
      </c>
      <c r="AN92" s="8">
        <v>1.1404323872734921</v>
      </c>
      <c r="AO92" s="8">
        <v>1.1192498991673148</v>
      </c>
      <c r="AP92" s="8">
        <v>1.1391212743826413</v>
      </c>
      <c r="AQ92" s="8">
        <v>1.1503387000562191</v>
      </c>
      <c r="AR92" s="8">
        <v>1.1061852038353959</v>
      </c>
      <c r="AS92" s="8">
        <v>1.1061852038353959</v>
      </c>
      <c r="AT92" s="8">
        <v>1.0321012986455131</v>
      </c>
      <c r="AU92" s="8">
        <v>0.91648592865700018</v>
      </c>
      <c r="AV92" s="8">
        <v>0.77729773120788193</v>
      </c>
      <c r="AW92" s="8">
        <v>0.75389835351734336</v>
      </c>
      <c r="AX92" s="8">
        <v>0.85004271188606229</v>
      </c>
      <c r="AY92" s="8">
        <v>0.80709542468191642</v>
      </c>
      <c r="AZ92" s="8">
        <v>0.66850216969785148</v>
      </c>
      <c r="BA92" s="8">
        <v>0.65331615085622097</v>
      </c>
      <c r="BB92" s="8">
        <v>0.67260859502611858</v>
      </c>
      <c r="BC92" s="8">
        <v>0.82609446816762477</v>
      </c>
      <c r="BD92" s="8">
        <v>0.8199911230165855</v>
      </c>
    </row>
    <row r="93" spans="3:56" x14ac:dyDescent="0.2">
      <c r="C93" s="16" t="s">
        <v>89</v>
      </c>
      <c r="D93" s="6" t="s">
        <v>58</v>
      </c>
      <c r="E93" s="8">
        <v>0.75829667589806438</v>
      </c>
      <c r="F93" s="8">
        <v>0.77578520680507612</v>
      </c>
      <c r="G93" s="8">
        <v>0.76484999076839721</v>
      </c>
      <c r="H93" s="8">
        <v>0.77651615862132106</v>
      </c>
      <c r="I93" s="8">
        <v>0.76757213290308102</v>
      </c>
      <c r="J93" s="8">
        <v>0.82398821393009702</v>
      </c>
      <c r="K93" s="8">
        <v>0.81740996945902744</v>
      </c>
      <c r="L93" s="8">
        <v>0.79838715671197935</v>
      </c>
      <c r="M93" s="8">
        <v>0.81575811457297576</v>
      </c>
      <c r="N93" s="8">
        <v>0.81871268832448851</v>
      </c>
      <c r="O93" s="8">
        <v>0.83158624031741468</v>
      </c>
      <c r="P93" s="8">
        <v>0.79014284971813276</v>
      </c>
      <c r="Q93" s="8">
        <v>0.75074463983895778</v>
      </c>
      <c r="R93" s="8">
        <v>0.87566733594619661</v>
      </c>
      <c r="S93" s="8">
        <v>0.89424245739873964</v>
      </c>
      <c r="T93" s="8">
        <v>0.91116838741759354</v>
      </c>
      <c r="U93" s="8">
        <v>0.89543081482439113</v>
      </c>
      <c r="V93" s="8">
        <v>0.89628903632091073</v>
      </c>
      <c r="W93" s="17">
        <v>0.91614497165659481</v>
      </c>
      <c r="X93" s="8">
        <v>1.0208013684354269</v>
      </c>
      <c r="Y93" s="8">
        <v>0.97537224177703452</v>
      </c>
      <c r="Z93" s="8">
        <v>0.91714971476095808</v>
      </c>
      <c r="AA93" s="8">
        <v>0.89954601081174523</v>
      </c>
      <c r="AB93" s="8">
        <v>0.90063360919502211</v>
      </c>
      <c r="AC93" s="8">
        <v>0.93550925730754353</v>
      </c>
      <c r="AD93" s="8">
        <v>0.90200762043948024</v>
      </c>
      <c r="AE93" s="8">
        <v>0.95235378688736105</v>
      </c>
      <c r="AF93" s="8">
        <v>0.87410312419710701</v>
      </c>
      <c r="AG93" s="8">
        <v>0.85902387965333249</v>
      </c>
      <c r="AH93" s="8">
        <v>0.8641484566602704</v>
      </c>
      <c r="AI93" s="8">
        <v>0.91622104001256255</v>
      </c>
      <c r="AJ93" s="8">
        <v>0.89070444102022228</v>
      </c>
      <c r="AK93" s="8">
        <v>0.85309964574667807</v>
      </c>
      <c r="AL93" s="8">
        <v>0.83651311711010756</v>
      </c>
      <c r="AM93" s="8">
        <v>0.86900166899376441</v>
      </c>
      <c r="AN93" s="8">
        <v>0.94614195120921785</v>
      </c>
      <c r="AO93" s="8">
        <v>0.93476478248825112</v>
      </c>
      <c r="AP93" s="8">
        <v>0.87682658571521255</v>
      </c>
      <c r="AQ93" s="8">
        <v>0.9137771549872592</v>
      </c>
      <c r="AR93" s="8">
        <v>0.88246528374962474</v>
      </c>
      <c r="AS93" s="8">
        <v>0.88246528374962474</v>
      </c>
      <c r="AT93" s="8">
        <v>0.94973969411012249</v>
      </c>
      <c r="AU93" s="8">
        <v>0.96479153773254422</v>
      </c>
      <c r="AV93" s="8">
        <v>0.92172912715608457</v>
      </c>
      <c r="AW93" s="8">
        <v>0.91412821604351435</v>
      </c>
      <c r="AX93" s="8">
        <v>0.84155749668903035</v>
      </c>
      <c r="AY93" s="8">
        <v>0.86180737829534859</v>
      </c>
      <c r="AZ93" s="8">
        <v>0.81827958357438546</v>
      </c>
      <c r="BA93" s="8">
        <v>0.82682192666617682</v>
      </c>
      <c r="BB93" s="8">
        <v>0.81319147954340942</v>
      </c>
      <c r="BC93" s="8">
        <v>0.84695668862770257</v>
      </c>
      <c r="BD93" s="8">
        <v>0.8244985766870635</v>
      </c>
    </row>
    <row r="94" spans="3:56" x14ac:dyDescent="0.2">
      <c r="C94" s="16" t="s">
        <v>95</v>
      </c>
      <c r="D94" s="6" t="s">
        <v>58</v>
      </c>
      <c r="E94" s="8">
        <v>1.1423075303286669</v>
      </c>
      <c r="F94" s="8">
        <v>1.1191831082454302</v>
      </c>
      <c r="G94" s="8">
        <v>1.1923081274312977</v>
      </c>
      <c r="H94" s="8">
        <v>1.1878159851301116</v>
      </c>
      <c r="I94" s="8">
        <v>1.1740493409591146</v>
      </c>
      <c r="J94" s="8">
        <v>1.1895620981652815</v>
      </c>
      <c r="K94" s="8">
        <v>1.1362499571949713</v>
      </c>
      <c r="L94" s="8">
        <v>1.1112986209475462</v>
      </c>
      <c r="M94" s="8">
        <v>1.1685851862190393</v>
      </c>
      <c r="N94" s="8">
        <v>1.2103805089375024</v>
      </c>
      <c r="O94" s="8">
        <v>1.2751562373947884</v>
      </c>
      <c r="P94" s="8">
        <v>1.1539261600125932</v>
      </c>
      <c r="Q94" s="8">
        <v>1.2839373186391658</v>
      </c>
      <c r="R94" s="8">
        <v>1.3230191764381323</v>
      </c>
      <c r="S94" s="8">
        <v>1.2849042356051597</v>
      </c>
      <c r="T94" s="8">
        <v>1.3511963397595956</v>
      </c>
      <c r="U94" s="8">
        <v>1.4094745114076712</v>
      </c>
      <c r="V94" s="8">
        <v>1.3465912767171475</v>
      </c>
      <c r="W94" s="17">
        <v>1.4279574887173003</v>
      </c>
      <c r="X94" s="8">
        <v>1.3917046710995813</v>
      </c>
      <c r="Y94" s="8">
        <v>1.464419269308908</v>
      </c>
      <c r="Z94" s="8">
        <v>1.6254076788844913</v>
      </c>
      <c r="AA94" s="8">
        <v>1.6489767996567037</v>
      </c>
      <c r="AB94" s="8">
        <v>1.415778024990564</v>
      </c>
      <c r="AC94" s="8">
        <v>1.319876954092406</v>
      </c>
      <c r="AD94" s="8">
        <v>1.0968591986466496</v>
      </c>
      <c r="AE94" s="8">
        <v>1.3092342454012933</v>
      </c>
      <c r="AF94" s="8">
        <v>1.2039268587597576</v>
      </c>
      <c r="AG94" s="8">
        <v>1.2934926381848901</v>
      </c>
      <c r="AH94" s="8">
        <v>1.2823548763236676</v>
      </c>
      <c r="AI94" s="8">
        <v>1.2311337254084618</v>
      </c>
      <c r="AJ94" s="8">
        <v>1.0955304887009534</v>
      </c>
      <c r="AK94" s="8">
        <v>1.0779508230537562</v>
      </c>
      <c r="AL94" s="8">
        <v>1.1225359249267586</v>
      </c>
      <c r="AM94" s="8">
        <v>1.0836968166233512</v>
      </c>
      <c r="AN94" s="8">
        <v>1.0675364974637871</v>
      </c>
      <c r="AO94" s="8">
        <v>1.028921275424771</v>
      </c>
      <c r="AP94" s="8">
        <v>1.0351689444077179</v>
      </c>
      <c r="AQ94" s="8">
        <v>1.1165036012599394</v>
      </c>
      <c r="AR94" s="8">
        <v>1.1168312794955724</v>
      </c>
      <c r="AS94" s="8">
        <v>1.1168312794955724</v>
      </c>
      <c r="AT94" s="8">
        <v>1.1424123277116687</v>
      </c>
      <c r="AU94" s="8">
        <v>1.1168932837000733</v>
      </c>
      <c r="AV94" s="8">
        <v>1.0193395095539506</v>
      </c>
      <c r="AW94" s="8">
        <v>1.0275410647646157</v>
      </c>
      <c r="AX94" s="8">
        <v>1.0601486881785902</v>
      </c>
      <c r="AY94" s="8">
        <v>1.0756232686980609</v>
      </c>
      <c r="AZ94" s="8">
        <v>1.18530140519883</v>
      </c>
      <c r="BA94" s="8">
        <v>1.2104325232137296</v>
      </c>
      <c r="BB94" s="8">
        <v>1.207149895086371</v>
      </c>
      <c r="BC94" s="8">
        <v>1.230436117634041</v>
      </c>
      <c r="BD94" s="8">
        <v>1.1767558699754244</v>
      </c>
    </row>
    <row r="95" spans="3:56" x14ac:dyDescent="0.2">
      <c r="C95" s="23" t="s">
        <v>96</v>
      </c>
      <c r="D95" s="6" t="s">
        <v>58</v>
      </c>
      <c r="E95" s="17">
        <v>0.98667236879721731</v>
      </c>
      <c r="F95" s="17">
        <v>1.0130346537861572</v>
      </c>
      <c r="G95" s="17">
        <v>1.1241874690043703</v>
      </c>
      <c r="H95" s="17">
        <v>1.1915196933124805</v>
      </c>
      <c r="I95" s="17">
        <v>1.2010116757330505</v>
      </c>
      <c r="J95" s="17">
        <v>1.2090648089230935</v>
      </c>
      <c r="K95" s="17">
        <v>1.2093197102917219</v>
      </c>
      <c r="L95" s="17">
        <v>1.2051224357987029</v>
      </c>
      <c r="M95" s="17">
        <v>1.2090256796070351</v>
      </c>
      <c r="N95" s="17">
        <v>1.2084858196372283</v>
      </c>
      <c r="O95" s="17">
        <v>1.2171279483146402</v>
      </c>
      <c r="P95" s="17">
        <v>0.91053697835786462</v>
      </c>
      <c r="Q95" s="17">
        <v>1.1173021480490672</v>
      </c>
      <c r="R95" s="17">
        <v>1.0936529674145494</v>
      </c>
      <c r="S95" s="17">
        <v>1.0835081716369066</v>
      </c>
      <c r="T95" s="17">
        <v>1.151425046501815</v>
      </c>
      <c r="U95" s="17">
        <v>1.0995243865183348</v>
      </c>
      <c r="V95" s="17">
        <v>1.081613676361117</v>
      </c>
      <c r="W95" s="17">
        <v>1.0691994790274393</v>
      </c>
      <c r="X95" s="17">
        <v>1.0325276606648808</v>
      </c>
      <c r="Y95" s="17">
        <v>1.0360299776790289</v>
      </c>
      <c r="Z95" s="17">
        <v>1.0140777199855784</v>
      </c>
      <c r="AA95" s="17">
        <v>0.99413773790887805</v>
      </c>
      <c r="AB95" s="17">
        <v>0.96553609545732511</v>
      </c>
      <c r="AC95" s="17">
        <v>0.96137217609129288</v>
      </c>
      <c r="AD95" s="17">
        <v>0.89995434470902957</v>
      </c>
      <c r="AE95" s="17">
        <v>0.89522139264807055</v>
      </c>
      <c r="AF95" s="17">
        <v>0.88012257405515837</v>
      </c>
      <c r="AG95" s="17">
        <v>0.83697566033505522</v>
      </c>
      <c r="AH95" s="17">
        <v>0.86589827336886649</v>
      </c>
      <c r="AI95" s="17">
        <v>0.84332461192971198</v>
      </c>
      <c r="AJ95" s="17">
        <v>0.86332254223403015</v>
      </c>
      <c r="AK95" s="17">
        <v>0.87692216343164164</v>
      </c>
      <c r="AL95" s="17">
        <v>0.95570877772328866</v>
      </c>
      <c r="AM95" s="17">
        <v>0.96354345664374963</v>
      </c>
      <c r="AN95" s="17">
        <v>1.0223864827234268</v>
      </c>
      <c r="AO95" s="17">
        <v>1.0419554993099751</v>
      </c>
      <c r="AP95" s="17">
        <v>0.99964055110024475</v>
      </c>
      <c r="AQ95" s="17">
        <v>1.1096158085349581</v>
      </c>
      <c r="AR95" s="17">
        <v>1.1604426696831538</v>
      </c>
      <c r="AS95" s="17">
        <v>1.1604426696831538</v>
      </c>
      <c r="AT95" s="17">
        <v>1.3795568580869615</v>
      </c>
      <c r="AU95" s="17">
        <v>1.3990255874038726</v>
      </c>
      <c r="AV95" s="17">
        <v>1.3515594009843082</v>
      </c>
      <c r="AW95" s="17">
        <v>1.3940285872003009</v>
      </c>
      <c r="AX95" s="17">
        <v>1.2740904928845369</v>
      </c>
      <c r="AY95" s="17">
        <v>1.0506509441262553</v>
      </c>
      <c r="AZ95" s="17">
        <v>1.0131440533848863</v>
      </c>
      <c r="BA95" s="17">
        <v>0.88771209812074103</v>
      </c>
      <c r="BB95" s="17">
        <v>0.90063966692761432</v>
      </c>
      <c r="BC95" s="17">
        <v>0.89949170574867299</v>
      </c>
      <c r="BD95" s="17">
        <v>0.9944051709848486</v>
      </c>
    </row>
    <row r="96" spans="3:56" x14ac:dyDescent="0.2">
      <c r="C96" s="67"/>
      <c r="D96" s="64"/>
      <c r="E96" s="65"/>
      <c r="F96" s="65"/>
      <c r="G96" s="65"/>
      <c r="H96" s="65"/>
      <c r="J96" s="121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G96" s="65"/>
      <c r="AH96" s="65"/>
      <c r="AO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6" x14ac:dyDescent="0.2">
      <c r="D97" s="64"/>
      <c r="E97" s="65"/>
      <c r="F97" s="65"/>
      <c r="G97" s="65"/>
      <c r="H97" s="65"/>
      <c r="M97" s="65"/>
      <c r="N97" s="65"/>
      <c r="O97" s="92"/>
      <c r="P97" s="65"/>
      <c r="Q97" s="65"/>
      <c r="R97" s="65"/>
      <c r="S97" s="65"/>
      <c r="T97" s="65"/>
      <c r="U97" s="65"/>
      <c r="V97" s="65"/>
      <c r="W97" s="65"/>
      <c r="X97" s="65"/>
      <c r="Y97" s="65"/>
      <c r="Z97" s="65"/>
      <c r="AA97" s="65"/>
      <c r="AB97" s="65"/>
      <c r="AC97" s="65"/>
      <c r="AD97" s="65"/>
      <c r="AE97" s="65"/>
      <c r="AG97" s="65"/>
      <c r="AH97" s="65"/>
      <c r="AO97" s="65"/>
      <c r="AQ97" s="65"/>
      <c r="AR97" s="65"/>
      <c r="AS97" s="65"/>
      <c r="AT97" s="65"/>
      <c r="AU97" s="65"/>
      <c r="AV97" s="65"/>
      <c r="AW97" s="65"/>
      <c r="AX97" s="65"/>
      <c r="AY97" s="65"/>
      <c r="AZ97" s="65"/>
      <c r="BA97" s="65"/>
      <c r="BB97" s="65"/>
      <c r="BC97" s="65"/>
    </row>
    <row r="98" spans="3:56" x14ac:dyDescent="0.2">
      <c r="D98" s="64"/>
      <c r="E98" s="65"/>
      <c r="F98" s="65"/>
      <c r="G98" s="65"/>
      <c r="K98" s="65"/>
      <c r="M98" s="65"/>
      <c r="N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99" spans="3:56" x14ac:dyDescent="0.2">
      <c r="C99" s="23" t="s">
        <v>106</v>
      </c>
      <c r="D99" s="6" t="s">
        <v>58</v>
      </c>
      <c r="E99" s="17">
        <v>7.48</v>
      </c>
      <c r="F99" s="17">
        <v>7.77</v>
      </c>
      <c r="G99" s="17">
        <v>7.53</v>
      </c>
      <c r="H99" s="17">
        <v>7.35</v>
      </c>
      <c r="I99" s="17">
        <v>7.39</v>
      </c>
      <c r="J99" s="17">
        <v>7.27</v>
      </c>
      <c r="K99" s="17">
        <v>7.55</v>
      </c>
      <c r="L99" s="17">
        <v>7.29</v>
      </c>
      <c r="M99" s="17">
        <v>7.23</v>
      </c>
      <c r="N99" s="17">
        <v>7.59</v>
      </c>
      <c r="O99" s="17">
        <v>7.47</v>
      </c>
      <c r="P99" s="17">
        <v>7.77</v>
      </c>
      <c r="Q99" s="17">
        <v>7.37</v>
      </c>
      <c r="R99" s="17">
        <v>7.73</v>
      </c>
      <c r="S99" s="17">
        <v>7.24</v>
      </c>
      <c r="T99" s="17">
        <v>7.24</v>
      </c>
      <c r="U99" s="17">
        <v>7.54</v>
      </c>
      <c r="V99" s="17">
        <v>7.37</v>
      </c>
      <c r="W99" s="17">
        <v>7.67</v>
      </c>
      <c r="X99" s="17">
        <v>7.34</v>
      </c>
      <c r="Y99" s="17">
        <v>7.68</v>
      </c>
      <c r="Z99" s="17">
        <v>7.51</v>
      </c>
      <c r="AA99" s="17">
        <v>7.56</v>
      </c>
      <c r="AB99" s="17">
        <v>7.65</v>
      </c>
      <c r="AC99" s="17">
        <v>7.3</v>
      </c>
      <c r="AD99" s="17">
        <v>7.7</v>
      </c>
      <c r="AE99" s="17">
        <v>7.2</v>
      </c>
      <c r="AF99" s="17">
        <v>7.2</v>
      </c>
      <c r="AG99" s="17">
        <v>7.23</v>
      </c>
      <c r="AH99" s="17">
        <v>7.3</v>
      </c>
      <c r="AI99" s="17">
        <v>6.95</v>
      </c>
      <c r="AJ99" s="17">
        <v>7.08</v>
      </c>
      <c r="AK99" s="17">
        <v>6.89</v>
      </c>
      <c r="AL99" s="105">
        <v>6.86</v>
      </c>
      <c r="AM99" s="17">
        <v>6.74</v>
      </c>
      <c r="AN99" s="17">
        <v>6.99</v>
      </c>
      <c r="AO99" s="17">
        <v>6.86</v>
      </c>
      <c r="AP99" s="17">
        <v>6.84</v>
      </c>
      <c r="AQ99" s="17">
        <v>6.76</v>
      </c>
      <c r="AR99" s="17">
        <v>6.79</v>
      </c>
      <c r="AS99" s="17">
        <v>6.78</v>
      </c>
      <c r="AT99" s="17">
        <v>6.73</v>
      </c>
      <c r="AU99" s="17">
        <v>6.72</v>
      </c>
      <c r="AV99" s="17">
        <v>6.71</v>
      </c>
      <c r="AW99" s="17">
        <v>6.77</v>
      </c>
      <c r="AX99" s="17">
        <v>6.83</v>
      </c>
      <c r="AY99" s="17">
        <v>6.71</v>
      </c>
      <c r="AZ99" s="17">
        <v>6.85</v>
      </c>
      <c r="BA99" s="17">
        <v>6.77</v>
      </c>
      <c r="BB99" s="17">
        <v>6.93</v>
      </c>
      <c r="BC99" s="17">
        <v>6.8</v>
      </c>
      <c r="BD99" s="17">
        <v>6.82</v>
      </c>
    </row>
    <row r="100" spans="3:56" x14ac:dyDescent="0.2">
      <c r="D100" s="64"/>
      <c r="E100" s="65"/>
      <c r="F100" s="65"/>
      <c r="G100" s="65"/>
      <c r="H100" s="65"/>
      <c r="K100" s="65"/>
      <c r="L100" s="65"/>
      <c r="M100" s="65"/>
      <c r="N100" s="65"/>
      <c r="O100" s="65"/>
      <c r="P100" s="65"/>
      <c r="Q100" s="65"/>
      <c r="R100" s="65"/>
      <c r="S100" s="65"/>
      <c r="T100" s="65"/>
      <c r="U100" s="65"/>
      <c r="V100" s="65"/>
      <c r="W100" s="65"/>
      <c r="X100" s="65"/>
      <c r="Y100" s="65"/>
      <c r="Z100" s="65"/>
      <c r="AA100" s="65"/>
      <c r="AB100" s="65"/>
      <c r="AC100" s="65"/>
      <c r="AD100" s="65"/>
      <c r="AE100" s="65"/>
      <c r="AF100" s="65"/>
      <c r="AG100" s="65"/>
      <c r="AH100" s="65"/>
      <c r="AI100" s="65"/>
      <c r="AJ100" s="65"/>
      <c r="AK100" s="65"/>
      <c r="AL100" s="65"/>
      <c r="AM100" s="65"/>
      <c r="AN100" s="65"/>
      <c r="AO100" s="65"/>
      <c r="AP100" s="65"/>
      <c r="AQ100" s="65"/>
      <c r="AR100" s="65"/>
      <c r="AS100" s="65"/>
      <c r="AT100" s="65"/>
      <c r="AU100" s="65"/>
      <c r="AV100" s="65"/>
      <c r="AW100" s="65"/>
      <c r="AX100" s="65"/>
      <c r="AY100" s="65"/>
      <c r="AZ100" s="65"/>
      <c r="BA100" s="65"/>
      <c r="BB100" s="65"/>
      <c r="BC100" s="65"/>
    </row>
    <row r="104" spans="3:56" x14ac:dyDescent="0.2">
      <c r="C104" s="1" t="s">
        <v>97</v>
      </c>
      <c r="E104" s="2">
        <v>2017</v>
      </c>
      <c r="F104" s="1"/>
      <c r="G104" s="1"/>
      <c r="H104" s="1"/>
      <c r="I104" s="1"/>
      <c r="J104" s="1"/>
      <c r="K104" s="1"/>
      <c r="L104" s="1"/>
      <c r="M104" s="1"/>
    </row>
    <row r="105" spans="3:56" x14ac:dyDescent="0.2">
      <c r="C105" s="3" t="s">
        <v>2</v>
      </c>
      <c r="D105" s="3" t="s">
        <v>3</v>
      </c>
      <c r="E105" s="4" t="s">
        <v>15</v>
      </c>
      <c r="F105" s="4" t="s">
        <v>16</v>
      </c>
      <c r="G105" s="4" t="s">
        <v>17</v>
      </c>
      <c r="H105" s="4" t="s">
        <v>18</v>
      </c>
      <c r="I105" s="4" t="s">
        <v>19</v>
      </c>
      <c r="J105" s="4" t="s">
        <v>20</v>
      </c>
      <c r="K105" s="4" t="s">
        <v>21</v>
      </c>
      <c r="L105" s="4" t="s">
        <v>22</v>
      </c>
      <c r="M105" s="4" t="s">
        <v>23</v>
      </c>
      <c r="N105" s="4" t="s">
        <v>24</v>
      </c>
      <c r="O105" s="4" t="s">
        <v>25</v>
      </c>
      <c r="P105" s="4" t="s">
        <v>26</v>
      </c>
      <c r="Q105" s="4" t="s">
        <v>27</v>
      </c>
      <c r="R105" s="4" t="s">
        <v>28</v>
      </c>
      <c r="S105" s="4" t="s">
        <v>29</v>
      </c>
      <c r="T105" s="4" t="s">
        <v>30</v>
      </c>
      <c r="U105" s="4" t="s">
        <v>31</v>
      </c>
      <c r="V105" s="4" t="s">
        <v>32</v>
      </c>
      <c r="W105" s="4" t="s">
        <v>33</v>
      </c>
      <c r="X105" s="4" t="s">
        <v>34</v>
      </c>
      <c r="Y105" s="4" t="s">
        <v>35</v>
      </c>
      <c r="Z105" s="4" t="s">
        <v>36</v>
      </c>
      <c r="AA105" s="4" t="s">
        <v>37</v>
      </c>
      <c r="AB105" s="4" t="s">
        <v>38</v>
      </c>
      <c r="AC105" s="26" t="s">
        <v>39</v>
      </c>
      <c r="AD105" s="4" t="s">
        <v>40</v>
      </c>
      <c r="AE105" s="4" t="s">
        <v>41</v>
      </c>
      <c r="AF105" s="4" t="s">
        <v>42</v>
      </c>
      <c r="AG105" s="4" t="s">
        <v>43</v>
      </c>
      <c r="AH105" s="4" t="s">
        <v>44</v>
      </c>
      <c r="AI105" s="4" t="s">
        <v>45</v>
      </c>
      <c r="AJ105" s="4" t="s">
        <v>46</v>
      </c>
      <c r="AK105" s="4" t="s">
        <v>47</v>
      </c>
      <c r="AL105" s="4" t="s">
        <v>48</v>
      </c>
      <c r="AM105" s="4" t="s">
        <v>49</v>
      </c>
      <c r="AN105" s="4" t="s">
        <v>50</v>
      </c>
      <c r="AO105" s="4" t="s">
        <v>51</v>
      </c>
      <c r="AP105" s="4" t="s">
        <v>52</v>
      </c>
      <c r="AQ105" s="4" t="s">
        <v>53</v>
      </c>
      <c r="AR105" s="4" t="s">
        <v>54</v>
      </c>
      <c r="AS105" s="4" t="s">
        <v>55</v>
      </c>
      <c r="AT105" s="4" t="s">
        <v>4</v>
      </c>
      <c r="AU105" s="4" t="s">
        <v>5</v>
      </c>
      <c r="AV105" s="4" t="s">
        <v>6</v>
      </c>
      <c r="AW105" s="4" t="s">
        <v>7</v>
      </c>
      <c r="AX105" s="4" t="s">
        <v>8</v>
      </c>
      <c r="AY105" s="4" t="s">
        <v>9</v>
      </c>
      <c r="AZ105" s="4" t="s">
        <v>10</v>
      </c>
      <c r="BA105" s="4" t="s">
        <v>11</v>
      </c>
      <c r="BB105" s="4" t="s">
        <v>12</v>
      </c>
      <c r="BC105" s="4" t="s">
        <v>13</v>
      </c>
      <c r="BD105" s="4" t="s">
        <v>14</v>
      </c>
    </row>
    <row r="106" spans="3:56" x14ac:dyDescent="0.2">
      <c r="C106" s="5" t="s">
        <v>57</v>
      </c>
      <c r="D106" s="6" t="s">
        <v>58</v>
      </c>
      <c r="E106" s="8">
        <v>15.94</v>
      </c>
      <c r="F106" s="8">
        <v>15.96</v>
      </c>
      <c r="G106" s="8">
        <v>16.02</v>
      </c>
      <c r="H106" s="8">
        <v>16.03</v>
      </c>
      <c r="I106" s="8">
        <v>16.100000000000001</v>
      </c>
      <c r="J106" s="8">
        <v>16.190000000000001</v>
      </c>
      <c r="K106" s="8">
        <v>16.23</v>
      </c>
      <c r="L106" s="8">
        <v>16.21</v>
      </c>
      <c r="M106" s="8">
        <v>16.18</v>
      </c>
      <c r="N106" s="8">
        <v>16.12</v>
      </c>
      <c r="O106" s="8">
        <v>16.13</v>
      </c>
      <c r="P106" s="8">
        <v>16.260000000000002</v>
      </c>
      <c r="Q106" s="8">
        <v>16.489999999999998</v>
      </c>
      <c r="R106" s="8">
        <v>16.23</v>
      </c>
      <c r="S106" s="8">
        <v>16.239999999999998</v>
      </c>
      <c r="T106" s="8">
        <v>16.260000000000002</v>
      </c>
      <c r="U106" s="8">
        <v>16.149999999999999</v>
      </c>
      <c r="V106" s="8">
        <v>16.2</v>
      </c>
      <c r="W106" s="17">
        <v>16.16</v>
      </c>
      <c r="X106" s="8">
        <v>16.23</v>
      </c>
      <c r="Y106" s="8">
        <v>16.32</v>
      </c>
      <c r="Z106" s="8">
        <v>16.27</v>
      </c>
      <c r="AA106" s="8">
        <v>16.25</v>
      </c>
      <c r="AB106" s="8">
        <v>16.25</v>
      </c>
      <c r="AC106" s="8">
        <v>16.190000000000001</v>
      </c>
      <c r="AD106" s="8">
        <v>16.07</v>
      </c>
      <c r="AE106" s="8">
        <v>16.059999999999999</v>
      </c>
      <c r="AF106" s="8">
        <v>16.079999999999998</v>
      </c>
      <c r="AG106" s="8">
        <v>16.03</v>
      </c>
      <c r="AH106" s="8">
        <v>16.059999999999999</v>
      </c>
      <c r="AI106" s="8">
        <v>16.03</v>
      </c>
      <c r="AJ106" s="8">
        <v>16</v>
      </c>
      <c r="AK106" s="8">
        <v>16.010000000000002</v>
      </c>
      <c r="AL106" s="8">
        <v>16.03</v>
      </c>
      <c r="AM106" s="8">
        <v>15.98</v>
      </c>
      <c r="AN106" s="8">
        <v>16</v>
      </c>
      <c r="AO106" s="8">
        <v>15.91</v>
      </c>
      <c r="AP106" s="8">
        <v>15.94</v>
      </c>
      <c r="AQ106" s="8">
        <v>15.94</v>
      </c>
      <c r="AR106" s="8">
        <v>15.99</v>
      </c>
      <c r="AS106" s="8">
        <v>16</v>
      </c>
      <c r="AT106" s="8">
        <v>16.100000000000001</v>
      </c>
      <c r="AU106" s="8">
        <v>16.079999999999998</v>
      </c>
      <c r="AV106" s="8">
        <v>16.05</v>
      </c>
      <c r="AW106" s="8">
        <v>15.94</v>
      </c>
      <c r="AX106" s="8">
        <v>15.93</v>
      </c>
      <c r="AY106" s="8">
        <v>15.93</v>
      </c>
      <c r="AZ106" s="8">
        <v>15.94</v>
      </c>
      <c r="BA106" s="8">
        <v>15.94</v>
      </c>
      <c r="BB106" s="8">
        <v>15.94</v>
      </c>
      <c r="BC106" s="8">
        <v>16.07</v>
      </c>
      <c r="BD106" s="8">
        <v>16.09</v>
      </c>
    </row>
    <row r="107" spans="3:56" x14ac:dyDescent="0.2">
      <c r="C107" s="5" t="s">
        <v>59</v>
      </c>
      <c r="D107" s="6" t="s">
        <v>58</v>
      </c>
      <c r="E107" s="8">
        <v>11.36</v>
      </c>
      <c r="F107" s="8">
        <v>11.27</v>
      </c>
      <c r="G107" s="8">
        <v>11.24</v>
      </c>
      <c r="H107" s="8">
        <v>11.29</v>
      </c>
      <c r="I107" s="8">
        <v>11.21</v>
      </c>
      <c r="J107" s="8">
        <v>10.96</v>
      </c>
      <c r="K107" s="8">
        <v>11</v>
      </c>
      <c r="L107" s="8">
        <v>11</v>
      </c>
      <c r="M107" s="8">
        <v>10.99</v>
      </c>
      <c r="N107" s="8">
        <v>10.97</v>
      </c>
      <c r="O107" s="8">
        <v>10.89</v>
      </c>
      <c r="P107" s="8">
        <v>11.06</v>
      </c>
      <c r="Q107" s="8">
        <v>11.02</v>
      </c>
      <c r="R107" s="8">
        <v>10.63</v>
      </c>
      <c r="S107" s="8">
        <v>10</v>
      </c>
      <c r="T107" s="8">
        <v>10.63</v>
      </c>
      <c r="U107" s="8">
        <v>10.71</v>
      </c>
      <c r="V107" s="8">
        <v>10.71</v>
      </c>
      <c r="W107" s="17">
        <v>10.73</v>
      </c>
      <c r="X107" s="8">
        <v>10.85</v>
      </c>
      <c r="Y107" s="8">
        <v>10.67</v>
      </c>
      <c r="Z107" s="8">
        <v>10.64</v>
      </c>
      <c r="AA107" s="8">
        <v>10.52</v>
      </c>
      <c r="AB107" s="8">
        <v>10.54</v>
      </c>
      <c r="AC107" s="8">
        <v>10.49</v>
      </c>
      <c r="AD107" s="8">
        <v>10.42</v>
      </c>
      <c r="AE107" s="8">
        <v>10.35</v>
      </c>
      <c r="AF107" s="8">
        <v>10.27</v>
      </c>
      <c r="AG107" s="8">
        <v>10.31</v>
      </c>
      <c r="AH107" s="8">
        <v>10.32</v>
      </c>
      <c r="AI107" s="8">
        <v>10.39</v>
      </c>
      <c r="AJ107" s="8">
        <v>10.45</v>
      </c>
      <c r="AK107" s="8">
        <v>10.47</v>
      </c>
      <c r="AL107" s="8">
        <v>10.5</v>
      </c>
      <c r="AM107" s="8">
        <v>10.5</v>
      </c>
      <c r="AN107" s="8">
        <v>10.55</v>
      </c>
      <c r="AO107" s="8">
        <v>10.66</v>
      </c>
      <c r="AP107" s="8">
        <v>10.67</v>
      </c>
      <c r="AQ107" s="8">
        <v>10.71</v>
      </c>
      <c r="AR107" s="8">
        <v>10.73</v>
      </c>
      <c r="AS107" s="8">
        <v>10.75</v>
      </c>
      <c r="AT107" s="8">
        <v>10.73</v>
      </c>
      <c r="AU107" s="8">
        <v>10.73</v>
      </c>
      <c r="AV107" s="8">
        <v>10.75</v>
      </c>
      <c r="AW107" s="8">
        <v>10.74</v>
      </c>
      <c r="AX107" s="8">
        <v>10.68</v>
      </c>
      <c r="AY107" s="8">
        <v>10.77</v>
      </c>
      <c r="AZ107" s="8">
        <v>10.82</v>
      </c>
      <c r="BA107" s="8">
        <v>10.9</v>
      </c>
      <c r="BB107" s="8">
        <v>10.95</v>
      </c>
      <c r="BC107" s="8">
        <v>11.24</v>
      </c>
      <c r="BD107" s="8">
        <v>11.26</v>
      </c>
    </row>
    <row r="108" spans="3:56" x14ac:dyDescent="0.2">
      <c r="C108" s="5" t="s">
        <v>60</v>
      </c>
      <c r="D108" s="6" t="s">
        <v>58</v>
      </c>
      <c r="E108" s="8">
        <v>5.29</v>
      </c>
      <c r="F108" s="8">
        <v>5.26</v>
      </c>
      <c r="G108" s="8">
        <v>5.19</v>
      </c>
      <c r="H108" s="8">
        <v>5.21</v>
      </c>
      <c r="I108" s="8">
        <v>5.23</v>
      </c>
      <c r="J108" s="8">
        <v>5.34</v>
      </c>
      <c r="K108" s="8">
        <v>5.31</v>
      </c>
      <c r="L108" s="8">
        <v>5.33</v>
      </c>
      <c r="M108" s="8">
        <v>5.3</v>
      </c>
      <c r="N108" s="8">
        <v>5.27</v>
      </c>
      <c r="O108" s="8">
        <v>5.3</v>
      </c>
      <c r="P108" s="8">
        <v>5.23</v>
      </c>
      <c r="Q108" s="8">
        <v>5.48</v>
      </c>
      <c r="R108" s="8">
        <v>5.39</v>
      </c>
      <c r="S108" s="8">
        <v>10.63</v>
      </c>
      <c r="T108" s="8">
        <v>5.35</v>
      </c>
      <c r="U108" s="8">
        <v>5.37</v>
      </c>
      <c r="V108" s="8">
        <v>5.36</v>
      </c>
      <c r="W108" s="17">
        <v>5.37</v>
      </c>
      <c r="X108" s="8">
        <v>5.35</v>
      </c>
      <c r="Y108" s="8">
        <v>5.36</v>
      </c>
      <c r="Z108" s="8">
        <v>5.34</v>
      </c>
      <c r="AA108" s="8">
        <v>5.37</v>
      </c>
      <c r="AB108" s="8">
        <v>5.4</v>
      </c>
      <c r="AC108" s="8">
        <v>5.41</v>
      </c>
      <c r="AD108" s="8">
        <v>5.42</v>
      </c>
      <c r="AE108" s="8">
        <v>5.42</v>
      </c>
      <c r="AF108" s="8">
        <v>5.44</v>
      </c>
      <c r="AG108" s="8">
        <v>5.46</v>
      </c>
      <c r="AH108" s="8">
        <v>5.47</v>
      </c>
      <c r="AI108" s="8">
        <v>5.46</v>
      </c>
      <c r="AJ108" s="8">
        <v>5.46</v>
      </c>
      <c r="AK108" s="8">
        <v>5.45</v>
      </c>
      <c r="AL108" s="8">
        <v>5.43</v>
      </c>
      <c r="AM108" s="8">
        <v>5.4</v>
      </c>
      <c r="AN108" s="8">
        <v>5.42</v>
      </c>
      <c r="AO108" s="8">
        <v>5.43</v>
      </c>
      <c r="AP108" s="8">
        <v>5.44</v>
      </c>
      <c r="AQ108" s="8">
        <v>5.43</v>
      </c>
      <c r="AR108" s="8">
        <v>5.45</v>
      </c>
      <c r="AS108" s="8">
        <v>5.45</v>
      </c>
      <c r="AT108" s="8">
        <v>5.44</v>
      </c>
      <c r="AU108" s="8">
        <v>5.45</v>
      </c>
      <c r="AV108" s="8">
        <v>5.47</v>
      </c>
      <c r="AW108" s="8">
        <v>5.47</v>
      </c>
      <c r="AX108" s="8">
        <v>5.48</v>
      </c>
      <c r="AY108" s="8">
        <v>5.48</v>
      </c>
      <c r="AZ108" s="8">
        <v>5.49</v>
      </c>
      <c r="BA108" s="8">
        <v>5.49</v>
      </c>
      <c r="BB108" s="8">
        <v>5.51</v>
      </c>
      <c r="BC108" s="8">
        <v>5.51</v>
      </c>
      <c r="BD108" s="8">
        <v>5.51</v>
      </c>
    </row>
    <row r="109" spans="3:56" x14ac:dyDescent="0.2">
      <c r="C109" s="5" t="s">
        <v>61</v>
      </c>
      <c r="D109" s="6" t="s">
        <v>58</v>
      </c>
      <c r="E109" s="8">
        <v>3</v>
      </c>
      <c r="F109" s="8">
        <v>2.99</v>
      </c>
      <c r="G109" s="8">
        <v>2.99</v>
      </c>
      <c r="H109" s="8">
        <v>2.99</v>
      </c>
      <c r="I109" s="8">
        <v>2.99</v>
      </c>
      <c r="J109" s="8">
        <v>2.99</v>
      </c>
      <c r="K109" s="8">
        <v>2.99</v>
      </c>
      <c r="L109" s="8">
        <v>2.99</v>
      </c>
      <c r="M109" s="8">
        <v>2.99</v>
      </c>
      <c r="N109" s="8">
        <v>2.95</v>
      </c>
      <c r="O109" s="8">
        <v>2.94</v>
      </c>
      <c r="P109" s="8">
        <v>3</v>
      </c>
      <c r="Q109" s="8">
        <v>2.97</v>
      </c>
      <c r="R109" s="8">
        <v>2.95</v>
      </c>
      <c r="S109" s="8">
        <v>2.93</v>
      </c>
      <c r="T109" s="8">
        <v>2.93</v>
      </c>
      <c r="U109" s="8">
        <v>2.91</v>
      </c>
      <c r="V109" s="8">
        <v>2.93</v>
      </c>
      <c r="W109" s="17">
        <v>2.93</v>
      </c>
      <c r="X109" s="8">
        <v>2.93</v>
      </c>
      <c r="Y109" s="8">
        <v>2.94</v>
      </c>
      <c r="Z109" s="8">
        <v>2.94</v>
      </c>
      <c r="AA109" s="8">
        <v>2.95</v>
      </c>
      <c r="AB109" s="8">
        <v>2.95</v>
      </c>
      <c r="AC109" s="8">
        <v>2.95</v>
      </c>
      <c r="AD109" s="8">
        <v>2.96</v>
      </c>
      <c r="AE109" s="8">
        <v>2.97</v>
      </c>
      <c r="AF109" s="8">
        <v>2.96</v>
      </c>
      <c r="AG109" s="8">
        <v>2.98</v>
      </c>
      <c r="AH109" s="8">
        <v>2.98</v>
      </c>
      <c r="AI109" s="8">
        <v>2.99</v>
      </c>
      <c r="AJ109" s="8">
        <v>2.99</v>
      </c>
      <c r="AK109" s="8">
        <v>2.99</v>
      </c>
      <c r="AL109" s="8">
        <v>2.99</v>
      </c>
      <c r="AM109" s="8">
        <v>2.99</v>
      </c>
      <c r="AN109" s="8">
        <v>2.99</v>
      </c>
      <c r="AO109" s="8">
        <v>3</v>
      </c>
      <c r="AP109" s="8">
        <v>3</v>
      </c>
      <c r="AQ109" s="8">
        <v>2.99</v>
      </c>
      <c r="AR109" s="8">
        <v>2.99</v>
      </c>
      <c r="AS109" s="8">
        <v>2.99</v>
      </c>
      <c r="AT109" s="8">
        <v>2.99</v>
      </c>
      <c r="AU109" s="8">
        <v>2.98</v>
      </c>
      <c r="AV109" s="8">
        <v>2.98</v>
      </c>
      <c r="AW109" s="8">
        <v>2.97</v>
      </c>
      <c r="AX109" s="8">
        <v>2.98</v>
      </c>
      <c r="AY109" s="8">
        <v>2.98</v>
      </c>
      <c r="AZ109" s="8">
        <v>2.98</v>
      </c>
      <c r="BA109" s="8">
        <v>2.99</v>
      </c>
      <c r="BB109" s="8">
        <v>2.98</v>
      </c>
      <c r="BC109" s="8">
        <v>2.98</v>
      </c>
      <c r="BD109" s="8">
        <v>2.99</v>
      </c>
    </row>
    <row r="110" spans="3:56" x14ac:dyDescent="0.2">
      <c r="C110" s="5" t="s">
        <v>62</v>
      </c>
      <c r="D110" s="6" t="s">
        <v>58</v>
      </c>
      <c r="E110" s="8">
        <v>5.55</v>
      </c>
      <c r="F110" s="8">
        <v>5.53</v>
      </c>
      <c r="G110" s="8">
        <v>5.51</v>
      </c>
      <c r="H110" s="8">
        <v>5.48</v>
      </c>
      <c r="I110" s="8">
        <v>5.48</v>
      </c>
      <c r="J110" s="8">
        <v>5.43</v>
      </c>
      <c r="K110" s="8">
        <v>5.43</v>
      </c>
      <c r="L110" s="8">
        <v>5.46</v>
      </c>
      <c r="M110" s="8">
        <v>5.44</v>
      </c>
      <c r="N110" s="8">
        <v>5.45</v>
      </c>
      <c r="O110" s="8">
        <v>5.46</v>
      </c>
      <c r="P110" s="8">
        <v>5.36</v>
      </c>
      <c r="Q110" s="8">
        <v>5.52</v>
      </c>
      <c r="R110" s="8">
        <v>5.49</v>
      </c>
      <c r="S110" s="8">
        <v>5.48</v>
      </c>
      <c r="T110" s="8">
        <v>5.47</v>
      </c>
      <c r="U110" s="8">
        <v>5.45</v>
      </c>
      <c r="V110" s="8">
        <v>5.45</v>
      </c>
      <c r="W110" s="17">
        <v>5.44</v>
      </c>
      <c r="X110" s="8">
        <v>5.44</v>
      </c>
      <c r="Y110" s="8">
        <v>5.46</v>
      </c>
      <c r="Z110" s="8">
        <v>5.48</v>
      </c>
      <c r="AA110" s="8">
        <v>5.47</v>
      </c>
      <c r="AB110" s="8">
        <v>5.48</v>
      </c>
      <c r="AC110" s="8">
        <v>5.51</v>
      </c>
      <c r="AD110" s="8">
        <v>5.5</v>
      </c>
      <c r="AE110" s="8">
        <v>5.49</v>
      </c>
      <c r="AF110" s="8">
        <v>5.5</v>
      </c>
      <c r="AG110" s="8">
        <v>5.47</v>
      </c>
      <c r="AH110" s="8">
        <v>5.48</v>
      </c>
      <c r="AI110" s="8">
        <v>5.5</v>
      </c>
      <c r="AJ110" s="8">
        <v>5.49</v>
      </c>
      <c r="AK110" s="8">
        <v>5.49</v>
      </c>
      <c r="AL110" s="8">
        <v>5.52</v>
      </c>
      <c r="AM110" s="8">
        <v>5.52</v>
      </c>
      <c r="AN110" s="8">
        <v>5.51</v>
      </c>
      <c r="AO110" s="8">
        <v>5.5</v>
      </c>
      <c r="AP110" s="8">
        <v>5.51</v>
      </c>
      <c r="AQ110" s="8">
        <v>5.52</v>
      </c>
      <c r="AR110" s="8">
        <v>5.53</v>
      </c>
      <c r="AS110" s="8">
        <v>5.55</v>
      </c>
      <c r="AT110" s="8">
        <v>5.59</v>
      </c>
      <c r="AU110" s="8">
        <v>5.6</v>
      </c>
      <c r="AV110" s="8">
        <v>5.6</v>
      </c>
      <c r="AW110" s="8">
        <v>5.62</v>
      </c>
      <c r="AX110" s="8">
        <v>5.62</v>
      </c>
      <c r="AY110" s="8">
        <v>5.6</v>
      </c>
      <c r="AZ110" s="8">
        <v>5.6</v>
      </c>
      <c r="BA110" s="8">
        <v>5.62</v>
      </c>
      <c r="BB110" s="8">
        <v>5.63</v>
      </c>
      <c r="BC110" s="8">
        <v>5.65</v>
      </c>
      <c r="BD110" s="8">
        <v>5.64</v>
      </c>
    </row>
    <row r="111" spans="3:56" x14ac:dyDescent="0.2">
      <c r="C111" s="5" t="s">
        <v>75</v>
      </c>
      <c r="D111" s="20" t="s">
        <v>76</v>
      </c>
      <c r="E111" s="8">
        <v>1.38</v>
      </c>
      <c r="F111" s="8">
        <v>1.38</v>
      </c>
      <c r="G111" s="8">
        <v>1.38</v>
      </c>
      <c r="H111" s="8">
        <v>1.38</v>
      </c>
      <c r="I111" s="8">
        <v>1.38</v>
      </c>
      <c r="J111" s="8">
        <v>1.38</v>
      </c>
      <c r="K111" s="8">
        <v>1.38</v>
      </c>
      <c r="L111" s="8">
        <v>1.38</v>
      </c>
      <c r="M111" s="8">
        <v>1.39</v>
      </c>
      <c r="N111" s="8">
        <v>1.38</v>
      </c>
      <c r="O111" s="8">
        <v>1.38</v>
      </c>
      <c r="P111" s="8">
        <v>1.37</v>
      </c>
      <c r="Q111" s="8">
        <v>1.37</v>
      </c>
      <c r="R111" s="8">
        <v>1.38</v>
      </c>
      <c r="S111" s="8">
        <v>1.38</v>
      </c>
      <c r="T111" s="8">
        <v>1.38</v>
      </c>
      <c r="U111" s="8">
        <v>1.38</v>
      </c>
      <c r="V111" s="8">
        <v>1.38</v>
      </c>
      <c r="W111" s="17">
        <v>1.38</v>
      </c>
      <c r="X111" s="8">
        <v>1.38</v>
      </c>
      <c r="Y111" s="8">
        <v>1.38</v>
      </c>
      <c r="Z111" s="8">
        <v>1.37</v>
      </c>
      <c r="AA111" s="8">
        <v>1.37</v>
      </c>
      <c r="AB111" s="8">
        <v>1.37</v>
      </c>
      <c r="AC111" s="8">
        <v>1.37</v>
      </c>
      <c r="AD111" s="8">
        <v>1.36</v>
      </c>
      <c r="AE111" s="8">
        <v>1.37</v>
      </c>
      <c r="AF111" s="8">
        <v>1.37</v>
      </c>
      <c r="AG111" s="8">
        <v>1.36</v>
      </c>
      <c r="AH111" s="8">
        <v>1.37</v>
      </c>
      <c r="AI111" s="8">
        <v>1.37</v>
      </c>
      <c r="AJ111" s="8">
        <v>1.37</v>
      </c>
      <c r="AK111" s="8">
        <v>1.37</v>
      </c>
      <c r="AL111" s="8">
        <v>1.36</v>
      </c>
      <c r="AM111" s="8">
        <v>1.36</v>
      </c>
      <c r="AN111" s="8">
        <v>1.36</v>
      </c>
      <c r="AO111" s="8">
        <v>1.36</v>
      </c>
      <c r="AP111" s="8">
        <v>1.36</v>
      </c>
      <c r="AQ111" s="8">
        <v>1.36</v>
      </c>
      <c r="AR111" s="8">
        <v>1.36</v>
      </c>
      <c r="AS111" s="8">
        <v>1.35</v>
      </c>
      <c r="AT111" s="8">
        <v>1.35</v>
      </c>
      <c r="AU111" s="8">
        <v>1.35</v>
      </c>
      <c r="AV111" s="8">
        <v>1.36</v>
      </c>
      <c r="AW111" s="8">
        <v>1.37</v>
      </c>
      <c r="AX111" s="8">
        <v>1.37</v>
      </c>
      <c r="AY111" s="8">
        <v>1.37</v>
      </c>
      <c r="AZ111" s="8">
        <v>1.38</v>
      </c>
      <c r="BA111" s="8">
        <v>1.4</v>
      </c>
      <c r="BB111" s="8">
        <v>1.4</v>
      </c>
      <c r="BC111" s="8">
        <v>1.41</v>
      </c>
      <c r="BD111" s="8">
        <v>1.41</v>
      </c>
    </row>
    <row r="112" spans="3:56" x14ac:dyDescent="0.2">
      <c r="C112" s="5" t="s">
        <v>63</v>
      </c>
      <c r="D112" s="6" t="s">
        <v>58</v>
      </c>
      <c r="E112" s="8">
        <v>15.71</v>
      </c>
      <c r="F112" s="8">
        <v>15.75</v>
      </c>
      <c r="G112" s="8">
        <v>15.62</v>
      </c>
      <c r="H112" s="8">
        <v>15.38</v>
      </c>
      <c r="I112" s="8">
        <v>15.09</v>
      </c>
      <c r="J112" s="8">
        <v>15.02</v>
      </c>
      <c r="K112" s="8">
        <v>14.79</v>
      </c>
      <c r="L112" s="8">
        <v>14.7</v>
      </c>
      <c r="M112" s="8">
        <v>14.46</v>
      </c>
      <c r="N112" s="8">
        <v>14.69</v>
      </c>
      <c r="O112" s="8">
        <v>14.85</v>
      </c>
      <c r="P112" s="8">
        <v>15.18</v>
      </c>
      <c r="Q112" s="8">
        <v>14.95</v>
      </c>
      <c r="R112" s="8">
        <v>15.08</v>
      </c>
      <c r="S112" s="8">
        <v>15.22</v>
      </c>
      <c r="T112" s="8">
        <v>14.69</v>
      </c>
      <c r="U112" s="8">
        <v>14.4</v>
      </c>
      <c r="V112" s="8">
        <v>14.47</v>
      </c>
      <c r="W112" s="17">
        <v>14.55</v>
      </c>
      <c r="X112" s="8">
        <v>14.46</v>
      </c>
      <c r="Y112" s="8">
        <v>14.27</v>
      </c>
      <c r="Z112" s="8">
        <v>14.27</v>
      </c>
      <c r="AA112" s="8">
        <v>14.23</v>
      </c>
      <c r="AB112" s="8">
        <v>14.34</v>
      </c>
      <c r="AC112" s="8">
        <v>14.3</v>
      </c>
      <c r="AD112" s="8">
        <v>14.17</v>
      </c>
      <c r="AE112" s="8">
        <v>14.24</v>
      </c>
      <c r="AF112" s="8">
        <v>14.37</v>
      </c>
      <c r="AG112" s="8">
        <v>14.33</v>
      </c>
      <c r="AH112" s="8">
        <v>14.33</v>
      </c>
      <c r="AI112" s="8">
        <v>14.4</v>
      </c>
      <c r="AJ112" s="8">
        <v>14.54</v>
      </c>
      <c r="AK112" s="8">
        <v>14.6</v>
      </c>
      <c r="AL112" s="8">
        <v>14.51</v>
      </c>
      <c r="AM112" s="8">
        <v>14.58</v>
      </c>
      <c r="AN112" s="8">
        <v>14.47</v>
      </c>
      <c r="AO112" s="8">
        <v>14.59</v>
      </c>
      <c r="AP112" s="8">
        <v>14.82</v>
      </c>
      <c r="AQ112" s="8">
        <v>14.79</v>
      </c>
      <c r="AR112" s="8">
        <v>14.8</v>
      </c>
      <c r="AS112" s="8">
        <v>15.08</v>
      </c>
      <c r="AT112" s="8">
        <v>15.31</v>
      </c>
      <c r="AU112" s="8">
        <v>15.26</v>
      </c>
      <c r="AV112" s="8">
        <v>15.27</v>
      </c>
      <c r="AW112" s="8">
        <v>15.55</v>
      </c>
      <c r="AX112" s="8">
        <v>15.41</v>
      </c>
      <c r="AY112" s="8">
        <v>15.18</v>
      </c>
      <c r="AZ112" s="8">
        <v>15.11</v>
      </c>
      <c r="BA112" s="8">
        <v>15.18</v>
      </c>
      <c r="BB112" s="8">
        <v>15.35</v>
      </c>
      <c r="BC112" s="8">
        <v>16.670000000000002</v>
      </c>
      <c r="BD112" s="8">
        <v>16.78</v>
      </c>
    </row>
    <row r="113" spans="3:56" x14ac:dyDescent="0.2">
      <c r="C113" s="5" t="s">
        <v>64</v>
      </c>
      <c r="D113" s="6" t="s">
        <v>58</v>
      </c>
      <c r="E113" s="8">
        <v>10.62</v>
      </c>
      <c r="F113" s="8">
        <v>10.72</v>
      </c>
      <c r="G113" s="8">
        <v>10.220000000000001</v>
      </c>
      <c r="H113" s="8">
        <v>10.08</v>
      </c>
      <c r="I113" s="8">
        <v>9.58</v>
      </c>
      <c r="J113" s="8">
        <v>9.34</v>
      </c>
      <c r="K113" s="8">
        <v>9.2100000000000009</v>
      </c>
      <c r="L113" s="8">
        <v>9.17</v>
      </c>
      <c r="M113" s="8">
        <v>9.09</v>
      </c>
      <c r="N113" s="8">
        <v>9.11</v>
      </c>
      <c r="O113" s="8">
        <v>9.31</v>
      </c>
      <c r="P113" s="8">
        <v>8.75</v>
      </c>
      <c r="Q113" s="8">
        <v>9.6199999999999992</v>
      </c>
      <c r="R113" s="8">
        <v>9.4600000000000009</v>
      </c>
      <c r="S113" s="8">
        <v>9.49</v>
      </c>
      <c r="T113" s="8">
        <v>9.42</v>
      </c>
      <c r="U113" s="8">
        <v>9.3699999999999992</v>
      </c>
      <c r="V113" s="8">
        <v>9.26</v>
      </c>
      <c r="W113" s="17">
        <v>9.2200000000000006</v>
      </c>
      <c r="X113" s="8">
        <v>9</v>
      </c>
      <c r="Y113" s="8">
        <v>8.76</v>
      </c>
      <c r="Z113" s="8">
        <v>8.7899999999999991</v>
      </c>
      <c r="AA113" s="8">
        <v>8.73</v>
      </c>
      <c r="AB113" s="8">
        <v>8.81</v>
      </c>
      <c r="AC113" s="8">
        <v>8.82</v>
      </c>
      <c r="AD113" s="8">
        <v>8.82</v>
      </c>
      <c r="AE113" s="8">
        <v>9.06</v>
      </c>
      <c r="AF113" s="8">
        <v>9.23</v>
      </c>
      <c r="AG113" s="8">
        <v>9.15</v>
      </c>
      <c r="AH113" s="8">
        <v>9.17</v>
      </c>
      <c r="AI113" s="8">
        <v>9.24</v>
      </c>
      <c r="AJ113" s="8">
        <v>9.41</v>
      </c>
      <c r="AK113" s="8">
        <v>9.48</v>
      </c>
      <c r="AL113" s="8">
        <v>9.3800000000000008</v>
      </c>
      <c r="AM113" s="8">
        <v>9.35</v>
      </c>
      <c r="AN113" s="8">
        <v>9.23</v>
      </c>
      <c r="AO113" s="8">
        <v>9.43</v>
      </c>
      <c r="AP113" s="8">
        <v>9.74</v>
      </c>
      <c r="AQ113" s="8">
        <v>9.83</v>
      </c>
      <c r="AR113" s="8">
        <v>9.69</v>
      </c>
      <c r="AS113" s="8">
        <v>9.85</v>
      </c>
      <c r="AT113" s="8">
        <v>9.83</v>
      </c>
      <c r="AU113" s="8">
        <v>9.99</v>
      </c>
      <c r="AV113" s="8">
        <v>10.26</v>
      </c>
      <c r="AW113" s="8">
        <v>10.25</v>
      </c>
      <c r="AX113" s="8">
        <v>10.18</v>
      </c>
      <c r="AY113" s="8">
        <v>10.16</v>
      </c>
      <c r="AZ113" s="8">
        <v>10.06</v>
      </c>
      <c r="BA113" s="8">
        <v>10.19</v>
      </c>
      <c r="BB113" s="8">
        <v>10.46</v>
      </c>
      <c r="BC113" s="8">
        <v>11.89</v>
      </c>
      <c r="BD113" s="8">
        <v>12.07</v>
      </c>
    </row>
    <row r="114" spans="3:56" x14ac:dyDescent="0.2">
      <c r="C114" s="5" t="s">
        <v>65</v>
      </c>
      <c r="D114" s="6" t="s">
        <v>58</v>
      </c>
      <c r="E114" s="8">
        <v>5.31</v>
      </c>
      <c r="F114" s="8">
        <v>5.31</v>
      </c>
      <c r="G114" s="8">
        <v>5.54</v>
      </c>
      <c r="H114" s="8">
        <v>5.5</v>
      </c>
      <c r="I114" s="8">
        <v>5.42</v>
      </c>
      <c r="J114" s="8">
        <v>5.66</v>
      </c>
      <c r="K114" s="8">
        <v>5.56</v>
      </c>
      <c r="L114" s="8">
        <v>5.54</v>
      </c>
      <c r="M114" s="8">
        <v>5.5</v>
      </c>
      <c r="N114" s="8">
        <v>5.26</v>
      </c>
      <c r="O114" s="8">
        <v>5.38</v>
      </c>
      <c r="P114" s="8">
        <v>4.82</v>
      </c>
      <c r="Q114" s="8">
        <v>5</v>
      </c>
      <c r="R114" s="8">
        <v>5.1100000000000003</v>
      </c>
      <c r="S114" s="8">
        <v>5.13</v>
      </c>
      <c r="T114" s="8">
        <v>5.21</v>
      </c>
      <c r="U114" s="8">
        <v>5.22</v>
      </c>
      <c r="V114" s="8">
        <v>5.34</v>
      </c>
      <c r="W114" s="17">
        <v>5.21</v>
      </c>
      <c r="X114" s="8">
        <v>5.13</v>
      </c>
      <c r="Y114" s="8">
        <v>5.05</v>
      </c>
      <c r="Z114" s="8">
        <v>5.04</v>
      </c>
      <c r="AA114" s="8">
        <v>5.0599999999999996</v>
      </c>
      <c r="AB114" s="8">
        <v>5.28</v>
      </c>
      <c r="AC114" s="8">
        <v>5.54</v>
      </c>
      <c r="AD114" s="8">
        <v>5.51</v>
      </c>
      <c r="AE114" s="8">
        <v>5.65</v>
      </c>
      <c r="AF114" s="8">
        <v>5.71</v>
      </c>
      <c r="AG114" s="8">
        <v>5.79</v>
      </c>
      <c r="AH114" s="8">
        <v>5.77</v>
      </c>
      <c r="AI114" s="8">
        <v>5.65</v>
      </c>
      <c r="AJ114" s="8">
        <v>5.62</v>
      </c>
      <c r="AK114" s="8">
        <v>5.7</v>
      </c>
      <c r="AL114" s="8">
        <v>5.65</v>
      </c>
      <c r="AM114" s="8">
        <v>5.67</v>
      </c>
      <c r="AN114" s="8">
        <v>5.76</v>
      </c>
      <c r="AO114" s="8">
        <v>5.81</v>
      </c>
      <c r="AP114" s="8">
        <v>5.92</v>
      </c>
      <c r="AQ114" s="8">
        <v>5.8</v>
      </c>
      <c r="AR114" s="8">
        <v>5.65</v>
      </c>
      <c r="AS114" s="8">
        <v>5.68</v>
      </c>
      <c r="AT114" s="8">
        <v>5.64</v>
      </c>
      <c r="AU114" s="8">
        <v>5.52</v>
      </c>
      <c r="AV114" s="8">
        <v>5.52</v>
      </c>
      <c r="AW114" s="8">
        <v>5.56</v>
      </c>
      <c r="AX114" s="8">
        <v>5.53</v>
      </c>
      <c r="AY114" s="8">
        <v>5.43</v>
      </c>
      <c r="AZ114" s="8">
        <v>5.53</v>
      </c>
      <c r="BA114" s="8">
        <v>5.66</v>
      </c>
      <c r="BB114" s="8">
        <v>5.89</v>
      </c>
      <c r="BC114" s="8">
        <v>5.87</v>
      </c>
      <c r="BD114" s="8">
        <v>5.96</v>
      </c>
    </row>
    <row r="115" spans="3:56" x14ac:dyDescent="0.2">
      <c r="C115" s="5" t="s">
        <v>66</v>
      </c>
      <c r="D115" s="6" t="s">
        <v>58</v>
      </c>
      <c r="E115" s="8">
        <v>6.84</v>
      </c>
      <c r="F115" s="8">
        <v>6.69</v>
      </c>
      <c r="G115" s="8">
        <v>7.11</v>
      </c>
      <c r="H115" s="8">
        <v>7.6</v>
      </c>
      <c r="I115" s="8">
        <v>7.32</v>
      </c>
      <c r="J115" s="8">
        <v>7.14</v>
      </c>
      <c r="K115" s="8">
        <v>7.25</v>
      </c>
      <c r="L115" s="8">
        <v>6.89</v>
      </c>
      <c r="M115" s="8">
        <v>6.61</v>
      </c>
      <c r="N115" s="8">
        <v>6.56</v>
      </c>
      <c r="O115" s="8">
        <v>6.45</v>
      </c>
      <c r="P115" s="8">
        <v>6.12</v>
      </c>
      <c r="Q115" s="8">
        <v>6.2</v>
      </c>
      <c r="R115" s="8">
        <v>6.05</v>
      </c>
      <c r="S115" s="8">
        <v>6.1</v>
      </c>
      <c r="T115" s="8">
        <v>6.06</v>
      </c>
      <c r="U115" s="8">
        <v>5.99</v>
      </c>
      <c r="V115" s="8">
        <v>5.86</v>
      </c>
      <c r="W115" s="17">
        <v>5.79</v>
      </c>
      <c r="X115" s="8">
        <v>5.78</v>
      </c>
      <c r="Y115" s="8">
        <v>5.66</v>
      </c>
      <c r="Z115" s="8">
        <v>5.6</v>
      </c>
      <c r="AA115" s="8">
        <v>5.63</v>
      </c>
      <c r="AB115" s="8">
        <v>5.71</v>
      </c>
      <c r="AC115" s="8">
        <v>5.48</v>
      </c>
      <c r="AD115" s="8">
        <v>5.57</v>
      </c>
      <c r="AE115" s="8">
        <v>5.75</v>
      </c>
      <c r="AF115" s="8">
        <v>5.94</v>
      </c>
      <c r="AG115" s="8">
        <v>6.05</v>
      </c>
      <c r="AH115" s="8">
        <v>6.07</v>
      </c>
      <c r="AI115" s="8">
        <v>5.83</v>
      </c>
      <c r="AJ115" s="8">
        <v>6.03</v>
      </c>
      <c r="AK115" s="8">
        <v>6.04</v>
      </c>
      <c r="AL115" s="8">
        <v>5.95</v>
      </c>
      <c r="AM115" s="8">
        <v>5.83</v>
      </c>
      <c r="AN115" s="8">
        <v>5.98</v>
      </c>
      <c r="AO115" s="8">
        <v>6.08</v>
      </c>
      <c r="AP115" s="8">
        <v>6</v>
      </c>
      <c r="AQ115" s="8">
        <v>5.87</v>
      </c>
      <c r="AR115" s="8">
        <v>5.67</v>
      </c>
      <c r="AS115" s="8">
        <v>5.93</v>
      </c>
      <c r="AT115" s="8">
        <v>5.84</v>
      </c>
      <c r="AU115" s="8">
        <v>5.72</v>
      </c>
      <c r="AV115" s="8">
        <v>5.73</v>
      </c>
      <c r="AW115" s="8">
        <v>5.9</v>
      </c>
      <c r="AX115" s="8">
        <v>6.49</v>
      </c>
      <c r="AY115" s="8">
        <v>6.05</v>
      </c>
      <c r="AZ115" s="8">
        <v>6.15</v>
      </c>
      <c r="BA115" s="8">
        <v>6.38</v>
      </c>
      <c r="BB115" s="8">
        <v>6.34</v>
      </c>
      <c r="BC115" s="8">
        <v>6.44</v>
      </c>
      <c r="BD115" s="8">
        <v>6.55</v>
      </c>
    </row>
    <row r="116" spans="3:56" x14ac:dyDescent="0.2">
      <c r="C116" s="5" t="s">
        <v>116</v>
      </c>
      <c r="D116" s="6" t="s">
        <v>58</v>
      </c>
      <c r="E116" s="8">
        <v>12.25</v>
      </c>
      <c r="F116" s="8">
        <v>12.44</v>
      </c>
      <c r="G116" s="8">
        <v>12.62</v>
      </c>
      <c r="H116" s="8">
        <v>12.43</v>
      </c>
      <c r="I116" s="8">
        <v>12.03</v>
      </c>
      <c r="J116" s="8">
        <v>11.94</v>
      </c>
      <c r="K116" s="8">
        <v>12.32</v>
      </c>
      <c r="L116" s="8">
        <v>12.3</v>
      </c>
      <c r="M116" s="8">
        <v>11.86</v>
      </c>
      <c r="N116" s="8">
        <v>11.86</v>
      </c>
      <c r="O116" s="8">
        <v>11.96</v>
      </c>
      <c r="P116" s="8">
        <v>10.95</v>
      </c>
      <c r="Q116" s="8">
        <v>11.75</v>
      </c>
      <c r="R116" s="8">
        <v>11.43</v>
      </c>
      <c r="S116" s="8">
        <v>11.49</v>
      </c>
      <c r="T116" s="8">
        <v>11.45</v>
      </c>
      <c r="U116" s="8">
        <v>11.19</v>
      </c>
      <c r="V116" s="8">
        <v>11.26</v>
      </c>
      <c r="W116" s="17">
        <v>11.39</v>
      </c>
      <c r="X116" s="8">
        <v>11.16</v>
      </c>
      <c r="Y116" s="8">
        <v>11.09</v>
      </c>
      <c r="Z116" s="8">
        <v>10.99</v>
      </c>
      <c r="AA116" s="8">
        <v>10.8</v>
      </c>
      <c r="AB116" s="8">
        <v>11.01</v>
      </c>
      <c r="AC116" s="8">
        <v>11.33</v>
      </c>
      <c r="AD116" s="8">
        <v>11.39</v>
      </c>
      <c r="AE116" s="8">
        <v>11.48</v>
      </c>
      <c r="AF116" s="8">
        <v>11.43</v>
      </c>
      <c r="AG116" s="8">
        <v>11.16</v>
      </c>
      <c r="AH116" s="8">
        <v>11.2</v>
      </c>
      <c r="AI116" s="8">
        <v>11.36</v>
      </c>
      <c r="AJ116" s="8">
        <v>11.39</v>
      </c>
      <c r="AK116" s="8">
        <v>11.37</v>
      </c>
      <c r="AL116" s="8">
        <v>11.48</v>
      </c>
      <c r="AM116" s="8">
        <v>11.34</v>
      </c>
      <c r="AN116" s="8">
        <v>11.19</v>
      </c>
      <c r="AO116" s="8">
        <v>11.4</v>
      </c>
      <c r="AP116" s="8">
        <v>11.77</v>
      </c>
      <c r="AQ116" s="8">
        <v>11.7</v>
      </c>
      <c r="AR116" s="8">
        <v>11.62</v>
      </c>
      <c r="AS116" s="8">
        <v>11.81</v>
      </c>
      <c r="AT116" s="8">
        <v>11.89</v>
      </c>
      <c r="AU116" s="8">
        <v>12.23</v>
      </c>
      <c r="AV116" s="8">
        <v>12.4</v>
      </c>
      <c r="AW116" s="8">
        <v>11.96</v>
      </c>
      <c r="AX116" s="8">
        <v>11.92</v>
      </c>
      <c r="AY116" s="8">
        <v>12.06</v>
      </c>
      <c r="AZ116" s="8">
        <v>12.07</v>
      </c>
      <c r="BA116" s="8">
        <v>12.05</v>
      </c>
      <c r="BB116" s="8">
        <v>12.02</v>
      </c>
      <c r="BC116" s="8">
        <v>12.39</v>
      </c>
      <c r="BD116" s="8">
        <v>12.64</v>
      </c>
    </row>
    <row r="117" spans="3:56" x14ac:dyDescent="0.2">
      <c r="C117" s="5" t="s">
        <v>68</v>
      </c>
      <c r="D117" s="6" t="s">
        <v>58</v>
      </c>
      <c r="E117" s="8">
        <v>4.9800000000000004</v>
      </c>
      <c r="F117" s="8">
        <v>4.87</v>
      </c>
      <c r="G117" s="8">
        <v>4.8600000000000003</v>
      </c>
      <c r="H117" s="8">
        <v>4.95</v>
      </c>
      <c r="I117" s="8">
        <v>5.03</v>
      </c>
      <c r="J117" s="8">
        <v>5</v>
      </c>
      <c r="K117" s="8">
        <v>5.01</v>
      </c>
      <c r="L117" s="8">
        <v>5.13</v>
      </c>
      <c r="M117" s="8">
        <v>5.07</v>
      </c>
      <c r="N117" s="8">
        <v>5.08</v>
      </c>
      <c r="O117" s="8">
        <v>5.13</v>
      </c>
      <c r="P117" s="8">
        <v>4.9800000000000004</v>
      </c>
      <c r="Q117" s="8">
        <v>5.24</v>
      </c>
      <c r="R117" s="8">
        <v>5.0999999999999996</v>
      </c>
      <c r="S117" s="8">
        <v>5.0999999999999996</v>
      </c>
      <c r="T117" s="8">
        <v>5.12</v>
      </c>
      <c r="U117" s="8">
        <v>5.05</v>
      </c>
      <c r="V117" s="8">
        <v>4.96</v>
      </c>
      <c r="W117" s="17">
        <v>4.87</v>
      </c>
      <c r="X117" s="8">
        <v>4.8499999999999996</v>
      </c>
      <c r="Y117" s="8">
        <v>4.84</v>
      </c>
      <c r="Z117" s="8">
        <v>4.8</v>
      </c>
      <c r="AA117" s="8">
        <v>4.8</v>
      </c>
      <c r="AB117" s="8">
        <v>4.75</v>
      </c>
      <c r="AC117" s="8">
        <v>4.82</v>
      </c>
      <c r="AD117" s="8">
        <v>4.7699999999999996</v>
      </c>
      <c r="AE117" s="8">
        <v>4.83</v>
      </c>
      <c r="AF117" s="8">
        <v>4.71</v>
      </c>
      <c r="AG117" s="8">
        <v>4.83</v>
      </c>
      <c r="AH117" s="8">
        <v>4.75</v>
      </c>
      <c r="AI117" s="8">
        <v>4.7699999999999996</v>
      </c>
      <c r="AJ117" s="8">
        <v>4.78</v>
      </c>
      <c r="AK117" s="8">
        <v>4.7300000000000004</v>
      </c>
      <c r="AL117" s="8">
        <v>4.76</v>
      </c>
      <c r="AM117" s="8">
        <v>4.84</v>
      </c>
      <c r="AN117" s="8">
        <v>4.67</v>
      </c>
      <c r="AO117" s="8">
        <v>4.68</v>
      </c>
      <c r="AP117" s="8">
        <v>4.76</v>
      </c>
      <c r="AQ117" s="8">
        <v>4.75</v>
      </c>
      <c r="AR117" s="8">
        <v>4.7300000000000004</v>
      </c>
      <c r="AS117" s="8">
        <v>4.67</v>
      </c>
      <c r="AT117" s="8">
        <v>4.74</v>
      </c>
      <c r="AU117" s="8">
        <v>4.7699999999999996</v>
      </c>
      <c r="AV117" s="8">
        <v>4.75</v>
      </c>
      <c r="AW117" s="8">
        <v>4.8899999999999997</v>
      </c>
      <c r="AX117" s="8">
        <v>4.92</v>
      </c>
      <c r="AY117" s="8">
        <v>4.8600000000000003</v>
      </c>
      <c r="AZ117" s="8">
        <v>4.82</v>
      </c>
      <c r="BA117" s="8">
        <v>4.8499999999999996</v>
      </c>
      <c r="BB117" s="8">
        <v>4.93</v>
      </c>
      <c r="BC117" s="8">
        <v>5.0599999999999996</v>
      </c>
      <c r="BD117" s="8">
        <v>5.04</v>
      </c>
    </row>
    <row r="118" spans="3:56" x14ac:dyDescent="0.2">
      <c r="C118" s="5" t="s">
        <v>69</v>
      </c>
      <c r="D118" s="6" t="s">
        <v>58</v>
      </c>
      <c r="E118" s="8">
        <v>4.05</v>
      </c>
      <c r="F118" s="8">
        <v>4.04</v>
      </c>
      <c r="G118" s="8">
        <v>4.26</v>
      </c>
      <c r="H118" s="8">
        <v>4.1399999999999997</v>
      </c>
      <c r="I118" s="8">
        <v>4.03</v>
      </c>
      <c r="J118" s="8">
        <v>4.05</v>
      </c>
      <c r="K118" s="8">
        <v>4.03</v>
      </c>
      <c r="L118" s="8">
        <v>3.95</v>
      </c>
      <c r="M118" s="8">
        <v>3.99</v>
      </c>
      <c r="N118" s="8">
        <v>3.98</v>
      </c>
      <c r="O118" s="8">
        <v>3.95</v>
      </c>
      <c r="P118" s="8">
        <v>4.1399999999999997</v>
      </c>
      <c r="Q118" s="8">
        <v>3.9</v>
      </c>
      <c r="R118" s="8">
        <v>4.01</v>
      </c>
      <c r="S118" s="8">
        <v>4.0599999999999996</v>
      </c>
      <c r="T118" s="8">
        <v>4.0199999999999996</v>
      </c>
      <c r="U118" s="8">
        <v>4.08</v>
      </c>
      <c r="V118" s="8">
        <v>4.1100000000000003</v>
      </c>
      <c r="W118" s="17">
        <v>3.96</v>
      </c>
      <c r="X118" s="8">
        <v>3.97</v>
      </c>
      <c r="Y118" s="8">
        <v>4.04</v>
      </c>
      <c r="Z118" s="8">
        <v>4.04</v>
      </c>
      <c r="AA118" s="8">
        <v>3.96</v>
      </c>
      <c r="AB118" s="8">
        <v>3.98</v>
      </c>
      <c r="AC118" s="8">
        <v>3.95</v>
      </c>
      <c r="AD118" s="8">
        <v>3.96</v>
      </c>
      <c r="AE118" s="8">
        <v>4.01</v>
      </c>
      <c r="AF118" s="8">
        <v>3.95</v>
      </c>
      <c r="AG118" s="8">
        <v>3.89</v>
      </c>
      <c r="AH118" s="8">
        <v>3.82</v>
      </c>
      <c r="AI118" s="40">
        <v>3.86</v>
      </c>
      <c r="AJ118" s="40">
        <v>3.84</v>
      </c>
      <c r="AK118" s="40">
        <v>3.82</v>
      </c>
      <c r="AL118" s="40">
        <v>3.81</v>
      </c>
      <c r="AM118" s="40">
        <v>3.81</v>
      </c>
      <c r="AN118" s="40">
        <v>3.8</v>
      </c>
      <c r="AO118" s="8">
        <v>3.83</v>
      </c>
      <c r="AP118" s="8">
        <v>3.94</v>
      </c>
      <c r="AQ118" s="8">
        <v>3.93</v>
      </c>
      <c r="AR118" s="8">
        <v>3.81</v>
      </c>
      <c r="AS118" s="8">
        <v>3.76</v>
      </c>
      <c r="AT118" s="8">
        <v>3.78</v>
      </c>
      <c r="AU118" s="8">
        <v>3.88</v>
      </c>
      <c r="AV118" s="8">
        <v>3.85</v>
      </c>
      <c r="AW118" s="8">
        <v>3.81</v>
      </c>
      <c r="AX118" s="8">
        <v>3.79</v>
      </c>
      <c r="AY118" s="8">
        <v>3.81</v>
      </c>
      <c r="AZ118" s="8">
        <v>3.81</v>
      </c>
      <c r="BA118" s="8">
        <v>3.8</v>
      </c>
      <c r="BB118" s="8">
        <v>3.98</v>
      </c>
      <c r="BC118" s="8">
        <v>4.16</v>
      </c>
      <c r="BD118" s="8">
        <v>4.16</v>
      </c>
    </row>
    <row r="119" spans="3:56" x14ac:dyDescent="0.2">
      <c r="C119" s="5" t="s">
        <v>70</v>
      </c>
      <c r="D119" s="6" t="s">
        <v>58</v>
      </c>
      <c r="E119" s="8">
        <v>5.25</v>
      </c>
      <c r="F119" s="8">
        <v>5.39</v>
      </c>
      <c r="G119" s="8">
        <v>5.43</v>
      </c>
      <c r="H119" s="8">
        <v>5.29</v>
      </c>
      <c r="I119" s="8">
        <v>5.24</v>
      </c>
      <c r="J119" s="8">
        <v>5.48</v>
      </c>
      <c r="K119" s="8">
        <v>5.54</v>
      </c>
      <c r="L119" s="8">
        <v>5.44</v>
      </c>
      <c r="M119" s="8">
        <v>5.38</v>
      </c>
      <c r="N119" s="8">
        <v>5.4</v>
      </c>
      <c r="O119" s="8">
        <v>4.93</v>
      </c>
      <c r="P119" s="8">
        <v>4.25</v>
      </c>
      <c r="Q119" s="8">
        <v>4.5599999999999996</v>
      </c>
      <c r="R119" s="8">
        <v>4.38</v>
      </c>
      <c r="S119" s="8">
        <v>4.33</v>
      </c>
      <c r="T119" s="8">
        <v>4.22</v>
      </c>
      <c r="U119" s="8">
        <v>4.21</v>
      </c>
      <c r="V119" s="8">
        <v>4.24</v>
      </c>
      <c r="W119" s="17">
        <v>4.51</v>
      </c>
      <c r="X119" s="8">
        <v>4.63</v>
      </c>
      <c r="Y119" s="8">
        <v>4.92</v>
      </c>
      <c r="Z119" s="8">
        <v>5</v>
      </c>
      <c r="AA119" s="8">
        <v>5.1100000000000003</v>
      </c>
      <c r="AB119" s="8">
        <v>5.21</v>
      </c>
      <c r="AC119" s="8">
        <v>5.35</v>
      </c>
      <c r="AD119" s="8">
        <v>5.3</v>
      </c>
      <c r="AE119" s="8">
        <v>5.37</v>
      </c>
      <c r="AF119" s="8">
        <v>5.4</v>
      </c>
      <c r="AG119" s="8">
        <v>5.43</v>
      </c>
      <c r="AH119" s="8">
        <v>5.41</v>
      </c>
      <c r="AI119" s="8">
        <v>5.27</v>
      </c>
      <c r="AJ119" s="8">
        <v>5.27</v>
      </c>
      <c r="AK119" s="8">
        <v>5.25</v>
      </c>
      <c r="AL119" s="8">
        <v>5.1100000000000003</v>
      </c>
      <c r="AM119" s="8">
        <v>5.08</v>
      </c>
      <c r="AN119" s="8">
        <v>5.0199999999999996</v>
      </c>
      <c r="AO119" s="8">
        <v>5.0199999999999996</v>
      </c>
      <c r="AP119" s="8">
        <v>5.32</v>
      </c>
      <c r="AQ119" s="8">
        <v>5.27</v>
      </c>
      <c r="AR119" s="8">
        <v>5.28</v>
      </c>
      <c r="AS119" s="8">
        <v>5.26</v>
      </c>
      <c r="AT119" s="8">
        <v>5.16</v>
      </c>
      <c r="AU119" s="8">
        <v>5.13</v>
      </c>
      <c r="AV119" s="8">
        <v>5.2</v>
      </c>
      <c r="AW119" s="8">
        <v>5.28</v>
      </c>
      <c r="AX119" s="8">
        <v>5.29</v>
      </c>
      <c r="AY119" s="8">
        <v>5.24</v>
      </c>
      <c r="AZ119" s="8">
        <v>5.26</v>
      </c>
      <c r="BA119" s="8">
        <v>5.31</v>
      </c>
      <c r="BB119" s="8">
        <v>5.32</v>
      </c>
      <c r="BC119" s="8">
        <v>5.44</v>
      </c>
      <c r="BD119" s="8">
        <v>5.4</v>
      </c>
    </row>
    <row r="120" spans="3:56" x14ac:dyDescent="0.2">
      <c r="C120" s="5" t="s">
        <v>101</v>
      </c>
      <c r="D120" s="6" t="s">
        <v>58</v>
      </c>
      <c r="E120" s="8">
        <v>11.01</v>
      </c>
      <c r="F120" s="8">
        <v>11.05</v>
      </c>
      <c r="G120" s="8">
        <v>11.02</v>
      </c>
      <c r="H120" s="8">
        <v>11.49</v>
      </c>
      <c r="I120" s="8">
        <v>11.29</v>
      </c>
      <c r="J120" s="8">
        <v>11.09</v>
      </c>
      <c r="K120" s="8">
        <v>11.3</v>
      </c>
      <c r="L120" s="8">
        <v>11.02</v>
      </c>
      <c r="M120" s="8">
        <v>11.61</v>
      </c>
      <c r="N120" s="8">
        <v>11.59</v>
      </c>
      <c r="O120" s="8">
        <v>11.56</v>
      </c>
      <c r="P120" s="8">
        <v>11.16</v>
      </c>
      <c r="Q120" s="8">
        <v>11.17</v>
      </c>
      <c r="R120" s="8">
        <v>11.13</v>
      </c>
      <c r="S120" s="8">
        <v>10.89</v>
      </c>
      <c r="T120" s="8">
        <v>10.91</v>
      </c>
      <c r="U120" s="8">
        <v>11.33</v>
      </c>
      <c r="V120" s="8">
        <v>11.4</v>
      </c>
      <c r="W120" s="17">
        <v>11.55</v>
      </c>
      <c r="X120" s="8">
        <v>11.86</v>
      </c>
      <c r="Y120" s="8">
        <v>11.85</v>
      </c>
      <c r="Z120" s="8">
        <v>11.78</v>
      </c>
      <c r="AA120" s="8">
        <v>11.9</v>
      </c>
      <c r="AB120" s="8">
        <v>11.88</v>
      </c>
      <c r="AC120" s="8">
        <v>12.36</v>
      </c>
      <c r="AD120" s="8">
        <v>12.16</v>
      </c>
      <c r="AE120" s="8">
        <v>12.56</v>
      </c>
      <c r="AF120" s="8">
        <v>12.04</v>
      </c>
      <c r="AG120" s="8">
        <v>11.18</v>
      </c>
      <c r="AH120" s="8">
        <v>10.99</v>
      </c>
      <c r="AI120" s="8">
        <v>11.13</v>
      </c>
      <c r="AJ120" s="8">
        <v>10.91</v>
      </c>
      <c r="AK120" s="8">
        <v>10.81</v>
      </c>
      <c r="AL120" s="8">
        <v>10.78</v>
      </c>
      <c r="AM120" s="8">
        <v>10.86</v>
      </c>
      <c r="AN120" s="8">
        <v>11.12</v>
      </c>
      <c r="AO120" s="8">
        <v>11.07</v>
      </c>
      <c r="AP120" s="8">
        <v>11.17</v>
      </c>
      <c r="AQ120" s="8">
        <v>11.51</v>
      </c>
      <c r="AR120" s="8">
        <v>11.14</v>
      </c>
      <c r="AS120" s="8">
        <v>10.96</v>
      </c>
      <c r="AT120" s="8">
        <v>10.94</v>
      </c>
      <c r="AU120" s="8">
        <v>10.79</v>
      </c>
      <c r="AV120" s="8">
        <v>10.68</v>
      </c>
      <c r="AW120" s="8">
        <v>11.01</v>
      </c>
      <c r="AX120" s="8">
        <v>11.18</v>
      </c>
      <c r="AY120" s="8">
        <v>11.42</v>
      </c>
      <c r="AZ120" s="8">
        <v>11.69</v>
      </c>
      <c r="BA120" s="8">
        <v>11.73</v>
      </c>
      <c r="BB120" s="8">
        <v>11.98</v>
      </c>
      <c r="BC120" s="8">
        <v>11.67</v>
      </c>
      <c r="BD120" s="8">
        <v>11.78</v>
      </c>
    </row>
    <row r="121" spans="3:56" x14ac:dyDescent="0.2">
      <c r="C121" s="5" t="s">
        <v>71</v>
      </c>
      <c r="D121" s="6" t="s">
        <v>58</v>
      </c>
      <c r="E121" s="8">
        <v>6.16</v>
      </c>
      <c r="F121" s="8">
        <v>6.17</v>
      </c>
      <c r="G121" s="8">
        <v>6.19</v>
      </c>
      <c r="H121" s="8">
        <v>6.29</v>
      </c>
      <c r="I121" s="8">
        <v>6.22</v>
      </c>
      <c r="J121" s="8">
        <v>6.19</v>
      </c>
      <c r="K121" s="8">
        <v>6.25</v>
      </c>
      <c r="L121" s="8">
        <v>6.24</v>
      </c>
      <c r="M121" s="8">
        <v>6.24</v>
      </c>
      <c r="N121" s="8">
        <v>6.28</v>
      </c>
      <c r="O121" s="8">
        <v>6.28</v>
      </c>
      <c r="P121" s="8">
        <v>5.87</v>
      </c>
      <c r="Q121" s="8">
        <v>6.18</v>
      </c>
      <c r="R121" s="8">
        <v>6.28</v>
      </c>
      <c r="S121" s="8">
        <v>6.27</v>
      </c>
      <c r="T121" s="8">
        <v>6.28</v>
      </c>
      <c r="U121" s="8">
        <v>6.27</v>
      </c>
      <c r="V121" s="8">
        <v>6.24</v>
      </c>
      <c r="W121" s="17">
        <v>6.27</v>
      </c>
      <c r="X121" s="8">
        <v>6.25</v>
      </c>
      <c r="Y121" s="8">
        <v>6.26</v>
      </c>
      <c r="Z121" s="8">
        <v>6.25</v>
      </c>
      <c r="AA121" s="8">
        <v>6.2</v>
      </c>
      <c r="AB121" s="8">
        <v>6.28</v>
      </c>
      <c r="AC121" s="8">
        <v>6.31</v>
      </c>
      <c r="AD121" s="8">
        <v>6.35</v>
      </c>
      <c r="AE121" s="8">
        <v>6.34</v>
      </c>
      <c r="AF121" s="8">
        <v>6.3</v>
      </c>
      <c r="AG121" s="8">
        <v>6.32</v>
      </c>
      <c r="AH121" s="8">
        <v>6.32</v>
      </c>
      <c r="AI121" s="8">
        <v>6.34</v>
      </c>
      <c r="AJ121" s="8">
        <v>6.28</v>
      </c>
      <c r="AK121" s="8">
        <v>6.25</v>
      </c>
      <c r="AL121" s="8">
        <v>6.3</v>
      </c>
      <c r="AM121" s="8">
        <v>6.27</v>
      </c>
      <c r="AN121" s="8">
        <v>6.28</v>
      </c>
      <c r="AO121" s="8">
        <v>6.27</v>
      </c>
      <c r="AP121" s="8">
        <v>6.31</v>
      </c>
      <c r="AQ121" s="8">
        <v>6.37</v>
      </c>
      <c r="AR121" s="8">
        <v>6.44</v>
      </c>
      <c r="AS121" s="8">
        <v>6.44</v>
      </c>
      <c r="AT121" s="8">
        <v>6.51</v>
      </c>
      <c r="AU121" s="8">
        <v>6.48</v>
      </c>
      <c r="AV121" s="8">
        <v>6.53</v>
      </c>
      <c r="AW121" s="8">
        <v>6.53</v>
      </c>
      <c r="AX121" s="8">
        <v>6.57</v>
      </c>
      <c r="AY121" s="8">
        <v>6.58</v>
      </c>
      <c r="AZ121" s="8">
        <v>6.57</v>
      </c>
      <c r="BA121" s="8">
        <v>6.56</v>
      </c>
      <c r="BB121" s="8">
        <v>6.51</v>
      </c>
      <c r="BC121" s="8">
        <v>6.52</v>
      </c>
      <c r="BD121" s="8">
        <v>6.51</v>
      </c>
    </row>
    <row r="122" spans="3:56" x14ac:dyDescent="0.2">
      <c r="C122" s="5" t="s">
        <v>102</v>
      </c>
      <c r="D122" s="6" t="s">
        <v>58</v>
      </c>
      <c r="E122" s="17">
        <v>10.46</v>
      </c>
      <c r="F122" s="17">
        <v>10.27</v>
      </c>
      <c r="G122" s="17">
        <v>10.210000000000001</v>
      </c>
      <c r="H122" s="17">
        <v>10.01</v>
      </c>
      <c r="I122" s="17">
        <v>9.9700000000000006</v>
      </c>
      <c r="J122" s="17">
        <v>10.15</v>
      </c>
      <c r="K122" s="17">
        <v>10.17</v>
      </c>
      <c r="L122" s="17">
        <v>10.24</v>
      </c>
      <c r="M122" s="17">
        <v>10.25</v>
      </c>
      <c r="N122" s="17">
        <v>10.199999999999999</v>
      </c>
      <c r="O122" s="17">
        <v>10.14</v>
      </c>
      <c r="P122" s="17">
        <v>9.7899999999999991</v>
      </c>
      <c r="Q122" s="17">
        <v>9.85</v>
      </c>
      <c r="R122" s="17">
        <v>9.8699999999999992</v>
      </c>
      <c r="S122" s="17">
        <v>9.89</v>
      </c>
      <c r="T122" s="17">
        <v>10.029999999999999</v>
      </c>
      <c r="U122" s="17">
        <v>9.92</v>
      </c>
      <c r="V122" s="17">
        <v>9.8699999999999992</v>
      </c>
      <c r="W122" s="17">
        <v>9.84</v>
      </c>
      <c r="X122" s="17">
        <v>9.92</v>
      </c>
      <c r="Y122" s="17">
        <v>9.93</v>
      </c>
      <c r="Z122" s="17">
        <v>9.83</v>
      </c>
      <c r="AA122" s="17">
        <v>9.8800000000000008</v>
      </c>
      <c r="AB122" s="17">
        <v>9.9600000000000009</v>
      </c>
      <c r="AC122" s="17">
        <v>9.91</v>
      </c>
      <c r="AD122" s="17">
        <v>9.92</v>
      </c>
      <c r="AE122" s="17">
        <v>9.9600000000000009</v>
      </c>
      <c r="AF122" s="17">
        <v>9.9700000000000006</v>
      </c>
      <c r="AG122" s="17">
        <v>9.99</v>
      </c>
      <c r="AH122" s="17">
        <v>10.029999999999999</v>
      </c>
      <c r="AI122" s="17">
        <v>10.039999999999999</v>
      </c>
      <c r="AJ122" s="17">
        <v>10.07</v>
      </c>
      <c r="AK122" s="17">
        <v>10.09</v>
      </c>
      <c r="AL122" s="17">
        <v>10.14</v>
      </c>
      <c r="AM122" s="17">
        <v>10.08</v>
      </c>
      <c r="AN122" s="17">
        <v>10.11</v>
      </c>
      <c r="AO122" s="17">
        <v>10.050000000000001</v>
      </c>
      <c r="AP122" s="17">
        <v>9.9499999999999993</v>
      </c>
      <c r="AQ122" s="17">
        <v>9.9499999999999993</v>
      </c>
      <c r="AR122" s="17">
        <v>9.92</v>
      </c>
      <c r="AS122" s="17">
        <v>10.09</v>
      </c>
      <c r="AT122" s="17">
        <v>10.08</v>
      </c>
      <c r="AU122" s="17">
        <v>9.98</v>
      </c>
      <c r="AV122" s="17">
        <v>10.01</v>
      </c>
      <c r="AW122" s="17">
        <v>10.039999999999999</v>
      </c>
      <c r="AX122" s="17">
        <v>10.02</v>
      </c>
      <c r="AY122" s="17">
        <v>9.9600000000000009</v>
      </c>
      <c r="AZ122" s="17">
        <v>10.07</v>
      </c>
      <c r="BA122" s="17">
        <v>10.09</v>
      </c>
      <c r="BB122" s="17">
        <v>10.23</v>
      </c>
      <c r="BC122" s="17">
        <v>10.17</v>
      </c>
      <c r="BD122" s="17">
        <v>10.220000000000001</v>
      </c>
    </row>
    <row r="123" spans="3:56" x14ac:dyDescent="0.2">
      <c r="C123" s="5" t="s">
        <v>164</v>
      </c>
      <c r="D123" s="6" t="s">
        <v>58</v>
      </c>
      <c r="E123" s="8">
        <v>13.84</v>
      </c>
      <c r="F123" s="8">
        <v>13.93</v>
      </c>
      <c r="G123" s="8">
        <v>14</v>
      </c>
      <c r="H123" s="8">
        <v>14.04</v>
      </c>
      <c r="I123" s="8">
        <v>14.12</v>
      </c>
      <c r="J123" s="8">
        <v>14.46</v>
      </c>
      <c r="K123" s="8">
        <v>14.4</v>
      </c>
      <c r="L123" s="8">
        <v>14.22</v>
      </c>
      <c r="M123" s="8">
        <v>14.2</v>
      </c>
      <c r="N123" s="8">
        <v>14.25</v>
      </c>
      <c r="O123" s="8">
        <v>14.09</v>
      </c>
      <c r="P123" s="8">
        <v>12.28</v>
      </c>
      <c r="Q123" s="8">
        <v>13.85</v>
      </c>
      <c r="R123" s="8">
        <v>14.01</v>
      </c>
      <c r="S123" s="8">
        <v>14.04</v>
      </c>
      <c r="T123" s="8">
        <v>14.13</v>
      </c>
      <c r="U123" s="8">
        <v>14.23</v>
      </c>
      <c r="V123" s="8">
        <v>14.21</v>
      </c>
      <c r="W123" s="17">
        <v>14.34</v>
      </c>
      <c r="X123" s="8">
        <v>14.41</v>
      </c>
      <c r="Y123" s="8">
        <v>14.4</v>
      </c>
      <c r="Z123" s="8">
        <v>14.46</v>
      </c>
      <c r="AA123" s="8">
        <v>14.25</v>
      </c>
      <c r="AB123" s="8">
        <v>14.11</v>
      </c>
      <c r="AC123" s="8">
        <v>14.03</v>
      </c>
      <c r="AD123" s="8">
        <v>14</v>
      </c>
      <c r="AE123" s="8">
        <v>14.09</v>
      </c>
      <c r="AF123" s="8">
        <v>14.19</v>
      </c>
      <c r="AG123" s="8">
        <v>14.08</v>
      </c>
      <c r="AH123" s="8">
        <v>14.08</v>
      </c>
      <c r="AI123" s="8">
        <v>14.09</v>
      </c>
      <c r="AJ123" s="8">
        <v>14.19</v>
      </c>
      <c r="AK123" s="8">
        <v>14.19</v>
      </c>
      <c r="AL123" s="8">
        <v>14.18</v>
      </c>
      <c r="AM123" s="8">
        <v>14.12</v>
      </c>
      <c r="AN123" s="8">
        <v>13.87</v>
      </c>
      <c r="AO123" s="8">
        <v>13.96</v>
      </c>
      <c r="AP123" s="8">
        <v>13.99</v>
      </c>
      <c r="AQ123" s="8">
        <v>14.16</v>
      </c>
      <c r="AR123" s="8">
        <v>14.2</v>
      </c>
      <c r="AS123" s="8">
        <v>14.17</v>
      </c>
      <c r="AT123" s="8">
        <v>14.02</v>
      </c>
      <c r="AU123" s="8">
        <v>13.962</v>
      </c>
      <c r="AV123" s="8">
        <v>14.14</v>
      </c>
      <c r="AW123" s="8">
        <v>14.15</v>
      </c>
      <c r="AX123" s="8">
        <v>13.88</v>
      </c>
      <c r="AY123" s="8">
        <v>13.84</v>
      </c>
      <c r="AZ123" s="8">
        <v>13.62</v>
      </c>
      <c r="BA123" s="8">
        <v>13.56</v>
      </c>
      <c r="BB123" s="8">
        <v>13.47</v>
      </c>
      <c r="BC123" s="8">
        <v>13.42</v>
      </c>
      <c r="BD123" s="8">
        <v>13.43</v>
      </c>
    </row>
    <row r="124" spans="3:56" x14ac:dyDescent="0.2">
      <c r="C124" s="5" t="s">
        <v>73</v>
      </c>
      <c r="D124" s="6" t="s">
        <v>58</v>
      </c>
      <c r="E124" s="8">
        <v>10.39</v>
      </c>
      <c r="F124" s="8">
        <v>10.23</v>
      </c>
      <c r="G124" s="8">
        <v>10.220000000000001</v>
      </c>
      <c r="H124" s="8">
        <v>10.24</v>
      </c>
      <c r="I124" s="8">
        <v>10.28</v>
      </c>
      <c r="J124" s="8">
        <v>10.17</v>
      </c>
      <c r="K124" s="8">
        <v>10.3</v>
      </c>
      <c r="L124" s="8">
        <v>10.02</v>
      </c>
      <c r="M124" s="8">
        <v>9.9499999999999993</v>
      </c>
      <c r="N124" s="8">
        <v>9.3800000000000008</v>
      </c>
      <c r="O124" s="8">
        <v>9.83</v>
      </c>
      <c r="P124" s="8">
        <v>9.4</v>
      </c>
      <c r="Q124" s="8">
        <v>9.8000000000000007</v>
      </c>
      <c r="R124" s="8">
        <v>9.68</v>
      </c>
      <c r="S124" s="8">
        <v>9.76</v>
      </c>
      <c r="T124" s="8">
        <v>10.01</v>
      </c>
      <c r="U124" s="8">
        <v>10.4</v>
      </c>
      <c r="V124" s="8">
        <v>10.33</v>
      </c>
      <c r="W124" s="17">
        <v>10.46</v>
      </c>
      <c r="X124" s="8">
        <v>10.38</v>
      </c>
      <c r="Y124" s="8">
        <v>10.24</v>
      </c>
      <c r="Z124" s="8">
        <v>10.07</v>
      </c>
      <c r="AA124" s="8">
        <v>10.050000000000001</v>
      </c>
      <c r="AB124" s="8">
        <v>10.039999999999999</v>
      </c>
      <c r="AC124" s="8">
        <v>9.8504000000000005</v>
      </c>
      <c r="AD124" s="8">
        <v>9.9600000000000009</v>
      </c>
      <c r="AE124" s="8">
        <v>10.09</v>
      </c>
      <c r="AF124" s="8">
        <v>10.07</v>
      </c>
      <c r="AG124" s="8">
        <v>10.02</v>
      </c>
      <c r="AH124" s="8">
        <v>10.01</v>
      </c>
      <c r="AI124" s="8">
        <v>9.94</v>
      </c>
      <c r="AJ124" s="8">
        <v>9.9499999999999993</v>
      </c>
      <c r="AK124" s="8">
        <v>9.99</v>
      </c>
      <c r="AL124" s="8">
        <v>10.210000000000001</v>
      </c>
      <c r="AM124" s="8">
        <v>10.07</v>
      </c>
      <c r="AN124" s="8">
        <v>10.07</v>
      </c>
      <c r="AO124" s="8">
        <v>10.07</v>
      </c>
      <c r="AP124" s="8">
        <v>10.09</v>
      </c>
      <c r="AQ124" s="8">
        <v>10.029999999999999</v>
      </c>
      <c r="AR124" s="8">
        <v>9.9600000000000009</v>
      </c>
      <c r="AS124" s="8">
        <v>10.08</v>
      </c>
      <c r="AT124" s="8">
        <v>10.199999999999999</v>
      </c>
      <c r="AU124" s="8">
        <v>10.220000000000001</v>
      </c>
      <c r="AV124" s="8">
        <v>10.36</v>
      </c>
      <c r="AW124" s="8">
        <v>10.56</v>
      </c>
      <c r="AX124" s="8">
        <v>10.57</v>
      </c>
      <c r="AY124" s="8">
        <v>10.45</v>
      </c>
      <c r="AZ124" s="8">
        <v>10.36</v>
      </c>
      <c r="BA124" s="8">
        <v>10.42</v>
      </c>
      <c r="BB124" s="8">
        <v>10.54</v>
      </c>
      <c r="BC124" s="8">
        <v>10.55</v>
      </c>
      <c r="BD124" s="8">
        <v>10.49</v>
      </c>
    </row>
    <row r="125" spans="3:56" x14ac:dyDescent="0.2">
      <c r="C125" s="5" t="s">
        <v>74</v>
      </c>
      <c r="D125" s="6" t="s">
        <v>58</v>
      </c>
      <c r="E125" s="8">
        <v>3.03</v>
      </c>
      <c r="F125" s="8">
        <v>3.04</v>
      </c>
      <c r="G125" s="8">
        <v>3.06</v>
      </c>
      <c r="H125" s="8">
        <v>3.07</v>
      </c>
      <c r="I125" s="8">
        <v>3.07</v>
      </c>
      <c r="J125" s="8">
        <v>3.09</v>
      </c>
      <c r="K125" s="8">
        <v>3.08</v>
      </c>
      <c r="L125" s="8">
        <v>3.07</v>
      </c>
      <c r="M125" s="8">
        <v>3.07</v>
      </c>
      <c r="N125" s="8">
        <v>3.07</v>
      </c>
      <c r="O125" s="8">
        <v>3.09</v>
      </c>
      <c r="P125" s="8">
        <v>2.91</v>
      </c>
      <c r="Q125" s="8">
        <v>3.14</v>
      </c>
      <c r="R125" s="8">
        <v>3.1</v>
      </c>
      <c r="S125" s="8">
        <v>3.08</v>
      </c>
      <c r="T125" s="8">
        <v>3.08</v>
      </c>
      <c r="U125" s="8">
        <v>3.07</v>
      </c>
      <c r="V125" s="8">
        <v>3.07</v>
      </c>
      <c r="W125" s="17">
        <v>3.08</v>
      </c>
      <c r="X125" s="8">
        <v>3.05</v>
      </c>
      <c r="Y125" s="8">
        <v>3.03</v>
      </c>
      <c r="Z125" s="8">
        <v>3.04</v>
      </c>
      <c r="AA125" s="8">
        <v>3.08</v>
      </c>
      <c r="AB125" s="8">
        <v>3.1</v>
      </c>
      <c r="AC125" s="8">
        <v>3.1</v>
      </c>
      <c r="AD125" s="8">
        <v>3.1</v>
      </c>
      <c r="AE125" s="8">
        <v>3.11</v>
      </c>
      <c r="AF125" s="8">
        <v>3.07</v>
      </c>
      <c r="AG125" s="8">
        <v>3.07</v>
      </c>
      <c r="AH125" s="8">
        <v>3.09</v>
      </c>
      <c r="AI125" s="8">
        <v>3.09</v>
      </c>
      <c r="AJ125" s="8">
        <v>3.09</v>
      </c>
      <c r="AK125" s="8">
        <v>3.09</v>
      </c>
      <c r="AL125" s="8">
        <v>3.09</v>
      </c>
      <c r="AM125" s="8">
        <v>3.08</v>
      </c>
      <c r="AN125" s="8">
        <v>3.11</v>
      </c>
      <c r="AO125" s="8">
        <v>3.03</v>
      </c>
      <c r="AP125" s="8">
        <v>3.07</v>
      </c>
      <c r="AQ125" s="8">
        <v>3.07</v>
      </c>
      <c r="AR125" s="8">
        <v>3.07</v>
      </c>
      <c r="AS125" s="8">
        <v>3.02</v>
      </c>
      <c r="AT125" s="8">
        <v>3.04</v>
      </c>
      <c r="AU125" s="8">
        <v>3.06</v>
      </c>
      <c r="AV125" s="8">
        <v>3.06</v>
      </c>
      <c r="AW125" s="8">
        <v>3.09</v>
      </c>
      <c r="AX125" s="8">
        <v>3.07</v>
      </c>
      <c r="AY125" s="8">
        <v>3.07</v>
      </c>
      <c r="AZ125" s="8">
        <v>3.07</v>
      </c>
      <c r="BA125" s="8">
        <v>3.07</v>
      </c>
      <c r="BB125" s="8">
        <v>3.08</v>
      </c>
      <c r="BC125" s="8">
        <v>3.09</v>
      </c>
      <c r="BD125" s="8">
        <v>3.09</v>
      </c>
    </row>
    <row r="126" spans="3:56" x14ac:dyDescent="0.2">
      <c r="C126" s="16" t="s">
        <v>78</v>
      </c>
      <c r="D126" s="6" t="s">
        <v>58</v>
      </c>
      <c r="E126" s="8">
        <v>1.06</v>
      </c>
      <c r="F126" s="8">
        <v>1.06</v>
      </c>
      <c r="G126" s="8">
        <v>1.06</v>
      </c>
      <c r="H126" s="118">
        <v>1.05</v>
      </c>
      <c r="I126" s="8">
        <v>1.05</v>
      </c>
      <c r="J126" s="118">
        <v>1.05</v>
      </c>
      <c r="K126" s="8">
        <v>1.05</v>
      </c>
      <c r="L126" s="118">
        <v>1.06</v>
      </c>
      <c r="M126" s="118">
        <v>1.06</v>
      </c>
      <c r="N126" s="118">
        <v>1.06</v>
      </c>
      <c r="O126" s="118">
        <v>1.06</v>
      </c>
      <c r="P126" s="8">
        <v>1.06</v>
      </c>
      <c r="Q126" s="8">
        <v>1.06</v>
      </c>
      <c r="R126" s="8">
        <v>1.06</v>
      </c>
      <c r="S126" s="8">
        <v>1.07</v>
      </c>
      <c r="T126" s="118">
        <v>1.06</v>
      </c>
      <c r="U126" s="118">
        <v>1.06</v>
      </c>
      <c r="V126" s="118">
        <v>1.07</v>
      </c>
      <c r="W126" s="17">
        <v>1.07</v>
      </c>
      <c r="X126" s="118">
        <v>1.07</v>
      </c>
      <c r="Y126" s="118">
        <v>1.07</v>
      </c>
      <c r="Z126" s="8">
        <v>1.06</v>
      </c>
      <c r="AA126" s="8">
        <v>1.06</v>
      </c>
      <c r="AB126" s="8">
        <v>1.05</v>
      </c>
      <c r="AC126" s="118">
        <v>1.0449999999999999</v>
      </c>
      <c r="AD126" s="8">
        <v>1.05</v>
      </c>
      <c r="AE126" s="8">
        <v>1.04</v>
      </c>
      <c r="AF126" s="8">
        <v>1.04</v>
      </c>
      <c r="AG126" s="8">
        <v>1.03</v>
      </c>
      <c r="AH126" s="8">
        <v>1.02</v>
      </c>
      <c r="AI126" s="8">
        <v>1</v>
      </c>
      <c r="AJ126" s="8">
        <v>1</v>
      </c>
      <c r="AK126" s="8">
        <v>1</v>
      </c>
      <c r="AL126" s="8">
        <v>1</v>
      </c>
      <c r="AM126" s="8">
        <v>0.99</v>
      </c>
      <c r="AN126" s="8">
        <v>0.99</v>
      </c>
      <c r="AO126" s="8">
        <v>0.99</v>
      </c>
      <c r="AP126" s="8">
        <v>0.99</v>
      </c>
      <c r="AQ126" s="8">
        <v>0.99</v>
      </c>
      <c r="AR126" s="8">
        <v>0.99</v>
      </c>
      <c r="AS126" s="8">
        <v>0.98</v>
      </c>
      <c r="AT126" s="8">
        <v>0.98</v>
      </c>
      <c r="AU126" s="8">
        <v>0.98</v>
      </c>
      <c r="AV126" s="8">
        <v>0.98</v>
      </c>
      <c r="AW126" s="8">
        <v>0.98</v>
      </c>
      <c r="AX126" s="8">
        <v>0.97</v>
      </c>
      <c r="AY126" s="8">
        <v>0.97</v>
      </c>
      <c r="AZ126" s="8">
        <v>0.98</v>
      </c>
      <c r="BA126" s="8">
        <v>0.98</v>
      </c>
      <c r="BB126" s="8">
        <v>0.99</v>
      </c>
      <c r="BC126" s="8">
        <v>0.99</v>
      </c>
      <c r="BD126" s="8">
        <v>0.99</v>
      </c>
    </row>
    <row r="127" spans="3:56" x14ac:dyDescent="0.2">
      <c r="C127" s="16" t="s">
        <v>79</v>
      </c>
      <c r="D127" s="6" t="s">
        <v>58</v>
      </c>
      <c r="E127" s="8">
        <v>1.99</v>
      </c>
      <c r="F127" s="8">
        <v>2</v>
      </c>
      <c r="G127" s="8">
        <v>2.0099999999999998</v>
      </c>
      <c r="H127" s="8">
        <v>2.08</v>
      </c>
      <c r="I127" s="8">
        <v>2.11</v>
      </c>
      <c r="J127" s="8">
        <v>2.12</v>
      </c>
      <c r="K127" s="8">
        <v>2.12</v>
      </c>
      <c r="L127" s="8">
        <v>2.11</v>
      </c>
      <c r="M127" s="8">
        <v>2.1</v>
      </c>
      <c r="N127" s="8">
        <v>2.08</v>
      </c>
      <c r="O127" s="8">
        <v>2.11</v>
      </c>
      <c r="P127" s="8">
        <v>1.81</v>
      </c>
      <c r="Q127" s="8">
        <v>2</v>
      </c>
      <c r="R127" s="8">
        <v>2.0299999999999998</v>
      </c>
      <c r="S127" s="8">
        <v>2.0299999999999998</v>
      </c>
      <c r="T127" s="8">
        <v>2.1</v>
      </c>
      <c r="U127" s="8">
        <v>2.13</v>
      </c>
      <c r="V127" s="8">
        <v>2.0499999999999998</v>
      </c>
      <c r="W127" s="17">
        <v>2.0299999999999998</v>
      </c>
      <c r="X127" s="8">
        <v>2.0299999999999998</v>
      </c>
      <c r="Y127" s="8">
        <v>2.04</v>
      </c>
      <c r="Z127" s="8">
        <v>2.0499999999999998</v>
      </c>
      <c r="AA127" s="8">
        <v>2.0299999999999998</v>
      </c>
      <c r="AB127" s="8">
        <v>2.06</v>
      </c>
      <c r="AC127" s="8">
        <v>2.0299999999999998</v>
      </c>
      <c r="AD127" s="8">
        <v>2.02</v>
      </c>
      <c r="AE127" s="8">
        <v>2.0299999999999998</v>
      </c>
      <c r="AF127" s="8">
        <v>2.04</v>
      </c>
      <c r="AG127" s="8">
        <v>2.0499999999999998</v>
      </c>
      <c r="AH127" s="8">
        <v>2.04</v>
      </c>
      <c r="AI127" s="8">
        <v>2.04</v>
      </c>
      <c r="AJ127" s="8">
        <v>2.0699999999999998</v>
      </c>
      <c r="AK127" s="8">
        <v>2.06</v>
      </c>
      <c r="AL127" s="8">
        <v>2.0499999999999998</v>
      </c>
      <c r="AM127" s="8">
        <v>2.0499999999999998</v>
      </c>
      <c r="AN127" s="8">
        <v>2.0499999999999998</v>
      </c>
      <c r="AO127" s="8">
        <v>2.04</v>
      </c>
      <c r="AP127" s="8">
        <v>2.06</v>
      </c>
      <c r="AQ127" s="8">
        <v>2.0699999999999998</v>
      </c>
      <c r="AR127" s="8">
        <v>2.0499999999999998</v>
      </c>
      <c r="AS127" s="8">
        <v>2.08</v>
      </c>
      <c r="AT127" s="8">
        <v>2.1</v>
      </c>
      <c r="AU127" s="8">
        <v>2.1</v>
      </c>
      <c r="AV127" s="8">
        <v>2.09</v>
      </c>
      <c r="AW127" s="8">
        <v>2.08</v>
      </c>
      <c r="AX127" s="8">
        <v>2.0499999999999998</v>
      </c>
      <c r="AY127" s="8">
        <v>2.0499999999999998</v>
      </c>
      <c r="AZ127" s="8">
        <v>2.06</v>
      </c>
      <c r="BA127" s="8">
        <v>2.0499999999999998</v>
      </c>
      <c r="BB127" s="8">
        <v>2.02</v>
      </c>
      <c r="BC127" s="8">
        <v>2.02</v>
      </c>
      <c r="BD127" s="8">
        <v>2.02</v>
      </c>
    </row>
    <row r="128" spans="3:56" x14ac:dyDescent="0.2">
      <c r="C128" s="16" t="s">
        <v>80</v>
      </c>
      <c r="D128" s="6" t="s">
        <v>58</v>
      </c>
      <c r="E128" s="115">
        <v>2.29</v>
      </c>
      <c r="F128" s="8">
        <v>2.48</v>
      </c>
      <c r="G128" s="8">
        <v>3.19</v>
      </c>
      <c r="H128" s="8">
        <v>3.51</v>
      </c>
      <c r="I128" s="8">
        <v>3.88</v>
      </c>
      <c r="J128" s="8">
        <v>3.35</v>
      </c>
      <c r="K128" s="8">
        <v>2.68</v>
      </c>
      <c r="L128" s="8">
        <v>2.39</v>
      </c>
      <c r="M128" s="8">
        <v>2.11</v>
      </c>
      <c r="N128" s="8">
        <v>1.97</v>
      </c>
      <c r="O128" s="8">
        <v>1.87</v>
      </c>
      <c r="P128" s="8">
        <v>1.46</v>
      </c>
      <c r="Q128" s="8">
        <v>1.75</v>
      </c>
      <c r="R128" s="8">
        <v>1.61</v>
      </c>
      <c r="S128" s="8">
        <v>1.6</v>
      </c>
      <c r="T128" s="8">
        <v>1.54</v>
      </c>
      <c r="U128" s="8">
        <v>1.46</v>
      </c>
      <c r="V128" s="8">
        <v>1.43</v>
      </c>
      <c r="W128" s="17">
        <v>1.44</v>
      </c>
      <c r="X128" s="8">
        <v>1.45</v>
      </c>
      <c r="Y128" s="8">
        <v>1.44</v>
      </c>
      <c r="Z128" s="8">
        <v>1.45</v>
      </c>
      <c r="AA128" s="8">
        <v>1.42</v>
      </c>
      <c r="AB128" s="8">
        <v>1.38</v>
      </c>
      <c r="AC128" s="8">
        <v>1.41</v>
      </c>
      <c r="AD128" s="8">
        <v>1.4</v>
      </c>
      <c r="AE128" s="8">
        <v>1.42</v>
      </c>
      <c r="AF128" s="8">
        <v>1.42</v>
      </c>
      <c r="AG128" s="8">
        <v>1.4</v>
      </c>
      <c r="AH128" s="8">
        <v>1.38</v>
      </c>
      <c r="AI128" s="8">
        <v>1.36</v>
      </c>
      <c r="AJ128" s="8">
        <v>1.37</v>
      </c>
      <c r="AK128" s="8">
        <v>1.36</v>
      </c>
      <c r="AL128" s="8">
        <v>1.37</v>
      </c>
      <c r="AM128" s="8">
        <v>1.38</v>
      </c>
      <c r="AN128" s="8">
        <v>1.45</v>
      </c>
      <c r="AO128" s="8">
        <v>1.51</v>
      </c>
      <c r="AP128" s="8">
        <v>1.84</v>
      </c>
      <c r="AQ128" s="8">
        <v>2.1</v>
      </c>
      <c r="AR128" s="8">
        <v>2.2599999999999998</v>
      </c>
      <c r="AS128" s="8">
        <v>2.33</v>
      </c>
      <c r="AT128" s="8">
        <v>2.2200000000000002</v>
      </c>
      <c r="AU128" s="8">
        <v>2.09</v>
      </c>
      <c r="AV128" s="8">
        <v>1.95</v>
      </c>
      <c r="AW128" s="8">
        <v>1.8</v>
      </c>
      <c r="AX128" s="8">
        <v>1.76</v>
      </c>
      <c r="AY128" s="8">
        <v>1.74</v>
      </c>
      <c r="AZ128" s="8">
        <v>1.69</v>
      </c>
      <c r="BA128" s="8">
        <v>1.71</v>
      </c>
      <c r="BB128" s="8">
        <v>1.78</v>
      </c>
      <c r="BC128" s="8">
        <v>1.76</v>
      </c>
      <c r="BD128" s="115">
        <v>1.77</v>
      </c>
    </row>
    <row r="129" spans="3:56" x14ac:dyDescent="0.2">
      <c r="C129" s="16" t="s">
        <v>122</v>
      </c>
      <c r="D129" s="6" t="s">
        <v>58</v>
      </c>
      <c r="E129" s="8">
        <v>1.1299999999999999</v>
      </c>
      <c r="F129" s="8">
        <v>1.1100000000000001</v>
      </c>
      <c r="G129" s="8">
        <v>1.1000000000000001</v>
      </c>
      <c r="H129" s="8">
        <v>1.1100000000000001</v>
      </c>
      <c r="I129" s="8">
        <v>1.1000000000000001</v>
      </c>
      <c r="J129" s="8">
        <v>1.1000000000000001</v>
      </c>
      <c r="K129" s="8">
        <v>1.1000000000000001</v>
      </c>
      <c r="L129" s="8">
        <v>1.1000000000000001</v>
      </c>
      <c r="M129" s="8">
        <v>1.1000000000000001</v>
      </c>
      <c r="N129" s="8">
        <v>1.08</v>
      </c>
      <c r="O129" s="8">
        <v>1.08</v>
      </c>
      <c r="P129" s="8">
        <v>1.0900000000000001</v>
      </c>
      <c r="Q129" s="8">
        <v>1.0900000000000001</v>
      </c>
      <c r="R129" s="8">
        <v>1.07</v>
      </c>
      <c r="S129" s="8">
        <v>1.07</v>
      </c>
      <c r="T129" s="8">
        <v>1.08</v>
      </c>
      <c r="U129" s="8">
        <v>1.07</v>
      </c>
      <c r="V129" s="8">
        <v>1.07</v>
      </c>
      <c r="W129" s="17">
        <v>1.07</v>
      </c>
      <c r="X129" s="8">
        <v>1.07</v>
      </c>
      <c r="Y129" s="8">
        <v>1.08</v>
      </c>
      <c r="Z129" s="8">
        <v>1.08</v>
      </c>
      <c r="AA129" s="8">
        <v>1.1399999999999999</v>
      </c>
      <c r="AB129" s="8">
        <v>1.07</v>
      </c>
      <c r="AC129" s="8">
        <v>1.07</v>
      </c>
      <c r="AD129" s="8">
        <v>1.07</v>
      </c>
      <c r="AE129" s="8">
        <v>1.07</v>
      </c>
      <c r="AF129" s="8">
        <v>1.07</v>
      </c>
      <c r="AG129" s="8">
        <v>1.07</v>
      </c>
      <c r="AH129" s="8">
        <v>1.06</v>
      </c>
      <c r="AI129" s="8">
        <v>1.06</v>
      </c>
      <c r="AJ129" s="8">
        <v>1.06</v>
      </c>
      <c r="AK129" s="8">
        <v>1.06</v>
      </c>
      <c r="AL129" s="8">
        <v>1.06</v>
      </c>
      <c r="AM129" s="8">
        <v>1.06</v>
      </c>
      <c r="AN129" s="8">
        <v>1.06</v>
      </c>
      <c r="AO129" s="8">
        <v>1.06</v>
      </c>
      <c r="AP129" s="8">
        <v>1.06</v>
      </c>
      <c r="AQ129" s="8">
        <v>1.05</v>
      </c>
      <c r="AR129" s="8">
        <v>1.05</v>
      </c>
      <c r="AS129" s="8">
        <v>1.05</v>
      </c>
      <c r="AT129" s="8">
        <v>1.07</v>
      </c>
      <c r="AU129" s="8">
        <v>1.06</v>
      </c>
      <c r="AV129" s="8">
        <v>1.07</v>
      </c>
      <c r="AW129" s="8">
        <v>1.07</v>
      </c>
      <c r="AX129" s="8">
        <v>1.07</v>
      </c>
      <c r="AY129" s="8">
        <v>1.0900000000000001</v>
      </c>
      <c r="AZ129" s="8">
        <v>1.08</v>
      </c>
      <c r="BA129" s="8">
        <v>1.08</v>
      </c>
      <c r="BB129" s="8">
        <v>1.0900000000000001</v>
      </c>
      <c r="BC129" s="8">
        <v>1.0900000000000001</v>
      </c>
      <c r="BD129" s="8">
        <v>1.0900000000000001</v>
      </c>
    </row>
    <row r="130" spans="3:56" x14ac:dyDescent="0.2">
      <c r="C130" s="16" t="s">
        <v>82</v>
      </c>
      <c r="D130" s="6" t="s">
        <v>58</v>
      </c>
      <c r="E130" s="8">
        <v>3.71</v>
      </c>
      <c r="F130" s="8">
        <v>3.8</v>
      </c>
      <c r="G130" s="8">
        <v>4.16</v>
      </c>
      <c r="H130" s="8">
        <v>4.3499999999999996</v>
      </c>
      <c r="I130" s="8">
        <v>4.47</v>
      </c>
      <c r="J130" s="8">
        <v>4.46</v>
      </c>
      <c r="K130" s="8">
        <v>4.51</v>
      </c>
      <c r="L130" s="8">
        <v>4.3499999999999996</v>
      </c>
      <c r="M130" s="8">
        <v>4.33</v>
      </c>
      <c r="N130" s="8">
        <v>4.38</v>
      </c>
      <c r="O130" s="8">
        <v>4.1900000000000004</v>
      </c>
      <c r="P130" s="8">
        <v>3.55</v>
      </c>
      <c r="Q130" s="8">
        <v>4.1399999999999997</v>
      </c>
      <c r="R130" s="8">
        <v>4.09</v>
      </c>
      <c r="S130" s="8">
        <v>4.07</v>
      </c>
      <c r="T130" s="8">
        <v>4.04</v>
      </c>
      <c r="U130" s="8">
        <v>4.03</v>
      </c>
      <c r="V130" s="8">
        <v>3.91</v>
      </c>
      <c r="W130" s="17">
        <v>3.87</v>
      </c>
      <c r="X130" s="8">
        <v>3.98</v>
      </c>
      <c r="Y130" s="8">
        <v>3.97</v>
      </c>
      <c r="Z130" s="8">
        <v>3.88</v>
      </c>
      <c r="AA130" s="8">
        <v>3.87</v>
      </c>
      <c r="AB130" s="8">
        <v>3.82</v>
      </c>
      <c r="AC130" s="8">
        <v>3.78</v>
      </c>
      <c r="AD130" s="8">
        <v>3.73</v>
      </c>
      <c r="AE130" s="8">
        <v>3.73</v>
      </c>
      <c r="AF130" s="8">
        <v>3.92</v>
      </c>
      <c r="AG130" s="8">
        <v>3.97</v>
      </c>
      <c r="AH130" s="8">
        <v>4.0599999999999996</v>
      </c>
      <c r="AI130" s="8">
        <v>3.99</v>
      </c>
      <c r="AJ130" s="8">
        <v>3.96</v>
      </c>
      <c r="AK130" s="8">
        <v>3.92</v>
      </c>
      <c r="AL130" s="8">
        <v>4</v>
      </c>
      <c r="AM130" s="8">
        <v>4.1100000000000003</v>
      </c>
      <c r="AN130" s="8">
        <v>4.22</v>
      </c>
      <c r="AO130" s="8">
        <v>4.3099999999999996</v>
      </c>
      <c r="AP130" s="8">
        <v>4.3899999999999997</v>
      </c>
      <c r="AQ130" s="8">
        <v>4.42</v>
      </c>
      <c r="AR130" s="8">
        <v>4.2300000000000004</v>
      </c>
      <c r="AS130" s="8">
        <v>4.13</v>
      </c>
      <c r="AT130" s="8">
        <v>4.1399999999999997</v>
      </c>
      <c r="AU130" s="8">
        <v>4.1500000000000004</v>
      </c>
      <c r="AV130" s="8">
        <v>4.1100000000000003</v>
      </c>
      <c r="AW130" s="8">
        <v>4.16</v>
      </c>
      <c r="AX130" s="8">
        <v>4.3</v>
      </c>
      <c r="AY130" s="8">
        <v>4.4400000000000004</v>
      </c>
      <c r="AZ130" s="8">
        <v>4.2300000000000004</v>
      </c>
      <c r="BA130" s="8">
        <v>4.1900000000000004</v>
      </c>
      <c r="BB130" s="8">
        <v>4.1100000000000003</v>
      </c>
      <c r="BC130" s="8">
        <v>4.0999999999999996</v>
      </c>
      <c r="BD130" s="8">
        <v>4.0999999999999996</v>
      </c>
    </row>
    <row r="131" spans="3:56" x14ac:dyDescent="0.2">
      <c r="C131" s="16" t="s">
        <v>84</v>
      </c>
      <c r="D131" s="6" t="s">
        <v>85</v>
      </c>
      <c r="E131" s="8">
        <v>0.95</v>
      </c>
      <c r="F131" s="8">
        <v>0.94</v>
      </c>
      <c r="G131" s="8">
        <v>0.96</v>
      </c>
      <c r="H131" s="8">
        <v>1</v>
      </c>
      <c r="I131" s="8">
        <v>1.04</v>
      </c>
      <c r="J131" s="8">
        <v>1.06</v>
      </c>
      <c r="K131" s="8">
        <v>1.05</v>
      </c>
      <c r="L131" s="8">
        <v>1.05</v>
      </c>
      <c r="M131" s="8">
        <v>1.04</v>
      </c>
      <c r="N131" s="8">
        <v>1.01</v>
      </c>
      <c r="O131" s="8">
        <v>0.99</v>
      </c>
      <c r="P131" s="8">
        <v>0.93</v>
      </c>
      <c r="Q131" s="8">
        <v>0.97</v>
      </c>
      <c r="R131" s="8">
        <v>0.94</v>
      </c>
      <c r="S131" s="8">
        <v>0.94</v>
      </c>
      <c r="T131" s="8">
        <v>0.94</v>
      </c>
      <c r="U131" s="8">
        <v>0.92</v>
      </c>
      <c r="V131" s="8">
        <v>0.92</v>
      </c>
      <c r="W131" s="17">
        <v>0.92</v>
      </c>
      <c r="X131" s="8">
        <v>0.91</v>
      </c>
      <c r="Y131" s="8">
        <v>0.91</v>
      </c>
      <c r="Z131" s="8">
        <v>0.91</v>
      </c>
      <c r="AA131" s="8">
        <v>0.9</v>
      </c>
      <c r="AB131" s="8">
        <v>0.9</v>
      </c>
      <c r="AC131" s="8">
        <v>0.91</v>
      </c>
      <c r="AD131" s="8">
        <v>0.91</v>
      </c>
      <c r="AE131" s="8">
        <v>0.91</v>
      </c>
      <c r="AF131" s="8">
        <v>0.91</v>
      </c>
      <c r="AG131" s="8">
        <v>0.91</v>
      </c>
      <c r="AH131" s="8">
        <v>0.92</v>
      </c>
      <c r="AI131" s="8">
        <v>0.93</v>
      </c>
      <c r="AJ131" s="8">
        <v>0.94</v>
      </c>
      <c r="AK131" s="8">
        <v>0.93</v>
      </c>
      <c r="AL131" s="8">
        <v>0.93</v>
      </c>
      <c r="AM131" s="8">
        <v>0.93</v>
      </c>
      <c r="AN131" s="8">
        <v>0.94</v>
      </c>
      <c r="AO131" s="8">
        <v>0.92</v>
      </c>
      <c r="AP131" s="8">
        <v>0.91</v>
      </c>
      <c r="AQ131" s="8">
        <v>0.92</v>
      </c>
      <c r="AR131" s="8">
        <v>0.93</v>
      </c>
      <c r="AS131" s="8">
        <v>0.93</v>
      </c>
      <c r="AT131" s="8">
        <v>0.93</v>
      </c>
      <c r="AU131" s="8">
        <v>0.93</v>
      </c>
      <c r="AV131" s="8">
        <v>0.92</v>
      </c>
      <c r="AW131" s="8">
        <v>0.93</v>
      </c>
      <c r="AX131" s="8">
        <v>0.94</v>
      </c>
      <c r="AY131" s="8">
        <v>0.95</v>
      </c>
      <c r="AZ131" s="8">
        <v>0.95</v>
      </c>
      <c r="BA131" s="8">
        <v>0.94</v>
      </c>
      <c r="BB131" s="8">
        <v>0.95</v>
      </c>
      <c r="BC131" s="8">
        <v>0.95</v>
      </c>
      <c r="BD131" s="8">
        <v>0.96</v>
      </c>
    </row>
    <row r="132" spans="3:56" x14ac:dyDescent="0.2">
      <c r="C132" s="16" t="s">
        <v>118</v>
      </c>
      <c r="D132" s="6" t="s">
        <v>58</v>
      </c>
      <c r="E132" s="8">
        <v>2.1800000000000002</v>
      </c>
      <c r="F132" s="8">
        <v>2.2000000000000002</v>
      </c>
      <c r="G132" s="8">
        <v>2.34</v>
      </c>
      <c r="H132" s="8">
        <v>2.41</v>
      </c>
      <c r="I132" s="8">
        <v>2.46</v>
      </c>
      <c r="J132" s="8">
        <v>2.48</v>
      </c>
      <c r="K132" s="8">
        <v>2.41</v>
      </c>
      <c r="L132" s="8">
        <v>2.41</v>
      </c>
      <c r="M132" s="8">
        <v>2.46</v>
      </c>
      <c r="N132" s="8">
        <v>2.4500000000000002</v>
      </c>
      <c r="O132" s="8">
        <v>2.4500000000000002</v>
      </c>
      <c r="P132" s="8">
        <v>2.42</v>
      </c>
      <c r="Q132" s="8">
        <v>2.52</v>
      </c>
      <c r="R132" s="8">
        <v>2.5</v>
      </c>
      <c r="S132" s="8">
        <v>2.5099999999999998</v>
      </c>
      <c r="T132" s="8">
        <v>2.44</v>
      </c>
      <c r="U132" s="8">
        <v>2.39</v>
      </c>
      <c r="V132" s="8">
        <v>2.37</v>
      </c>
      <c r="W132" s="17">
        <v>2.35</v>
      </c>
      <c r="X132" s="8">
        <v>2.29</v>
      </c>
      <c r="Y132" s="8">
        <v>2.25</v>
      </c>
      <c r="Z132" s="8">
        <v>2.17</v>
      </c>
      <c r="AA132" s="8">
        <v>2.14</v>
      </c>
      <c r="AB132" s="8">
        <v>2.13</v>
      </c>
      <c r="AC132" s="8">
        <v>2.16</v>
      </c>
      <c r="AD132" s="8">
        <v>2.17</v>
      </c>
      <c r="AE132" s="8">
        <v>2.1800000000000002</v>
      </c>
      <c r="AF132" s="8">
        <v>2.21</v>
      </c>
      <c r="AG132" s="8">
        <v>2.2000000000000002</v>
      </c>
      <c r="AH132" s="8">
        <v>2.19</v>
      </c>
      <c r="AI132" s="8">
        <v>2.17</v>
      </c>
      <c r="AJ132" s="8">
        <v>2.17</v>
      </c>
      <c r="AK132" s="8">
        <v>2.14</v>
      </c>
      <c r="AL132" s="8">
        <v>2.11</v>
      </c>
      <c r="AM132" s="8">
        <v>2.11</v>
      </c>
      <c r="AN132" s="8">
        <v>2.1</v>
      </c>
      <c r="AO132" s="8">
        <v>2.09</v>
      </c>
      <c r="AP132" s="8">
        <v>2.12</v>
      </c>
      <c r="AQ132" s="8">
        <v>2.15</v>
      </c>
      <c r="AR132" s="8">
        <v>2.17</v>
      </c>
      <c r="AS132" s="8">
        <v>2.17</v>
      </c>
      <c r="AT132" s="8">
        <v>2.17</v>
      </c>
      <c r="AU132" s="8">
        <v>2.2000000000000002</v>
      </c>
      <c r="AV132" s="8">
        <v>2.16</v>
      </c>
      <c r="AW132" s="8">
        <v>2.17</v>
      </c>
      <c r="AX132" s="8">
        <v>2.2000000000000002</v>
      </c>
      <c r="AY132" s="8">
        <v>2.16</v>
      </c>
      <c r="AZ132" s="8">
        <v>2.17</v>
      </c>
      <c r="BA132" s="8">
        <v>2.19</v>
      </c>
      <c r="BB132" s="8">
        <v>2.2400000000000002</v>
      </c>
      <c r="BC132" s="8">
        <v>2.25</v>
      </c>
      <c r="BD132" s="8">
        <v>2.25</v>
      </c>
    </row>
    <row r="133" spans="3:56" x14ac:dyDescent="0.2">
      <c r="C133" s="16" t="s">
        <v>104</v>
      </c>
      <c r="D133" s="6" t="s">
        <v>58</v>
      </c>
      <c r="E133" s="8">
        <v>2.1</v>
      </c>
      <c r="F133" s="8">
        <v>2.1</v>
      </c>
      <c r="G133" s="8">
        <v>2.15</v>
      </c>
      <c r="H133" s="8">
        <v>2.2599999999999998</v>
      </c>
      <c r="I133" s="8">
        <v>2.38</v>
      </c>
      <c r="J133" s="8">
        <v>2.4</v>
      </c>
      <c r="K133" s="8">
        <v>2.29</v>
      </c>
      <c r="L133" s="8">
        <v>2.2799999999999998</v>
      </c>
      <c r="M133" s="8">
        <v>2.2000000000000002</v>
      </c>
      <c r="N133" s="8">
        <v>2.19</v>
      </c>
      <c r="O133" s="8">
        <v>2.14</v>
      </c>
      <c r="P133" s="8">
        <v>2.15</v>
      </c>
      <c r="Q133" s="8">
        <v>2.17</v>
      </c>
      <c r="R133" s="8">
        <v>2.1800000000000002</v>
      </c>
      <c r="S133" s="8">
        <v>2.21</v>
      </c>
      <c r="T133" s="8">
        <v>2.25</v>
      </c>
      <c r="U133" s="8">
        <v>2.2599999999999998</v>
      </c>
      <c r="V133" s="8">
        <v>2.23</v>
      </c>
      <c r="W133" s="17">
        <v>2.21</v>
      </c>
      <c r="X133" s="8">
        <v>2.15</v>
      </c>
      <c r="Y133" s="8">
        <v>2.1</v>
      </c>
      <c r="Z133" s="8">
        <v>2.04</v>
      </c>
      <c r="AA133" s="8">
        <v>1.97</v>
      </c>
      <c r="AB133" s="8">
        <v>1.99</v>
      </c>
      <c r="AC133" s="8">
        <v>2</v>
      </c>
      <c r="AD133" s="8">
        <v>2.0099999999999998</v>
      </c>
      <c r="AE133" s="8">
        <v>1.99</v>
      </c>
      <c r="AF133" s="8">
        <v>1.99</v>
      </c>
      <c r="AG133" s="8">
        <v>1.98</v>
      </c>
      <c r="AH133" s="8">
        <v>2.0099999999999998</v>
      </c>
      <c r="AI133" s="8">
        <v>2.0099999999999998</v>
      </c>
      <c r="AJ133" s="8">
        <v>2.0099999999999998</v>
      </c>
      <c r="AK133" s="8">
        <v>2</v>
      </c>
      <c r="AL133" s="8">
        <v>2.0099999999999998</v>
      </c>
      <c r="AM133" s="8">
        <v>1.98</v>
      </c>
      <c r="AN133" s="8">
        <v>1.96</v>
      </c>
      <c r="AO133" s="8">
        <v>2</v>
      </c>
      <c r="AP133" s="8">
        <v>2.04</v>
      </c>
      <c r="AQ133" s="8">
        <v>2.09</v>
      </c>
      <c r="AR133" s="8">
        <v>2.14</v>
      </c>
      <c r="AS133" s="8">
        <v>2.12</v>
      </c>
      <c r="AT133" s="8">
        <v>2.13</v>
      </c>
      <c r="AU133" s="8">
        <v>2.12</v>
      </c>
      <c r="AV133" s="8">
        <v>2.1</v>
      </c>
      <c r="AW133" s="8">
        <v>2.09</v>
      </c>
      <c r="AX133" s="8">
        <v>2.09</v>
      </c>
      <c r="AY133" s="8">
        <v>2.1</v>
      </c>
      <c r="AZ133" s="8">
        <v>2.13</v>
      </c>
      <c r="BA133" s="8">
        <v>2.15</v>
      </c>
      <c r="BB133" s="8">
        <v>2.1800000000000002</v>
      </c>
      <c r="BC133" s="8">
        <v>2.21</v>
      </c>
      <c r="BD133" s="8">
        <v>2.21</v>
      </c>
    </row>
    <row r="134" spans="3:56" x14ac:dyDescent="0.2">
      <c r="C134" s="16" t="s">
        <v>87</v>
      </c>
      <c r="D134" s="6" t="s">
        <v>58</v>
      </c>
      <c r="E134" s="8">
        <v>1</v>
      </c>
      <c r="F134" s="8">
        <v>1</v>
      </c>
      <c r="G134" s="8">
        <v>1.01</v>
      </c>
      <c r="H134" s="8">
        <v>1.02</v>
      </c>
      <c r="I134" s="8">
        <v>1.03</v>
      </c>
      <c r="J134" s="8">
        <v>1.03</v>
      </c>
      <c r="K134" s="8">
        <v>1.02</v>
      </c>
      <c r="L134" s="8">
        <v>1.02</v>
      </c>
      <c r="M134" s="8">
        <v>1.01</v>
      </c>
      <c r="N134" s="8">
        <v>1</v>
      </c>
      <c r="O134" s="8">
        <v>1.01</v>
      </c>
      <c r="P134" s="8">
        <v>0.97</v>
      </c>
      <c r="Q134" s="8">
        <v>1.04</v>
      </c>
      <c r="R134" s="8">
        <v>1.01</v>
      </c>
      <c r="S134" s="8">
        <v>1.01</v>
      </c>
      <c r="T134" s="8">
        <v>1.01</v>
      </c>
      <c r="U134" s="8">
        <v>1</v>
      </c>
      <c r="V134" s="8">
        <v>1.01</v>
      </c>
      <c r="W134" s="17">
        <v>1.01</v>
      </c>
      <c r="X134" s="8">
        <v>1</v>
      </c>
      <c r="Y134" s="8">
        <v>1.01</v>
      </c>
      <c r="Z134" s="8">
        <v>1</v>
      </c>
      <c r="AA134" s="8">
        <v>0.98</v>
      </c>
      <c r="AB134" s="8">
        <v>0.97</v>
      </c>
      <c r="AC134" s="8">
        <v>0.99</v>
      </c>
      <c r="AD134" s="8">
        <v>0.99</v>
      </c>
      <c r="AE134" s="8">
        <v>0.99</v>
      </c>
      <c r="AF134" s="8">
        <v>0.98</v>
      </c>
      <c r="AG134" s="8">
        <v>0.99</v>
      </c>
      <c r="AH134" s="8">
        <v>0.99</v>
      </c>
      <c r="AI134" s="8">
        <v>0.99</v>
      </c>
      <c r="AJ134" s="8">
        <v>0.99</v>
      </c>
      <c r="AK134" s="8">
        <v>0.98</v>
      </c>
      <c r="AL134" s="8">
        <v>0.98</v>
      </c>
      <c r="AM134" s="8">
        <v>0.98</v>
      </c>
      <c r="AN134" s="8">
        <v>0.97</v>
      </c>
      <c r="AO134" s="8">
        <v>0.98</v>
      </c>
      <c r="AP134" s="8">
        <v>0.97</v>
      </c>
      <c r="AQ134" s="8">
        <v>0.96</v>
      </c>
      <c r="AR134" s="8">
        <v>0.97</v>
      </c>
      <c r="AS134" s="8">
        <v>0.97</v>
      </c>
      <c r="AT134" s="8">
        <v>0.97</v>
      </c>
      <c r="AU134" s="8">
        <v>0.96</v>
      </c>
      <c r="AV134" s="8">
        <v>0.96</v>
      </c>
      <c r="AW134" s="8">
        <v>0.98</v>
      </c>
      <c r="AX134" s="8">
        <v>0.97</v>
      </c>
      <c r="AY134" s="8">
        <v>0.97</v>
      </c>
      <c r="AZ134" s="8">
        <v>0.97</v>
      </c>
      <c r="BA134" s="8">
        <v>0.98</v>
      </c>
      <c r="BB134" s="8">
        <v>0.99</v>
      </c>
      <c r="BC134" s="8">
        <v>1</v>
      </c>
      <c r="BD134" s="8">
        <v>1.01</v>
      </c>
    </row>
    <row r="135" spans="3:56" x14ac:dyDescent="0.2">
      <c r="C135" s="16" t="s">
        <v>88</v>
      </c>
      <c r="D135" s="6" t="s">
        <v>58</v>
      </c>
      <c r="E135" s="8">
        <v>2.0699999999999998</v>
      </c>
      <c r="F135" s="8">
        <v>2.02</v>
      </c>
      <c r="G135" s="8">
        <v>1.93</v>
      </c>
      <c r="H135" s="8">
        <v>1.87</v>
      </c>
      <c r="I135" s="8">
        <v>1.84</v>
      </c>
      <c r="J135" s="8">
        <v>1.81</v>
      </c>
      <c r="K135" s="8">
        <v>1.78</v>
      </c>
      <c r="L135" s="8">
        <v>1.78</v>
      </c>
      <c r="M135" s="8">
        <v>1.79</v>
      </c>
      <c r="N135" s="8">
        <v>1.81</v>
      </c>
      <c r="O135" s="8">
        <v>1.8</v>
      </c>
      <c r="P135" s="8">
        <v>1.94</v>
      </c>
      <c r="Q135" s="8">
        <v>1.82</v>
      </c>
      <c r="R135" s="8">
        <v>1.76</v>
      </c>
      <c r="S135" s="8">
        <v>1.74</v>
      </c>
      <c r="T135" s="8">
        <v>1.76</v>
      </c>
      <c r="U135" s="8">
        <v>1.82</v>
      </c>
      <c r="V135" s="8">
        <v>1.86</v>
      </c>
      <c r="W135" s="17">
        <v>1.94</v>
      </c>
      <c r="X135" s="8">
        <v>2.02</v>
      </c>
      <c r="Y135" s="8">
        <v>2.06</v>
      </c>
      <c r="Z135" s="8">
        <v>2.09</v>
      </c>
      <c r="AA135" s="8">
        <v>2.08</v>
      </c>
      <c r="AB135" s="8">
        <v>2.12</v>
      </c>
      <c r="AC135" s="8">
        <v>2.12</v>
      </c>
      <c r="AD135" s="8">
        <v>2.12</v>
      </c>
      <c r="AE135" s="8">
        <v>2.13</v>
      </c>
      <c r="AF135" s="8">
        <v>2.12</v>
      </c>
      <c r="AG135" s="8">
        <v>2.12</v>
      </c>
      <c r="AH135" s="8">
        <v>2.15</v>
      </c>
      <c r="AI135" s="8">
        <v>2.19</v>
      </c>
      <c r="AJ135" s="8">
        <v>2.23</v>
      </c>
      <c r="AK135" s="8">
        <v>2.2599999999999998</v>
      </c>
      <c r="AL135" s="8">
        <v>2.2999999999999998</v>
      </c>
      <c r="AM135" s="8">
        <v>2.33</v>
      </c>
      <c r="AN135" s="8">
        <v>2.34</v>
      </c>
      <c r="AO135" s="8">
        <v>2.31</v>
      </c>
      <c r="AP135" s="8">
        <v>2.3199999999999998</v>
      </c>
      <c r="AQ135" s="8">
        <v>2.27</v>
      </c>
      <c r="AR135" s="8">
        <v>2.23</v>
      </c>
      <c r="AS135" s="8">
        <v>2.2200000000000002</v>
      </c>
      <c r="AT135" s="8">
        <v>2.17</v>
      </c>
      <c r="AU135" s="8">
        <v>2.15</v>
      </c>
      <c r="AV135" s="8">
        <v>2.12</v>
      </c>
      <c r="AW135" s="8">
        <v>2.13</v>
      </c>
      <c r="AX135" s="8">
        <v>2.1</v>
      </c>
      <c r="AY135" s="8">
        <v>2.1</v>
      </c>
      <c r="AZ135" s="8">
        <v>2.09</v>
      </c>
      <c r="BA135" s="8">
        <v>2.0699999999999998</v>
      </c>
      <c r="BB135" s="8">
        <v>2.04</v>
      </c>
      <c r="BC135" s="8">
        <v>2</v>
      </c>
      <c r="BD135" s="8">
        <v>1.99</v>
      </c>
    </row>
    <row r="136" spans="3:56" x14ac:dyDescent="0.2">
      <c r="C136" s="18" t="s">
        <v>123</v>
      </c>
      <c r="D136" s="6" t="s">
        <v>58</v>
      </c>
      <c r="E136" s="8">
        <v>1.73</v>
      </c>
      <c r="F136" s="8">
        <v>1.71</v>
      </c>
      <c r="G136" s="8">
        <v>1.79</v>
      </c>
      <c r="H136" s="8">
        <v>1.82</v>
      </c>
      <c r="I136" s="8">
        <v>1.96</v>
      </c>
      <c r="J136" s="8">
        <v>2.0499999999999998</v>
      </c>
      <c r="K136" s="8">
        <v>2.11</v>
      </c>
      <c r="L136" s="8">
        <v>2.15</v>
      </c>
      <c r="M136" s="8">
        <v>2.15</v>
      </c>
      <c r="N136" s="8">
        <v>2.1800000000000002</v>
      </c>
      <c r="O136" s="8">
        <v>2.2599999999999998</v>
      </c>
      <c r="P136" s="8">
        <v>2.0499999999999998</v>
      </c>
      <c r="Q136" s="8">
        <v>2.34</v>
      </c>
      <c r="R136" s="8">
        <v>2.17</v>
      </c>
      <c r="S136" s="8">
        <v>2.19</v>
      </c>
      <c r="T136" s="8">
        <v>2.23</v>
      </c>
      <c r="U136" s="8">
        <v>2.2599999999999998</v>
      </c>
      <c r="V136" s="8">
        <v>2.34</v>
      </c>
      <c r="W136" s="17">
        <v>2.33</v>
      </c>
      <c r="X136" s="8">
        <v>2.33</v>
      </c>
      <c r="Y136" s="8">
        <v>2.37</v>
      </c>
      <c r="Z136" s="8">
        <v>2.37</v>
      </c>
      <c r="AA136" s="8">
        <v>2.25</v>
      </c>
      <c r="AB136" s="8">
        <v>2.2000000000000002</v>
      </c>
      <c r="AC136" s="8">
        <v>2.19</v>
      </c>
      <c r="AD136" s="8">
        <v>2.19</v>
      </c>
      <c r="AE136" s="8">
        <v>2.2400000000000002</v>
      </c>
      <c r="AF136" s="8">
        <v>2.2999999999999998</v>
      </c>
      <c r="AG136" s="8">
        <v>2.38</v>
      </c>
      <c r="AH136" s="8">
        <v>2.37</v>
      </c>
      <c r="AI136" s="8">
        <v>2.4</v>
      </c>
      <c r="AJ136" s="8">
        <v>2.4300000000000002</v>
      </c>
      <c r="AK136" s="8">
        <v>2.42</v>
      </c>
      <c r="AL136" s="8">
        <v>2.41</v>
      </c>
      <c r="AM136" s="8">
        <v>2.48</v>
      </c>
      <c r="AN136" s="8">
        <v>2.67</v>
      </c>
      <c r="AO136" s="8">
        <v>2.7</v>
      </c>
      <c r="AP136" s="8">
        <v>2.67</v>
      </c>
      <c r="AQ136" s="8">
        <v>2.48</v>
      </c>
      <c r="AR136" s="8">
        <v>2.38</v>
      </c>
      <c r="AS136" s="8">
        <v>2.4</v>
      </c>
      <c r="AT136" s="8">
        <v>2.2400000000000002</v>
      </c>
      <c r="AU136" s="8">
        <v>2.1800000000000002</v>
      </c>
      <c r="AV136" s="8">
        <v>2.27</v>
      </c>
      <c r="AW136" s="8">
        <v>2.17</v>
      </c>
      <c r="AX136" s="8">
        <v>2.0699999999999998</v>
      </c>
      <c r="AY136" s="8">
        <v>1.97</v>
      </c>
      <c r="AZ136" s="8">
        <v>1.95</v>
      </c>
      <c r="BA136" s="8">
        <v>1.95</v>
      </c>
      <c r="BB136" s="8">
        <v>1.91</v>
      </c>
      <c r="BC136" s="8">
        <v>1.91</v>
      </c>
      <c r="BD136" s="8">
        <v>1.89</v>
      </c>
    </row>
    <row r="137" spans="3:56" x14ac:dyDescent="0.2">
      <c r="C137" s="18" t="s">
        <v>100</v>
      </c>
      <c r="D137" s="6" t="s">
        <v>58</v>
      </c>
      <c r="E137" s="8">
        <v>1.46</v>
      </c>
      <c r="F137" s="8">
        <v>1.44</v>
      </c>
      <c r="G137" s="8">
        <v>1.44</v>
      </c>
      <c r="H137" s="8">
        <v>1.44</v>
      </c>
      <c r="I137" s="8">
        <v>1.44</v>
      </c>
      <c r="J137" s="8">
        <v>1.42</v>
      </c>
      <c r="K137" s="8">
        <v>1.4</v>
      </c>
      <c r="L137" s="8">
        <v>1.42</v>
      </c>
      <c r="M137" s="8">
        <v>1.41</v>
      </c>
      <c r="N137" s="8">
        <v>1.41</v>
      </c>
      <c r="O137" s="8">
        <v>1.4</v>
      </c>
      <c r="P137" s="8">
        <v>1.37</v>
      </c>
      <c r="Q137" s="8">
        <v>1.46</v>
      </c>
      <c r="R137" s="8">
        <v>1.43</v>
      </c>
      <c r="S137" s="8">
        <v>1.44</v>
      </c>
      <c r="T137" s="8">
        <v>1.42</v>
      </c>
      <c r="U137" s="8">
        <v>1.45</v>
      </c>
      <c r="V137" s="8">
        <v>1.46</v>
      </c>
      <c r="W137" s="17">
        <v>1.45</v>
      </c>
      <c r="X137" s="8">
        <v>1.49</v>
      </c>
      <c r="Y137" s="8">
        <v>1.52</v>
      </c>
      <c r="Z137" s="8">
        <v>1.52</v>
      </c>
      <c r="AA137" s="8">
        <v>1.52</v>
      </c>
      <c r="AB137" s="8">
        <v>1.53</v>
      </c>
      <c r="AC137" s="8">
        <v>1.56</v>
      </c>
      <c r="AD137" s="8">
        <v>1.56</v>
      </c>
      <c r="AE137" s="8">
        <v>1.57</v>
      </c>
      <c r="AF137" s="8">
        <v>1.57</v>
      </c>
      <c r="AG137" s="8">
        <v>1.58</v>
      </c>
      <c r="AH137" s="8">
        <v>1.6</v>
      </c>
      <c r="AI137" s="8">
        <v>1.62</v>
      </c>
      <c r="AJ137" s="8">
        <v>1.66</v>
      </c>
      <c r="AK137" s="8">
        <v>1.66</v>
      </c>
      <c r="AL137" s="8">
        <v>1.71</v>
      </c>
      <c r="AM137" s="8">
        <v>1.76</v>
      </c>
      <c r="AN137" s="8">
        <v>1.81</v>
      </c>
      <c r="AO137" s="8">
        <v>1.84</v>
      </c>
      <c r="AP137" s="8">
        <v>1.89</v>
      </c>
      <c r="AQ137" s="8">
        <v>1.89</v>
      </c>
      <c r="AR137" s="8">
        <v>1.9</v>
      </c>
      <c r="AS137" s="8">
        <v>1.9</v>
      </c>
      <c r="AT137" s="8">
        <v>1.89</v>
      </c>
      <c r="AU137" s="8">
        <v>1.83</v>
      </c>
      <c r="AV137" s="8">
        <v>1.74</v>
      </c>
      <c r="AW137" s="8">
        <v>1.68</v>
      </c>
      <c r="AX137" s="8">
        <v>1.6</v>
      </c>
      <c r="AY137" s="8">
        <v>1.54</v>
      </c>
      <c r="AZ137" s="8">
        <v>1.53</v>
      </c>
      <c r="BA137" s="8">
        <v>1.52</v>
      </c>
      <c r="BB137" s="8">
        <v>1.5</v>
      </c>
      <c r="BC137" s="8">
        <v>1.49</v>
      </c>
      <c r="BD137" s="8">
        <v>1.48</v>
      </c>
    </row>
    <row r="138" spans="3:56" x14ac:dyDescent="0.2">
      <c r="C138" s="16" t="s">
        <v>89</v>
      </c>
      <c r="D138" s="6" t="s">
        <v>58</v>
      </c>
      <c r="E138" s="17">
        <v>1.75</v>
      </c>
      <c r="F138" s="17">
        <v>1.75</v>
      </c>
      <c r="G138" s="17">
        <v>1.74</v>
      </c>
      <c r="H138" s="17">
        <v>1.75</v>
      </c>
      <c r="I138" s="17">
        <v>1.75</v>
      </c>
      <c r="J138" s="17">
        <v>1.74</v>
      </c>
      <c r="K138" s="17">
        <v>1.74</v>
      </c>
      <c r="L138" s="17">
        <v>1.75</v>
      </c>
      <c r="M138" s="17">
        <v>1.75</v>
      </c>
      <c r="N138" s="17">
        <v>1.76</v>
      </c>
      <c r="O138" s="17">
        <v>1.75</v>
      </c>
      <c r="P138" s="17">
        <v>1.73</v>
      </c>
      <c r="Q138" s="17">
        <v>1.79</v>
      </c>
      <c r="R138" s="17">
        <v>1.77</v>
      </c>
      <c r="S138" s="17">
        <v>1.76</v>
      </c>
      <c r="T138" s="17">
        <v>1.75</v>
      </c>
      <c r="U138" s="17">
        <v>1.75</v>
      </c>
      <c r="V138" s="17">
        <v>1.77</v>
      </c>
      <c r="W138" s="17">
        <v>1.78</v>
      </c>
      <c r="X138" s="17">
        <v>1.79</v>
      </c>
      <c r="Y138" s="17">
        <v>1.81</v>
      </c>
      <c r="Z138" s="17">
        <v>1.8</v>
      </c>
      <c r="AA138" s="17">
        <v>1.78</v>
      </c>
      <c r="AB138" s="17">
        <v>1.79</v>
      </c>
      <c r="AC138" s="17">
        <v>1.78</v>
      </c>
      <c r="AD138" s="17">
        <v>1.79</v>
      </c>
      <c r="AE138" s="17">
        <v>1.79</v>
      </c>
      <c r="AF138" s="17">
        <v>1.79</v>
      </c>
      <c r="AG138" s="17">
        <v>1.8</v>
      </c>
      <c r="AH138" s="17">
        <v>1.8</v>
      </c>
      <c r="AI138" s="17">
        <v>1.79</v>
      </c>
      <c r="AJ138" s="17">
        <v>1.79</v>
      </c>
      <c r="AK138" s="17">
        <v>1.79</v>
      </c>
      <c r="AL138" s="17">
        <v>1.77</v>
      </c>
      <c r="AM138" s="17">
        <v>1.78</v>
      </c>
      <c r="AN138" s="17">
        <v>1.79</v>
      </c>
      <c r="AO138" s="17">
        <v>1.79</v>
      </c>
      <c r="AP138" s="17">
        <v>1.79</v>
      </c>
      <c r="AQ138" s="17">
        <v>1.78</v>
      </c>
      <c r="AR138" s="17">
        <v>1.75</v>
      </c>
      <c r="AS138" s="17">
        <v>1.78</v>
      </c>
      <c r="AT138" s="17">
        <v>1.75</v>
      </c>
      <c r="AU138" s="17">
        <v>1.75</v>
      </c>
      <c r="AV138" s="17">
        <v>1.77</v>
      </c>
      <c r="AW138" s="17">
        <v>1.79</v>
      </c>
      <c r="AX138" s="17">
        <v>1.8</v>
      </c>
      <c r="AY138" s="17">
        <v>1.8</v>
      </c>
      <c r="AZ138" s="17">
        <v>1.82</v>
      </c>
      <c r="BA138" s="17">
        <v>1.81</v>
      </c>
      <c r="BB138" s="17">
        <v>1.83</v>
      </c>
      <c r="BC138" s="17">
        <v>1.83</v>
      </c>
      <c r="BD138" s="17">
        <v>1.83</v>
      </c>
    </row>
    <row r="139" spans="3:56" x14ac:dyDescent="0.2">
      <c r="C139" s="16" t="s">
        <v>95</v>
      </c>
      <c r="D139" s="6" t="s">
        <v>58</v>
      </c>
      <c r="E139" s="17">
        <v>2.08</v>
      </c>
      <c r="F139" s="17">
        <v>2.11</v>
      </c>
      <c r="G139" s="17">
        <v>2.12</v>
      </c>
      <c r="H139" s="17">
        <v>2.11</v>
      </c>
      <c r="I139" s="17">
        <v>2.1</v>
      </c>
      <c r="J139" s="17">
        <v>2.09</v>
      </c>
      <c r="K139" s="17">
        <v>2.11</v>
      </c>
      <c r="L139" s="17">
        <v>2.1</v>
      </c>
      <c r="M139" s="17">
        <v>2.11</v>
      </c>
      <c r="N139" s="17">
        <v>2.1</v>
      </c>
      <c r="O139" s="17">
        <v>2.09</v>
      </c>
      <c r="P139" s="17">
        <v>2.09</v>
      </c>
      <c r="Q139" s="17">
        <v>2.1800000000000002</v>
      </c>
      <c r="R139" s="17">
        <v>2.09</v>
      </c>
      <c r="S139" s="17">
        <v>2.11</v>
      </c>
      <c r="T139" s="17">
        <v>2.09</v>
      </c>
      <c r="U139" s="17">
        <v>2.0699999999999998</v>
      </c>
      <c r="V139" s="17">
        <v>2.0699999999999998</v>
      </c>
      <c r="W139" s="17">
        <v>2.08</v>
      </c>
      <c r="X139" s="17">
        <v>2.1</v>
      </c>
      <c r="Y139" s="17">
        <v>2.1</v>
      </c>
      <c r="Z139" s="17">
        <v>2.11</v>
      </c>
      <c r="AA139" s="17">
        <v>2.06</v>
      </c>
      <c r="AB139" s="17">
        <v>2.11</v>
      </c>
      <c r="AC139" s="17">
        <v>2.13</v>
      </c>
      <c r="AD139" s="17">
        <v>2.04</v>
      </c>
      <c r="AE139" s="17">
        <v>1.99</v>
      </c>
      <c r="AF139" s="17">
        <v>1.98</v>
      </c>
      <c r="AG139" s="17">
        <v>2</v>
      </c>
      <c r="AH139" s="17">
        <v>2</v>
      </c>
      <c r="AI139" s="17">
        <v>1.99</v>
      </c>
      <c r="AJ139" s="17">
        <v>1.99</v>
      </c>
      <c r="AK139" s="17">
        <v>1.99</v>
      </c>
      <c r="AL139" s="17">
        <v>1.99</v>
      </c>
      <c r="AM139" s="17">
        <v>2.0499999999999998</v>
      </c>
      <c r="AN139" s="17">
        <v>2.1</v>
      </c>
      <c r="AO139" s="17">
        <v>2.0299999999999998</v>
      </c>
      <c r="AP139" s="17">
        <v>2.0099999999999998</v>
      </c>
      <c r="AQ139" s="17">
        <v>1.95</v>
      </c>
      <c r="AR139" s="17">
        <v>1.93</v>
      </c>
      <c r="AS139" s="17">
        <v>1.94</v>
      </c>
      <c r="AT139" s="17">
        <v>1.93</v>
      </c>
      <c r="AU139" s="17">
        <v>1.95</v>
      </c>
      <c r="AV139" s="17">
        <v>1.97</v>
      </c>
      <c r="AW139" s="17">
        <v>1.96</v>
      </c>
      <c r="AX139" s="17">
        <v>1.95</v>
      </c>
      <c r="AY139" s="17">
        <v>1.98</v>
      </c>
      <c r="AZ139" s="17">
        <v>1.99</v>
      </c>
      <c r="BA139" s="17">
        <v>1.98</v>
      </c>
      <c r="BB139" s="17">
        <v>1.99</v>
      </c>
      <c r="BC139" s="17">
        <v>1.98</v>
      </c>
      <c r="BD139" s="17">
        <v>1.97</v>
      </c>
    </row>
    <row r="140" spans="3:56" x14ac:dyDescent="0.2">
      <c r="C140" s="23" t="s">
        <v>96</v>
      </c>
      <c r="D140" s="6" t="s">
        <v>58</v>
      </c>
      <c r="E140" s="17">
        <v>2.0699999999999998</v>
      </c>
      <c r="F140" s="17">
        <v>2.0499999999999998</v>
      </c>
      <c r="G140" s="17">
        <v>2.0499999999999998</v>
      </c>
      <c r="H140" s="17">
        <v>2.09</v>
      </c>
      <c r="I140" s="17">
        <v>2.09</v>
      </c>
      <c r="J140" s="17">
        <v>2.08</v>
      </c>
      <c r="K140" s="17">
        <v>2.1</v>
      </c>
      <c r="L140" s="17">
        <v>2.09</v>
      </c>
      <c r="M140" s="17">
        <v>2.08</v>
      </c>
      <c r="N140" s="17">
        <v>2.06</v>
      </c>
      <c r="O140" s="17">
        <v>2.09</v>
      </c>
      <c r="P140" s="17">
        <v>2.02</v>
      </c>
      <c r="Q140" s="17">
        <v>2.13</v>
      </c>
      <c r="R140" s="17">
        <v>2.1</v>
      </c>
      <c r="S140" s="17">
        <v>2.1</v>
      </c>
      <c r="T140" s="17">
        <v>2.1</v>
      </c>
      <c r="U140" s="17">
        <v>2.09</v>
      </c>
      <c r="V140" s="17">
        <v>2.0699999999999998</v>
      </c>
      <c r="W140" s="17">
        <v>2.08</v>
      </c>
      <c r="X140" s="17">
        <v>2.1</v>
      </c>
      <c r="Y140" s="17">
        <v>2.09</v>
      </c>
      <c r="Z140" s="17">
        <v>2.0499999999999998</v>
      </c>
      <c r="AA140" s="17">
        <v>2.04</v>
      </c>
      <c r="AB140" s="17">
        <v>2.04</v>
      </c>
      <c r="AC140" s="17">
        <v>2</v>
      </c>
      <c r="AD140" s="17">
        <v>2.02</v>
      </c>
      <c r="AE140" s="17">
        <v>2.02</v>
      </c>
      <c r="AF140" s="17">
        <v>2.0299999999999998</v>
      </c>
      <c r="AG140" s="17">
        <v>2.0099999999999998</v>
      </c>
      <c r="AH140" s="17">
        <v>2</v>
      </c>
      <c r="AI140" s="17">
        <v>2.02</v>
      </c>
      <c r="AJ140" s="17">
        <v>2.02</v>
      </c>
      <c r="AK140" s="17">
        <v>2.02</v>
      </c>
      <c r="AL140" s="17">
        <v>2.0099999999999998</v>
      </c>
      <c r="AM140" s="17">
        <v>2.02</v>
      </c>
      <c r="AN140" s="17">
        <v>1.99</v>
      </c>
      <c r="AO140" s="17">
        <v>2.0099999999999998</v>
      </c>
      <c r="AP140" s="17">
        <v>1.98</v>
      </c>
      <c r="AQ140" s="17">
        <v>2.0099999999999998</v>
      </c>
      <c r="AR140" s="17">
        <v>2.0299999999999998</v>
      </c>
      <c r="AS140" s="17">
        <v>2.0499999999999998</v>
      </c>
      <c r="AT140" s="17">
        <v>2.09</v>
      </c>
      <c r="AU140" s="17">
        <v>2.12</v>
      </c>
      <c r="AV140" s="17">
        <v>2.12</v>
      </c>
      <c r="AW140" s="17">
        <v>2.12</v>
      </c>
      <c r="AX140" s="17">
        <v>2.14</v>
      </c>
      <c r="AY140" s="17">
        <v>2.15</v>
      </c>
      <c r="AZ140" s="17">
        <v>2.09</v>
      </c>
      <c r="BA140" s="17">
        <v>2.09</v>
      </c>
      <c r="BB140" s="17">
        <v>2.0499999999999998</v>
      </c>
      <c r="BC140" s="17">
        <v>2.06</v>
      </c>
      <c r="BD140" s="17">
        <v>2.06</v>
      </c>
    </row>
    <row r="141" spans="3:56" x14ac:dyDescent="0.2">
      <c r="C141" s="67"/>
      <c r="E141" s="65"/>
      <c r="F141" s="65"/>
      <c r="H141" s="65"/>
      <c r="J141" s="65"/>
      <c r="L141" s="65"/>
      <c r="O141" s="65"/>
    </row>
    <row r="142" spans="3:56" x14ac:dyDescent="0.2">
      <c r="E142" s="65"/>
      <c r="F142" s="65"/>
      <c r="H142" s="65"/>
    </row>
    <row r="143" spans="3:56" x14ac:dyDescent="0.2">
      <c r="E143" s="65"/>
      <c r="F143" s="65"/>
    </row>
    <row r="144" spans="3:56" x14ac:dyDescent="0.2">
      <c r="C144" s="23" t="s">
        <v>106</v>
      </c>
      <c r="D144" s="6" t="s">
        <v>58</v>
      </c>
      <c r="E144" s="17">
        <v>13.65</v>
      </c>
      <c r="F144" s="17">
        <v>13.58</v>
      </c>
      <c r="G144" s="17">
        <v>13.56</v>
      </c>
      <c r="H144" s="17">
        <v>13.63</v>
      </c>
      <c r="I144" s="17">
        <v>13.59</v>
      </c>
      <c r="J144" s="17">
        <v>13.57</v>
      </c>
      <c r="K144" s="17">
        <v>13.58</v>
      </c>
      <c r="L144" s="17">
        <v>13.69</v>
      </c>
      <c r="M144" s="17">
        <v>13.69</v>
      </c>
      <c r="N144" s="17">
        <v>13.5</v>
      </c>
      <c r="O144" s="17">
        <v>13.6</v>
      </c>
      <c r="P144" s="17">
        <v>13</v>
      </c>
      <c r="Q144" s="17">
        <v>13.63</v>
      </c>
      <c r="R144" s="17">
        <v>13.71</v>
      </c>
      <c r="S144" s="17">
        <v>13.73</v>
      </c>
      <c r="T144" s="17">
        <v>13.7</v>
      </c>
      <c r="U144" s="17">
        <v>13.66</v>
      </c>
      <c r="V144" s="17">
        <v>13.65</v>
      </c>
      <c r="W144" s="17">
        <v>13.65</v>
      </c>
      <c r="X144" s="17">
        <v>13.8</v>
      </c>
      <c r="Y144" s="17">
        <v>13.77</v>
      </c>
      <c r="Z144" s="17">
        <v>13.64</v>
      </c>
      <c r="AA144" s="17">
        <v>13.61</v>
      </c>
      <c r="AB144" s="17">
        <v>13.59</v>
      </c>
      <c r="AC144" s="17">
        <v>13.63</v>
      </c>
      <c r="AD144" s="17">
        <v>13.54</v>
      </c>
      <c r="AE144" s="17">
        <v>13.58</v>
      </c>
      <c r="AF144" s="17">
        <v>13.5</v>
      </c>
      <c r="AG144" s="17">
        <v>13.55</v>
      </c>
      <c r="AH144" s="17">
        <v>13.55</v>
      </c>
      <c r="AI144" s="17">
        <v>13.55</v>
      </c>
      <c r="AJ144" s="17">
        <v>13.55</v>
      </c>
      <c r="AK144" s="17">
        <v>13.56</v>
      </c>
      <c r="AL144" s="105">
        <v>13.54</v>
      </c>
      <c r="AM144" s="17">
        <v>13.47</v>
      </c>
      <c r="AN144" s="17">
        <v>13.44</v>
      </c>
      <c r="AO144" s="17">
        <v>13.46</v>
      </c>
      <c r="AP144" s="17">
        <v>13.39</v>
      </c>
      <c r="AQ144" s="17">
        <v>13.37</v>
      </c>
      <c r="AR144" s="17">
        <v>13.36</v>
      </c>
      <c r="AS144" s="17">
        <v>13.32</v>
      </c>
      <c r="AT144" s="17">
        <v>13.34</v>
      </c>
      <c r="AU144" s="17">
        <v>13.39</v>
      </c>
      <c r="AV144" s="17">
        <v>13.34</v>
      </c>
      <c r="AW144" s="17">
        <v>13.37</v>
      </c>
      <c r="AX144" s="17">
        <v>13.34</v>
      </c>
      <c r="AY144" s="17">
        <v>13.31</v>
      </c>
      <c r="AZ144" s="17">
        <v>13.31</v>
      </c>
      <c r="BA144" s="17">
        <v>13.31</v>
      </c>
      <c r="BB144" s="17">
        <v>13.27</v>
      </c>
      <c r="BC144" s="17">
        <v>13.3</v>
      </c>
      <c r="BD144" s="17">
        <v>13.29</v>
      </c>
    </row>
    <row r="146" spans="3:14" x14ac:dyDescent="0.2">
      <c r="C146" s="79"/>
    </row>
    <row r="147" spans="3:14" x14ac:dyDescent="0.2">
      <c r="C147" s="219"/>
      <c r="D147" s="220"/>
      <c r="E147" s="220"/>
      <c r="F147" s="220"/>
      <c r="G147" s="220"/>
      <c r="H147" s="220"/>
      <c r="I147" s="220"/>
      <c r="J147" s="220"/>
      <c r="K147" s="220"/>
      <c r="L147" s="220"/>
      <c r="M147" s="220"/>
      <c r="N147" s="220"/>
    </row>
    <row r="149" spans="3:14" ht="25.5" customHeight="1" x14ac:dyDescent="0.2">
      <c r="C149" s="226" t="s">
        <v>163</v>
      </c>
      <c r="D149" s="226"/>
      <c r="E149" s="226"/>
      <c r="F149" s="226"/>
      <c r="G149" s="226"/>
      <c r="H149" s="226"/>
      <c r="I149" s="226"/>
      <c r="J149" s="226"/>
      <c r="K149" s="226"/>
    </row>
    <row r="150" spans="3:14" x14ac:dyDescent="0.2">
      <c r="C150" s="227"/>
      <c r="D150" s="227"/>
      <c r="E150" s="227"/>
      <c r="F150" s="227"/>
      <c r="G150" s="227"/>
      <c r="H150" s="227"/>
      <c r="I150" s="227"/>
      <c r="J150" s="227"/>
      <c r="K150" s="227"/>
    </row>
  </sheetData>
  <mergeCells count="3">
    <mergeCell ref="C2:AE6"/>
    <mergeCell ref="C147:N147"/>
    <mergeCell ref="C149:K150"/>
  </mergeCells>
  <pageMargins left="0.7" right="0.7" top="0.75" bottom="0.75" header="0.3" footer="0.3"/>
  <pageSetup paperSize="9" orientation="portrait" r:id="rId1"/>
  <drawing r:id="rId2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dimension ref="C2:BD150"/>
  <sheetViews>
    <sheetView topLeftCell="F10" workbookViewId="0">
      <selection activeCell="BD144" sqref="BD144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21" width="5.42578125" bestFit="1" customWidth="1"/>
    <col min="22" max="22" width="5.7109375" customWidth="1"/>
    <col min="23" max="56" width="5.42578125" bestFit="1" customWidth="1"/>
    <col min="58" max="58" width="23.7109375" customWidth="1"/>
  </cols>
  <sheetData>
    <row r="2" spans="3:56" ht="18" customHeight="1" x14ac:dyDescent="0.2"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17"/>
      <c r="N2" s="217"/>
      <c r="O2" s="217"/>
      <c r="P2" s="217"/>
      <c r="Q2" s="217"/>
      <c r="R2" s="217"/>
      <c r="S2" s="217"/>
      <c r="T2" s="217"/>
      <c r="U2" s="217"/>
      <c r="V2" s="217"/>
      <c r="W2" s="217"/>
      <c r="X2" s="217"/>
      <c r="Y2" s="217"/>
      <c r="Z2" s="217"/>
      <c r="AA2" s="217"/>
      <c r="AB2" s="217"/>
      <c r="AC2" s="217"/>
      <c r="AD2" s="217"/>
      <c r="AE2" s="217"/>
    </row>
    <row r="3" spans="3:56" ht="21" customHeight="1" x14ac:dyDescent="0.2">
      <c r="C3" s="217"/>
      <c r="D3" s="217"/>
      <c r="E3" s="217"/>
      <c r="F3" s="217"/>
      <c r="G3" s="217"/>
      <c r="H3" s="217"/>
      <c r="I3" s="217"/>
      <c r="J3" s="217"/>
      <c r="K3" s="217"/>
      <c r="L3" s="217"/>
      <c r="M3" s="217"/>
      <c r="N3" s="217"/>
      <c r="O3" s="217"/>
      <c r="P3" s="217"/>
      <c r="Q3" s="217"/>
      <c r="R3" s="217"/>
      <c r="S3" s="217"/>
      <c r="T3" s="217"/>
      <c r="U3" s="217"/>
      <c r="V3" s="217"/>
      <c r="W3" s="217"/>
      <c r="X3" s="217"/>
      <c r="Y3" s="217"/>
      <c r="Z3" s="217"/>
      <c r="AA3" s="217"/>
      <c r="AB3" s="217"/>
      <c r="AC3" s="217"/>
      <c r="AD3" s="217"/>
      <c r="AE3" s="217"/>
    </row>
    <row r="4" spans="3:56" ht="32.25" customHeight="1" x14ac:dyDescent="0.2">
      <c r="C4" s="217"/>
      <c r="D4" s="217"/>
      <c r="E4" s="217"/>
      <c r="F4" s="217"/>
      <c r="G4" s="217"/>
      <c r="H4" s="217"/>
      <c r="I4" s="217"/>
      <c r="J4" s="217"/>
      <c r="K4" s="217"/>
      <c r="L4" s="217"/>
      <c r="M4" s="217"/>
      <c r="N4" s="217"/>
      <c r="O4" s="217"/>
      <c r="P4" s="217"/>
      <c r="Q4" s="217"/>
      <c r="R4" s="217"/>
      <c r="S4" s="217"/>
      <c r="T4" s="217"/>
      <c r="U4" s="217"/>
      <c r="V4" s="217"/>
      <c r="W4" s="217"/>
      <c r="X4" s="217"/>
      <c r="Y4" s="217"/>
      <c r="Z4" s="217"/>
      <c r="AA4" s="217"/>
      <c r="AB4" s="217"/>
      <c r="AC4" s="217"/>
      <c r="AD4" s="217"/>
      <c r="AE4" s="217"/>
    </row>
    <row r="5" spans="3:56" x14ac:dyDescent="0.2">
      <c r="C5" s="217"/>
      <c r="D5" s="217"/>
      <c r="E5" s="217"/>
      <c r="F5" s="217"/>
      <c r="G5" s="217"/>
      <c r="H5" s="217"/>
      <c r="I5" s="217"/>
      <c r="J5" s="217"/>
      <c r="K5" s="217"/>
      <c r="L5" s="217"/>
      <c r="M5" s="217"/>
      <c r="N5" s="217"/>
      <c r="O5" s="217"/>
      <c r="P5" s="217"/>
      <c r="Q5" s="217"/>
      <c r="R5" s="217"/>
      <c r="S5" s="217"/>
      <c r="T5" s="217"/>
      <c r="U5" s="217"/>
      <c r="V5" s="217"/>
      <c r="W5" s="217"/>
      <c r="X5" s="217"/>
      <c r="Y5" s="217"/>
      <c r="Z5" s="217"/>
      <c r="AA5" s="217"/>
      <c r="AB5" s="217"/>
      <c r="AC5" s="217"/>
      <c r="AD5" s="217"/>
      <c r="AE5" s="217"/>
    </row>
    <row r="6" spans="3:56" ht="24.95" customHeight="1" x14ac:dyDescent="0.2">
      <c r="C6" s="217"/>
      <c r="D6" s="217"/>
      <c r="E6" s="217"/>
      <c r="F6" s="217"/>
      <c r="G6" s="217"/>
      <c r="H6" s="217"/>
      <c r="I6" s="217"/>
      <c r="J6" s="217"/>
      <c r="K6" s="217"/>
      <c r="L6" s="217"/>
      <c r="M6" s="217"/>
      <c r="N6" s="217"/>
      <c r="O6" s="217"/>
      <c r="P6" s="217"/>
      <c r="Q6" s="217"/>
      <c r="R6" s="217"/>
      <c r="S6" s="217"/>
      <c r="T6" s="217"/>
      <c r="U6" s="217"/>
      <c r="V6" s="217"/>
      <c r="W6" s="217"/>
      <c r="X6" s="217"/>
      <c r="Y6" s="217"/>
      <c r="Z6" s="217"/>
      <c r="AA6" s="217"/>
      <c r="AB6" s="217"/>
      <c r="AC6" s="217"/>
      <c r="AD6" s="217"/>
      <c r="AE6" s="217"/>
    </row>
    <row r="7" spans="3:56" ht="24.95" customHeight="1" x14ac:dyDescent="0.2">
      <c r="C7" s="28" t="s">
        <v>98</v>
      </c>
    </row>
    <row r="8" spans="3:56" ht="15.75" x14ac:dyDescent="0.2">
      <c r="C8" s="29" t="s">
        <v>99</v>
      </c>
    </row>
    <row r="10" spans="3:56" ht="15" x14ac:dyDescent="0.25">
      <c r="M10" s="85"/>
    </row>
    <row r="12" spans="3:56" ht="15" customHeight="1" x14ac:dyDescent="0.2">
      <c r="C12" s="1" t="s">
        <v>0</v>
      </c>
      <c r="E12" s="2">
        <v>2018</v>
      </c>
      <c r="F12" s="2"/>
      <c r="G12" s="2"/>
      <c r="H12" s="2"/>
      <c r="I12" s="2"/>
      <c r="J12" s="2"/>
      <c r="K12" s="2"/>
      <c r="L12" s="2"/>
      <c r="M12" s="2"/>
    </row>
    <row r="13" spans="3:56" ht="13.5" thickBot="1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ht="13.5" thickTop="1" x14ac:dyDescent="0.2">
      <c r="C14" s="5" t="s">
        <v>57</v>
      </c>
      <c r="D14" s="6" t="s">
        <v>58</v>
      </c>
      <c r="E14" s="93">
        <v>3.98</v>
      </c>
      <c r="F14" s="93">
        <v>3.98</v>
      </c>
      <c r="G14" s="8">
        <v>3.98</v>
      </c>
      <c r="H14" s="93">
        <v>3.98</v>
      </c>
      <c r="I14" s="93">
        <v>3.97</v>
      </c>
      <c r="J14" s="93">
        <v>3.94</v>
      </c>
      <c r="K14" s="8">
        <v>3.93</v>
      </c>
      <c r="L14" s="8">
        <v>3.91</v>
      </c>
      <c r="M14" s="8">
        <v>3.91</v>
      </c>
      <c r="N14" s="8">
        <v>3.95</v>
      </c>
      <c r="O14" s="93">
        <v>3.94</v>
      </c>
      <c r="P14" s="8">
        <v>3.93</v>
      </c>
      <c r="Q14" s="8">
        <v>3.93</v>
      </c>
      <c r="R14" s="8">
        <v>3.93</v>
      </c>
      <c r="S14" s="93">
        <v>3.93</v>
      </c>
      <c r="T14" s="93">
        <v>3.93</v>
      </c>
      <c r="U14" s="93">
        <v>3.93</v>
      </c>
      <c r="V14" s="93">
        <v>3.93</v>
      </c>
      <c r="W14" s="111">
        <v>3.95</v>
      </c>
      <c r="X14" s="8">
        <v>3.9</v>
      </c>
      <c r="Y14" s="93">
        <v>3.94</v>
      </c>
      <c r="Z14" s="93">
        <v>3.9</v>
      </c>
      <c r="AA14" s="8">
        <v>3.85</v>
      </c>
      <c r="AB14" s="8">
        <v>3.89</v>
      </c>
      <c r="AC14" s="93">
        <v>3.85</v>
      </c>
      <c r="AD14" s="17">
        <v>3.89</v>
      </c>
      <c r="AE14" s="93">
        <v>3.8826000000000001</v>
      </c>
      <c r="AF14" s="93">
        <v>3.87</v>
      </c>
      <c r="AG14" s="8">
        <v>3.86</v>
      </c>
      <c r="AH14" s="93">
        <v>3.81</v>
      </c>
      <c r="AI14" s="93">
        <v>3.8281000000000001</v>
      </c>
      <c r="AJ14" s="93">
        <v>3.85</v>
      </c>
      <c r="AK14" s="93">
        <v>3.86</v>
      </c>
      <c r="AL14" s="93">
        <v>3.87</v>
      </c>
      <c r="AM14" s="122">
        <v>3.81</v>
      </c>
      <c r="AN14" s="93">
        <v>3.85</v>
      </c>
      <c r="AO14" s="74">
        <v>3.81</v>
      </c>
      <c r="AP14" s="93">
        <v>3.81</v>
      </c>
      <c r="AQ14" s="93">
        <v>3.76</v>
      </c>
      <c r="AR14" s="93">
        <v>3.74</v>
      </c>
      <c r="AS14" s="122">
        <v>3.7305999999999999</v>
      </c>
      <c r="AT14" s="8">
        <v>3.7481</v>
      </c>
      <c r="AU14" s="93">
        <v>3.71</v>
      </c>
      <c r="AV14" s="8">
        <v>3.69</v>
      </c>
      <c r="AW14" s="8">
        <v>3.71</v>
      </c>
      <c r="AX14" s="8">
        <v>3.73</v>
      </c>
      <c r="AY14" s="93">
        <v>3.73</v>
      </c>
      <c r="AZ14" s="8">
        <v>3.73</v>
      </c>
      <c r="BA14" s="8">
        <v>3.76</v>
      </c>
      <c r="BB14" s="8">
        <v>3.74</v>
      </c>
      <c r="BC14" s="93">
        <v>3.73</v>
      </c>
      <c r="BD14" s="93">
        <v>3.76</v>
      </c>
    </row>
    <row r="15" spans="3:56" x14ac:dyDescent="0.2">
      <c r="C15" s="5" t="s">
        <v>59</v>
      </c>
      <c r="D15" s="6" t="s">
        <v>58</v>
      </c>
      <c r="E15" s="73">
        <v>6.31</v>
      </c>
      <c r="F15" s="73">
        <v>6</v>
      </c>
      <c r="G15" s="8">
        <v>5.82</v>
      </c>
      <c r="H15" s="73">
        <v>5.77</v>
      </c>
      <c r="I15" s="73">
        <v>5.73</v>
      </c>
      <c r="J15" s="73">
        <v>5.68</v>
      </c>
      <c r="K15" s="8">
        <v>5.68</v>
      </c>
      <c r="L15" s="8">
        <v>5.68</v>
      </c>
      <c r="M15" s="8">
        <v>5.68</v>
      </c>
      <c r="N15" s="8">
        <v>5.68</v>
      </c>
      <c r="O15" s="73">
        <v>5.68</v>
      </c>
      <c r="P15" s="8">
        <v>5.68</v>
      </c>
      <c r="Q15" s="8">
        <v>5.68</v>
      </c>
      <c r="R15" s="8">
        <v>5.62</v>
      </c>
      <c r="S15" s="73">
        <v>5.64</v>
      </c>
      <c r="T15" s="73">
        <v>5.64</v>
      </c>
      <c r="U15" s="73">
        <v>5.63</v>
      </c>
      <c r="V15" s="73">
        <v>5.63</v>
      </c>
      <c r="W15" s="111">
        <v>5.63</v>
      </c>
      <c r="X15" s="8">
        <v>5.65</v>
      </c>
      <c r="Y15" s="73">
        <v>5.65</v>
      </c>
      <c r="Z15" s="73">
        <v>5.57</v>
      </c>
      <c r="AA15" s="8">
        <v>5.54</v>
      </c>
      <c r="AB15" s="8">
        <v>5.54</v>
      </c>
      <c r="AC15" s="73">
        <v>5.52</v>
      </c>
      <c r="AD15" s="17">
        <v>5.45</v>
      </c>
      <c r="AE15" s="73">
        <v>5.3898000000000001</v>
      </c>
      <c r="AF15" s="73">
        <v>5.39</v>
      </c>
      <c r="AG15" s="8">
        <v>5.4</v>
      </c>
      <c r="AH15" s="73">
        <v>5.49</v>
      </c>
      <c r="AI15" s="73">
        <v>5.55776</v>
      </c>
      <c r="AJ15" s="73">
        <v>5.77</v>
      </c>
      <c r="AK15" s="73">
        <v>5.91</v>
      </c>
      <c r="AL15" s="73">
        <v>6.16</v>
      </c>
      <c r="AM15" s="123">
        <v>6.41</v>
      </c>
      <c r="AN15" s="73">
        <v>6.34</v>
      </c>
      <c r="AO15" s="68">
        <v>6.35</v>
      </c>
      <c r="AP15" s="73">
        <v>6.28</v>
      </c>
      <c r="AQ15" s="73">
        <v>6.28</v>
      </c>
      <c r="AR15" s="73">
        <v>6.23</v>
      </c>
      <c r="AS15" s="123">
        <v>6.1355999999999993</v>
      </c>
      <c r="AT15" s="8">
        <v>6.0796999999999999</v>
      </c>
      <c r="AU15" s="73">
        <v>6.08</v>
      </c>
      <c r="AV15" s="8">
        <v>6.08</v>
      </c>
      <c r="AW15" s="8">
        <v>6.08</v>
      </c>
      <c r="AX15" s="8">
        <v>6.08</v>
      </c>
      <c r="AY15" s="73">
        <v>6.08</v>
      </c>
      <c r="AZ15" s="8">
        <v>6.1</v>
      </c>
      <c r="BA15" s="8">
        <v>6.15</v>
      </c>
      <c r="BB15" s="8">
        <v>6.16</v>
      </c>
      <c r="BC15" s="73">
        <v>6.16</v>
      </c>
      <c r="BD15" s="73">
        <v>6.21</v>
      </c>
    </row>
    <row r="16" spans="3:56" x14ac:dyDescent="0.2">
      <c r="C16" s="5" t="s">
        <v>60</v>
      </c>
      <c r="D16" s="6" t="s">
        <v>58</v>
      </c>
      <c r="E16" s="73">
        <v>1.29</v>
      </c>
      <c r="F16" s="73">
        <v>1.28</v>
      </c>
      <c r="G16" s="8">
        <v>1.28</v>
      </c>
      <c r="H16" s="73">
        <v>1.29</v>
      </c>
      <c r="I16" s="73">
        <v>1.29</v>
      </c>
      <c r="J16" s="73">
        <v>1.23</v>
      </c>
      <c r="K16" s="8">
        <v>1.27</v>
      </c>
      <c r="L16" s="8">
        <v>1.31</v>
      </c>
      <c r="M16" s="8">
        <v>1.35</v>
      </c>
      <c r="N16" s="8">
        <v>1.39</v>
      </c>
      <c r="O16" s="73">
        <v>1.41</v>
      </c>
      <c r="P16" s="8">
        <v>1.41</v>
      </c>
      <c r="Q16" s="8">
        <v>1.43</v>
      </c>
      <c r="R16" s="8">
        <v>1.4</v>
      </c>
      <c r="S16" s="73">
        <v>1.41</v>
      </c>
      <c r="T16" s="73">
        <v>1.4</v>
      </c>
      <c r="U16" s="73">
        <v>1.41</v>
      </c>
      <c r="V16" s="73">
        <v>1.41</v>
      </c>
      <c r="W16" s="111">
        <v>1.41</v>
      </c>
      <c r="X16" s="8">
        <v>1.41</v>
      </c>
      <c r="Y16" s="73">
        <v>1.42</v>
      </c>
      <c r="Z16" s="73">
        <v>1.43</v>
      </c>
      <c r="AA16" s="8">
        <v>1.46</v>
      </c>
      <c r="AB16" s="8">
        <v>1.47</v>
      </c>
      <c r="AC16" s="73">
        <v>1.49</v>
      </c>
      <c r="AD16" s="17">
        <v>1.49</v>
      </c>
      <c r="AE16" s="73">
        <v>1.5</v>
      </c>
      <c r="AF16" s="73">
        <v>1.51</v>
      </c>
      <c r="AG16" s="8">
        <v>1.52</v>
      </c>
      <c r="AH16" s="73">
        <v>1.51</v>
      </c>
      <c r="AI16" s="73">
        <v>1.5212000000000001</v>
      </c>
      <c r="AJ16" s="73">
        <v>1.52</v>
      </c>
      <c r="AK16" s="73">
        <v>1.53</v>
      </c>
      <c r="AL16" s="73">
        <v>1.53</v>
      </c>
      <c r="AM16" s="123">
        <v>1.52</v>
      </c>
      <c r="AN16" s="73">
        <v>1.52</v>
      </c>
      <c r="AO16" s="68">
        <v>1.52</v>
      </c>
      <c r="AP16" s="73">
        <v>1.47</v>
      </c>
      <c r="AQ16" s="73">
        <v>1.5</v>
      </c>
      <c r="AR16" s="73">
        <v>1.41</v>
      </c>
      <c r="AS16" s="123">
        <v>1.3696999999999999</v>
      </c>
      <c r="AT16" s="8">
        <v>1.3621000000000001</v>
      </c>
      <c r="AU16" s="73">
        <v>1.33</v>
      </c>
      <c r="AV16" s="8">
        <v>1.3</v>
      </c>
      <c r="AW16" s="8">
        <v>1.29</v>
      </c>
      <c r="AX16" s="8">
        <v>1.28</v>
      </c>
      <c r="AY16" s="73">
        <v>1.28</v>
      </c>
      <c r="AZ16" s="8">
        <v>1.27</v>
      </c>
      <c r="BA16" s="8">
        <v>1.28</v>
      </c>
      <c r="BB16" s="8">
        <v>1.28</v>
      </c>
      <c r="BC16" s="73">
        <v>1.28</v>
      </c>
      <c r="BD16" s="73">
        <v>1.29</v>
      </c>
    </row>
    <row r="17" spans="3:56" x14ac:dyDescent="0.2">
      <c r="C17" s="5" t="s">
        <v>61</v>
      </c>
      <c r="D17" s="6" t="s">
        <v>58</v>
      </c>
      <c r="E17" s="73">
        <v>1.67</v>
      </c>
      <c r="F17" s="73">
        <v>1.67</v>
      </c>
      <c r="G17" s="8">
        <v>1.66</v>
      </c>
      <c r="H17" s="73">
        <v>1.66</v>
      </c>
      <c r="I17" s="73">
        <v>1.62</v>
      </c>
      <c r="J17" s="73">
        <v>1.61</v>
      </c>
      <c r="K17" s="8">
        <v>1.62</v>
      </c>
      <c r="L17" s="8">
        <v>1.62</v>
      </c>
      <c r="M17" s="8">
        <v>1.61</v>
      </c>
      <c r="N17" s="8">
        <v>1.59</v>
      </c>
      <c r="O17" s="73">
        <v>1.6</v>
      </c>
      <c r="P17" s="8">
        <v>1.59</v>
      </c>
      <c r="Q17" s="8">
        <v>1.6</v>
      </c>
      <c r="R17" s="8">
        <v>1.59</v>
      </c>
      <c r="S17" s="73">
        <v>1.58</v>
      </c>
      <c r="T17" s="73">
        <v>1.61</v>
      </c>
      <c r="U17" s="73">
        <v>1.6</v>
      </c>
      <c r="V17" s="73">
        <v>1.62</v>
      </c>
      <c r="W17" s="111">
        <v>1.62</v>
      </c>
      <c r="X17" s="8">
        <v>1.64</v>
      </c>
      <c r="Y17" s="73">
        <v>1.66</v>
      </c>
      <c r="Z17" s="73">
        <v>1.66</v>
      </c>
      <c r="AA17" s="8">
        <v>1.66</v>
      </c>
      <c r="AB17" s="8">
        <v>1.71</v>
      </c>
      <c r="AC17" s="73">
        <v>1.72</v>
      </c>
      <c r="AD17" s="17">
        <v>1.75</v>
      </c>
      <c r="AE17" s="73">
        <v>1.7461</v>
      </c>
      <c r="AF17" s="73">
        <v>1.75</v>
      </c>
      <c r="AG17" s="8">
        <v>1.76</v>
      </c>
      <c r="AH17" s="73">
        <v>1.77</v>
      </c>
      <c r="AI17" s="73">
        <v>1.7733000000000001</v>
      </c>
      <c r="AJ17" s="73">
        <v>1.78</v>
      </c>
      <c r="AK17" s="73">
        <v>1.81</v>
      </c>
      <c r="AL17" s="73">
        <v>1.8</v>
      </c>
      <c r="AM17" s="123">
        <v>1.76</v>
      </c>
      <c r="AN17" s="73">
        <v>1.74</v>
      </c>
      <c r="AO17" s="68">
        <v>1.7</v>
      </c>
      <c r="AP17" s="73">
        <v>1.67</v>
      </c>
      <c r="AQ17" s="73">
        <v>1.63</v>
      </c>
      <c r="AR17" s="73">
        <v>1.63</v>
      </c>
      <c r="AS17" s="123">
        <v>1.6296999999999999</v>
      </c>
      <c r="AT17" s="8">
        <v>1.6093999999999999</v>
      </c>
      <c r="AU17" s="73">
        <v>1.6</v>
      </c>
      <c r="AV17" s="8">
        <v>1.6</v>
      </c>
      <c r="AW17" s="8">
        <v>1.58</v>
      </c>
      <c r="AX17" s="8">
        <v>1.59</v>
      </c>
      <c r="AY17" s="73">
        <v>1.53</v>
      </c>
      <c r="AZ17" s="8">
        <v>1.54</v>
      </c>
      <c r="BA17" s="8">
        <v>1.55</v>
      </c>
      <c r="BB17" s="8">
        <v>1.55</v>
      </c>
      <c r="BC17" s="73">
        <v>1.56</v>
      </c>
      <c r="BD17" s="73">
        <v>1.58</v>
      </c>
    </row>
    <row r="18" spans="3:56" x14ac:dyDescent="0.2">
      <c r="C18" s="5" t="s">
        <v>62</v>
      </c>
      <c r="D18" s="6" t="s">
        <v>58</v>
      </c>
      <c r="E18" s="73">
        <v>3.09</v>
      </c>
      <c r="F18" s="73">
        <v>3.01</v>
      </c>
      <c r="G18" s="8">
        <v>2.92</v>
      </c>
      <c r="H18" s="73">
        <v>2.91</v>
      </c>
      <c r="I18" s="73">
        <v>2.91</v>
      </c>
      <c r="J18" s="73">
        <v>2.91</v>
      </c>
      <c r="K18" s="8">
        <v>2.92</v>
      </c>
      <c r="L18" s="8">
        <v>2.92</v>
      </c>
      <c r="M18" s="8">
        <v>3</v>
      </c>
      <c r="N18" s="8">
        <v>3.02</v>
      </c>
      <c r="O18" s="73">
        <v>3.27</v>
      </c>
      <c r="P18" s="8">
        <v>3.27</v>
      </c>
      <c r="Q18" s="8">
        <v>3.22</v>
      </c>
      <c r="R18" s="8">
        <v>3.22</v>
      </c>
      <c r="S18" s="73">
        <v>3.22</v>
      </c>
      <c r="T18" s="73">
        <v>3.22</v>
      </c>
      <c r="U18" s="73">
        <v>3.22</v>
      </c>
      <c r="V18" s="73">
        <v>3.04</v>
      </c>
      <c r="W18" s="111">
        <v>3.04</v>
      </c>
      <c r="X18" s="8">
        <v>3.04</v>
      </c>
      <c r="Y18" s="73">
        <v>3.04</v>
      </c>
      <c r="Z18" s="73">
        <v>3.17</v>
      </c>
      <c r="AA18" s="8">
        <v>3.2</v>
      </c>
      <c r="AB18" s="8">
        <v>3.22</v>
      </c>
      <c r="AC18" s="73">
        <v>3.21</v>
      </c>
      <c r="AD18" s="17">
        <v>3.21</v>
      </c>
      <c r="AE18" s="73">
        <v>3.215740740740741</v>
      </c>
      <c r="AF18" s="73">
        <v>3.22</v>
      </c>
      <c r="AG18" s="8">
        <v>3.21</v>
      </c>
      <c r="AH18" s="73">
        <v>3.21</v>
      </c>
      <c r="AI18" s="73">
        <v>3.2064814814814815</v>
      </c>
      <c r="AJ18" s="73">
        <v>3.21</v>
      </c>
      <c r="AK18" s="73">
        <v>3.22</v>
      </c>
      <c r="AL18" s="73">
        <v>3.33</v>
      </c>
      <c r="AM18" s="123">
        <v>3.33</v>
      </c>
      <c r="AN18" s="73">
        <v>3.58</v>
      </c>
      <c r="AO18" s="68">
        <v>3.6</v>
      </c>
      <c r="AP18" s="73">
        <v>3.68</v>
      </c>
      <c r="AQ18" s="73">
        <v>3.7</v>
      </c>
      <c r="AR18" s="73">
        <v>4.0199999999999996</v>
      </c>
      <c r="AS18" s="123">
        <v>4.0212962962962964</v>
      </c>
      <c r="AT18" s="8">
        <v>4.213703703703704</v>
      </c>
      <c r="AU18" s="73">
        <v>4.21</v>
      </c>
      <c r="AV18" s="8">
        <v>4.3099999999999996</v>
      </c>
      <c r="AW18" s="8">
        <v>4.34</v>
      </c>
      <c r="AX18" s="8">
        <v>4.34</v>
      </c>
      <c r="AY18" s="73">
        <v>4.34</v>
      </c>
      <c r="AZ18" s="8">
        <v>4.34</v>
      </c>
      <c r="BA18" s="8">
        <v>4.12</v>
      </c>
      <c r="BB18" s="8">
        <v>3.81</v>
      </c>
      <c r="BC18" s="73">
        <v>3.56</v>
      </c>
      <c r="BD18" s="73">
        <v>3.4</v>
      </c>
    </row>
    <row r="19" spans="3:56" x14ac:dyDescent="0.2">
      <c r="C19" s="5" t="s">
        <v>75</v>
      </c>
      <c r="D19" s="20" t="s">
        <v>76</v>
      </c>
      <c r="E19" s="73">
        <v>1.08</v>
      </c>
      <c r="F19" s="73">
        <v>0.97</v>
      </c>
      <c r="G19" s="8">
        <v>0.92</v>
      </c>
      <c r="H19" s="73">
        <v>0.83</v>
      </c>
      <c r="I19" s="73">
        <v>0.79</v>
      </c>
      <c r="J19" s="73">
        <v>0.78</v>
      </c>
      <c r="K19" s="8">
        <v>0.8</v>
      </c>
      <c r="L19" s="8">
        <v>0.8</v>
      </c>
      <c r="M19" s="8">
        <v>0.82</v>
      </c>
      <c r="N19" s="8">
        <v>0.84</v>
      </c>
      <c r="O19" s="73">
        <v>0.84</v>
      </c>
      <c r="P19" s="8">
        <v>0.82</v>
      </c>
      <c r="Q19" s="8">
        <v>0.8</v>
      </c>
      <c r="R19" s="8">
        <v>0.76</v>
      </c>
      <c r="S19" s="73">
        <v>0.72</v>
      </c>
      <c r="T19" s="73">
        <v>0.72</v>
      </c>
      <c r="U19" s="73">
        <v>0.7</v>
      </c>
      <c r="V19" s="73">
        <v>0.66</v>
      </c>
      <c r="W19" s="111">
        <v>0.64</v>
      </c>
      <c r="X19" s="76">
        <v>0.61</v>
      </c>
      <c r="Y19" s="73">
        <v>0.59</v>
      </c>
      <c r="Z19" s="73">
        <v>0.6</v>
      </c>
      <c r="AA19" s="8">
        <v>0.6</v>
      </c>
      <c r="AB19" s="8">
        <v>0.61</v>
      </c>
      <c r="AC19" s="73">
        <v>0.61</v>
      </c>
      <c r="AD19" s="17">
        <v>0.61</v>
      </c>
      <c r="AE19" s="73">
        <v>0.61</v>
      </c>
      <c r="AF19" s="73">
        <v>0.59</v>
      </c>
      <c r="AG19" s="8">
        <v>0.57999999999999996</v>
      </c>
      <c r="AH19" s="73">
        <v>0.55000000000000004</v>
      </c>
      <c r="AI19" s="73">
        <v>0.55000000000000004</v>
      </c>
      <c r="AJ19" s="73">
        <v>0.55000000000000004</v>
      </c>
      <c r="AK19" s="73">
        <v>0.55000000000000004</v>
      </c>
      <c r="AL19" s="73">
        <v>0.55000000000000004</v>
      </c>
      <c r="AM19" s="123">
        <v>0.55000000000000004</v>
      </c>
      <c r="AN19" s="73">
        <v>0.57999999999999996</v>
      </c>
      <c r="AO19" s="68">
        <v>0.59</v>
      </c>
      <c r="AP19" s="73">
        <v>0.59</v>
      </c>
      <c r="AQ19" s="73">
        <v>0.61</v>
      </c>
      <c r="AR19" s="73">
        <v>0.61</v>
      </c>
      <c r="AS19" s="123">
        <v>0.63</v>
      </c>
      <c r="AT19" s="8">
        <v>0.65</v>
      </c>
      <c r="AU19" s="73">
        <v>0.7</v>
      </c>
      <c r="AV19" s="8">
        <v>0.72</v>
      </c>
      <c r="AW19" s="8">
        <v>0.74</v>
      </c>
      <c r="AX19" s="8">
        <v>0.74</v>
      </c>
      <c r="AY19" s="73">
        <v>0.74</v>
      </c>
      <c r="AZ19" s="8">
        <v>0.73</v>
      </c>
      <c r="BA19" s="8">
        <v>0.71</v>
      </c>
      <c r="BB19" s="8">
        <v>0.69</v>
      </c>
      <c r="BC19" s="73">
        <v>0.69</v>
      </c>
      <c r="BD19" s="73">
        <v>0.69</v>
      </c>
    </row>
    <row r="20" spans="3:56" x14ac:dyDescent="0.2">
      <c r="C20" s="5" t="s">
        <v>63</v>
      </c>
      <c r="D20" s="6" t="s">
        <v>58</v>
      </c>
      <c r="E20" s="76">
        <v>6.6805033333333341</v>
      </c>
      <c r="F20" s="76">
        <v>7.9</v>
      </c>
      <c r="G20" s="76">
        <v>6.8</v>
      </c>
      <c r="H20" s="76">
        <v>5.59</v>
      </c>
      <c r="I20" s="76">
        <v>5</v>
      </c>
      <c r="J20" s="76">
        <v>5.34</v>
      </c>
      <c r="K20" s="8">
        <v>4.84</v>
      </c>
      <c r="L20" s="76">
        <v>5.23</v>
      </c>
      <c r="M20" s="76">
        <v>3.72</v>
      </c>
      <c r="N20" s="76">
        <v>5.77</v>
      </c>
      <c r="O20" s="76">
        <v>6.26</v>
      </c>
      <c r="P20" s="8">
        <v>6.11</v>
      </c>
      <c r="Q20" s="76">
        <v>5.76</v>
      </c>
      <c r="R20" s="76">
        <v>6.17</v>
      </c>
      <c r="S20" s="76">
        <v>5.4</v>
      </c>
      <c r="T20" s="76">
        <v>5.32</v>
      </c>
      <c r="U20" s="76">
        <v>4.83</v>
      </c>
      <c r="V20" s="76">
        <v>4.07</v>
      </c>
      <c r="W20" s="62">
        <v>5.09</v>
      </c>
      <c r="X20" s="76">
        <v>4.38</v>
      </c>
      <c r="Y20" s="76">
        <v>3.97</v>
      </c>
      <c r="Z20" s="76">
        <v>2.99</v>
      </c>
      <c r="AA20" s="76">
        <v>3.21</v>
      </c>
      <c r="AB20" s="76">
        <v>4</v>
      </c>
      <c r="AC20" s="76">
        <v>3.59</v>
      </c>
      <c r="AD20" s="76">
        <v>3.32</v>
      </c>
      <c r="AE20" s="76">
        <v>5.18</v>
      </c>
      <c r="AF20" s="76">
        <v>3.71</v>
      </c>
      <c r="AG20" s="76">
        <v>3.12</v>
      </c>
      <c r="AH20" s="76">
        <v>1.73</v>
      </c>
      <c r="AI20" s="76">
        <v>2.2000000000000002</v>
      </c>
      <c r="AJ20" s="76">
        <v>4.8099999999999996</v>
      </c>
      <c r="AK20" s="76">
        <v>3.92</v>
      </c>
      <c r="AL20" s="76">
        <v>4.6900000000000004</v>
      </c>
      <c r="AM20" s="124">
        <v>5.16</v>
      </c>
      <c r="AN20" s="124">
        <v>5.22</v>
      </c>
      <c r="AO20" s="124">
        <v>5.26</v>
      </c>
      <c r="AP20" s="124">
        <v>5.81</v>
      </c>
      <c r="AQ20" s="124">
        <v>6.26</v>
      </c>
      <c r="AR20" s="124">
        <v>5.68</v>
      </c>
      <c r="AS20" s="124">
        <v>4.5199999999999996</v>
      </c>
      <c r="AT20" s="76">
        <v>3.61</v>
      </c>
      <c r="AU20" s="76">
        <v>4.82</v>
      </c>
      <c r="AV20" s="76">
        <v>5.63</v>
      </c>
      <c r="AW20" s="76">
        <v>3.13</v>
      </c>
      <c r="AX20" s="8">
        <v>3.22</v>
      </c>
      <c r="AY20" s="76">
        <v>4.4400000000000004</v>
      </c>
      <c r="AZ20" s="76">
        <v>5.2</v>
      </c>
      <c r="BA20" s="76">
        <v>6.62</v>
      </c>
      <c r="BB20" s="76">
        <v>6.96</v>
      </c>
      <c r="BC20" s="76">
        <v>3.69</v>
      </c>
      <c r="BD20" s="76">
        <v>2.23</v>
      </c>
    </row>
    <row r="21" spans="3:56" x14ac:dyDescent="0.2">
      <c r="C21" s="5" t="s">
        <v>64</v>
      </c>
      <c r="D21" s="6" t="s">
        <v>58</v>
      </c>
      <c r="E21" s="76">
        <v>5.909583333333333</v>
      </c>
      <c r="F21" s="76">
        <v>5.32</v>
      </c>
      <c r="G21" s="76">
        <v>4.84</v>
      </c>
      <c r="H21" s="76">
        <v>5.07</v>
      </c>
      <c r="I21" s="76">
        <v>5.17</v>
      </c>
      <c r="J21" s="76">
        <v>5</v>
      </c>
      <c r="K21" s="8" t="s">
        <v>90</v>
      </c>
      <c r="L21" s="76">
        <v>5.4</v>
      </c>
      <c r="M21" s="76">
        <v>4.63</v>
      </c>
      <c r="N21" s="76">
        <v>4.7300000000000004</v>
      </c>
      <c r="O21" s="76">
        <v>5.42</v>
      </c>
      <c r="P21" s="8">
        <v>5.95</v>
      </c>
      <c r="Q21" s="76">
        <v>5.76</v>
      </c>
      <c r="R21" s="76">
        <v>5.57</v>
      </c>
      <c r="S21" s="76">
        <v>5.93</v>
      </c>
      <c r="T21" s="76">
        <v>5.81</v>
      </c>
      <c r="U21" s="76">
        <v>4.5199999999999996</v>
      </c>
      <c r="V21" s="76">
        <v>4.12</v>
      </c>
      <c r="W21" s="62" t="s">
        <v>90</v>
      </c>
      <c r="X21" s="76">
        <v>3.97</v>
      </c>
      <c r="Y21" s="76">
        <v>3.96</v>
      </c>
      <c r="Z21" s="76">
        <v>4.22</v>
      </c>
      <c r="AA21" s="76">
        <v>3.52</v>
      </c>
      <c r="AB21" s="76">
        <v>4.0999999999999996</v>
      </c>
      <c r="AC21" s="76">
        <v>4.21</v>
      </c>
      <c r="AD21" s="76">
        <v>3.65</v>
      </c>
      <c r="AE21" s="76">
        <v>4.4400000000000004</v>
      </c>
      <c r="AF21" s="76">
        <v>4.49</v>
      </c>
      <c r="AG21" s="76">
        <v>3.81</v>
      </c>
      <c r="AH21" s="76">
        <v>2.94</v>
      </c>
      <c r="AI21" s="76">
        <v>3.66</v>
      </c>
      <c r="AJ21" s="76">
        <v>4.21</v>
      </c>
      <c r="AK21" s="76">
        <v>4.2</v>
      </c>
      <c r="AL21" s="76">
        <v>3.92</v>
      </c>
      <c r="AM21" s="124">
        <v>4.26</v>
      </c>
      <c r="AN21" s="124">
        <v>3.21</v>
      </c>
      <c r="AO21" s="124">
        <v>3.53</v>
      </c>
      <c r="AP21" s="124">
        <v>3.88</v>
      </c>
      <c r="AQ21" s="124">
        <v>4.43</v>
      </c>
      <c r="AR21" s="124">
        <v>3.98</v>
      </c>
      <c r="AS21" s="124">
        <v>5.03</v>
      </c>
      <c r="AT21" s="76">
        <v>4.41</v>
      </c>
      <c r="AU21" s="76">
        <v>3.36</v>
      </c>
      <c r="AV21" s="76">
        <v>1.41</v>
      </c>
      <c r="AW21" s="76">
        <v>3.26</v>
      </c>
      <c r="AX21" s="8">
        <v>3.34</v>
      </c>
      <c r="AY21" s="76">
        <v>3.28</v>
      </c>
      <c r="AZ21" s="76">
        <v>3.43</v>
      </c>
      <c r="BA21" s="76">
        <v>2.97</v>
      </c>
      <c r="BB21" s="76">
        <v>3.52</v>
      </c>
      <c r="BC21" s="76">
        <v>2.94</v>
      </c>
      <c r="BD21" s="76">
        <v>2.41</v>
      </c>
    </row>
    <row r="22" spans="3:56" x14ac:dyDescent="0.2">
      <c r="C22" s="5" t="s">
        <v>65</v>
      </c>
      <c r="D22" s="6" t="s">
        <v>58</v>
      </c>
      <c r="E22" s="76">
        <v>1.6258333333333335</v>
      </c>
      <c r="F22" s="76">
        <v>1.75</v>
      </c>
      <c r="G22" s="76">
        <v>1.99</v>
      </c>
      <c r="H22" s="76">
        <v>1.71</v>
      </c>
      <c r="I22" s="76">
        <v>2.2999999999999998</v>
      </c>
      <c r="J22" s="76">
        <v>1.28</v>
      </c>
      <c r="K22" s="8">
        <v>1.6</v>
      </c>
      <c r="L22" s="76">
        <v>2.15</v>
      </c>
      <c r="M22" s="76">
        <v>0.75</v>
      </c>
      <c r="N22" s="76">
        <v>1.35</v>
      </c>
      <c r="O22" s="76">
        <v>1.35</v>
      </c>
      <c r="P22" s="8">
        <v>2.89</v>
      </c>
      <c r="Q22" s="76">
        <v>1.85</v>
      </c>
      <c r="R22" s="76">
        <v>2.08</v>
      </c>
      <c r="S22" s="76">
        <v>1.03</v>
      </c>
      <c r="T22" s="76">
        <v>2.0099999999999998</v>
      </c>
      <c r="U22" s="76">
        <v>1.81</v>
      </c>
      <c r="V22" s="76">
        <v>1.6</v>
      </c>
      <c r="W22" s="62">
        <v>1.08</v>
      </c>
      <c r="X22" s="76">
        <v>1.95</v>
      </c>
      <c r="Y22" s="76">
        <v>0.88</v>
      </c>
      <c r="Z22" s="76">
        <v>3.02</v>
      </c>
      <c r="AA22" s="76">
        <v>1.34</v>
      </c>
      <c r="AB22" s="76">
        <v>0.92</v>
      </c>
      <c r="AC22" s="76">
        <v>2.11</v>
      </c>
      <c r="AD22" s="76">
        <v>2.35</v>
      </c>
      <c r="AE22" s="76">
        <v>2.79</v>
      </c>
      <c r="AF22" s="76">
        <v>1.85</v>
      </c>
      <c r="AG22" s="76">
        <v>1.33</v>
      </c>
      <c r="AH22" s="76">
        <v>2.4500000000000002</v>
      </c>
      <c r="AI22" s="76">
        <v>2.5099999999999998</v>
      </c>
      <c r="AJ22" s="76">
        <v>2.2799999999999998</v>
      </c>
      <c r="AK22" s="76">
        <v>2.5499999999999998</v>
      </c>
      <c r="AL22" s="76">
        <v>2.11</v>
      </c>
      <c r="AM22" s="124">
        <v>2.1800000000000002</v>
      </c>
      <c r="AN22" s="124">
        <v>2.14</v>
      </c>
      <c r="AO22" s="124">
        <v>1.72</v>
      </c>
      <c r="AP22" s="124">
        <v>1.31</v>
      </c>
      <c r="AQ22" s="124">
        <v>2.35</v>
      </c>
      <c r="AR22" s="124">
        <v>1.82</v>
      </c>
      <c r="AS22" s="124">
        <v>1.49</v>
      </c>
      <c r="AT22" s="76">
        <v>0.86</v>
      </c>
      <c r="AU22" s="76">
        <v>0.8</v>
      </c>
      <c r="AV22" s="76">
        <v>1.1299999999999999</v>
      </c>
      <c r="AW22" s="76">
        <v>1.77</v>
      </c>
      <c r="AX22" s="8">
        <v>0.61</v>
      </c>
      <c r="AY22" s="76">
        <v>0.61</v>
      </c>
      <c r="AZ22" s="76">
        <v>0.85</v>
      </c>
      <c r="BA22" s="76">
        <v>0.87</v>
      </c>
      <c r="BB22" s="76">
        <v>1.43</v>
      </c>
      <c r="BC22" s="76">
        <v>2.98</v>
      </c>
      <c r="BD22" s="76">
        <v>2.77</v>
      </c>
    </row>
    <row r="23" spans="3:56" x14ac:dyDescent="0.2">
      <c r="C23" s="5" t="s">
        <v>66</v>
      </c>
      <c r="D23" s="6" t="s">
        <v>58</v>
      </c>
      <c r="E23" s="40">
        <v>4.4916666666666671</v>
      </c>
      <c r="F23" s="76">
        <v>2.34</v>
      </c>
      <c r="G23" s="76">
        <v>1.78</v>
      </c>
      <c r="H23" s="76">
        <v>1.1399999999999999</v>
      </c>
      <c r="I23" s="76">
        <v>2.06</v>
      </c>
      <c r="J23" s="76">
        <v>3.4</v>
      </c>
      <c r="K23" s="8">
        <v>2.8</v>
      </c>
      <c r="L23" s="76">
        <v>2.35</v>
      </c>
      <c r="M23" s="76">
        <v>1.54</v>
      </c>
      <c r="N23" s="76">
        <v>2.99</v>
      </c>
      <c r="O23" s="76">
        <v>2.76</v>
      </c>
      <c r="P23" s="8">
        <v>4.07</v>
      </c>
      <c r="Q23" s="76">
        <v>2.12</v>
      </c>
      <c r="R23" s="76">
        <v>1.38</v>
      </c>
      <c r="S23" s="76">
        <v>3.51</v>
      </c>
      <c r="T23" s="76">
        <v>1.33</v>
      </c>
      <c r="U23" s="76">
        <v>1.55</v>
      </c>
      <c r="V23" s="76">
        <v>2.06</v>
      </c>
      <c r="W23" s="62">
        <v>1.92</v>
      </c>
      <c r="X23" s="76">
        <v>2.0699999999999998</v>
      </c>
      <c r="Y23" s="76">
        <v>1.44</v>
      </c>
      <c r="Z23" s="76">
        <v>1.74</v>
      </c>
      <c r="AA23" s="76">
        <v>2.2400000000000002</v>
      </c>
      <c r="AB23" s="76">
        <v>1.0900000000000001</v>
      </c>
      <c r="AC23" s="76">
        <v>2.2400000000000002</v>
      </c>
      <c r="AD23" s="76">
        <v>2.34</v>
      </c>
      <c r="AE23" s="76">
        <v>1.67</v>
      </c>
      <c r="AF23" s="76">
        <v>1.02</v>
      </c>
      <c r="AG23" s="76">
        <v>2.59</v>
      </c>
      <c r="AH23" s="76">
        <v>1.1599999999999999</v>
      </c>
      <c r="AI23" s="76">
        <v>1.1499999999999999</v>
      </c>
      <c r="AJ23" s="76">
        <v>1.06</v>
      </c>
      <c r="AK23" s="76">
        <v>1.1299999999999999</v>
      </c>
      <c r="AL23" s="76">
        <v>1.4</v>
      </c>
      <c r="AM23" s="124">
        <v>1.29</v>
      </c>
      <c r="AN23" s="124">
        <v>0.91</v>
      </c>
      <c r="AO23" s="124">
        <v>0.87</v>
      </c>
      <c r="AP23" s="124">
        <v>1.1000000000000001</v>
      </c>
      <c r="AQ23" s="124">
        <v>2.29</v>
      </c>
      <c r="AR23" s="124">
        <v>0.87</v>
      </c>
      <c r="AS23" s="124">
        <v>0.91</v>
      </c>
      <c r="AT23" s="76">
        <v>0.96</v>
      </c>
      <c r="AU23" s="76">
        <v>0.64</v>
      </c>
      <c r="AV23" s="76">
        <v>1.72</v>
      </c>
      <c r="AW23" s="76">
        <v>1.02</v>
      </c>
      <c r="AX23" s="8">
        <v>0.77</v>
      </c>
      <c r="AY23" s="76">
        <v>1.29</v>
      </c>
      <c r="AZ23" s="76">
        <v>1.62</v>
      </c>
      <c r="BA23" s="76">
        <v>1.1000000000000001</v>
      </c>
      <c r="BB23" s="76">
        <v>1.58</v>
      </c>
      <c r="BC23" s="76">
        <v>2.4</v>
      </c>
      <c r="BD23" s="76">
        <v>3.56</v>
      </c>
    </row>
    <row r="24" spans="3:56" x14ac:dyDescent="0.2">
      <c r="C24" s="5" t="s">
        <v>116</v>
      </c>
      <c r="D24" s="6" t="s">
        <v>58</v>
      </c>
      <c r="E24" s="76">
        <v>7.3416666666666659</v>
      </c>
      <c r="F24" s="76">
        <v>7.85</v>
      </c>
      <c r="G24" s="76">
        <v>8.48</v>
      </c>
      <c r="H24" s="76">
        <v>7.66</v>
      </c>
      <c r="I24" s="76">
        <v>7.51</v>
      </c>
      <c r="J24" s="76">
        <v>5.48</v>
      </c>
      <c r="K24" s="8">
        <v>5.78</v>
      </c>
      <c r="L24" s="76">
        <v>6.18</v>
      </c>
      <c r="M24" s="76">
        <v>5.29</v>
      </c>
      <c r="N24" s="76">
        <v>6.25</v>
      </c>
      <c r="O24" s="76">
        <v>5.91</v>
      </c>
      <c r="P24" s="8">
        <v>4.59</v>
      </c>
      <c r="Q24" s="76">
        <v>4.74</v>
      </c>
      <c r="R24" s="76">
        <v>4.55</v>
      </c>
      <c r="S24" s="76">
        <v>5.46</v>
      </c>
      <c r="T24" s="76">
        <v>5.21</v>
      </c>
      <c r="U24" s="76">
        <v>5.55</v>
      </c>
      <c r="V24" s="76">
        <v>4.59</v>
      </c>
      <c r="W24" s="62">
        <v>4.51</v>
      </c>
      <c r="X24" s="76">
        <v>4.3</v>
      </c>
      <c r="Y24" s="76">
        <v>3.98</v>
      </c>
      <c r="Z24" s="76">
        <v>3.97</v>
      </c>
      <c r="AA24" s="76">
        <v>4.37</v>
      </c>
      <c r="AB24" s="76">
        <v>4.46</v>
      </c>
      <c r="AC24" s="76">
        <v>4.2</v>
      </c>
      <c r="AD24" s="76">
        <v>3.29</v>
      </c>
      <c r="AE24" s="76">
        <v>4.37</v>
      </c>
      <c r="AF24" s="76">
        <v>4.13</v>
      </c>
      <c r="AG24" s="76">
        <v>4.4000000000000004</v>
      </c>
      <c r="AH24" s="76">
        <v>5.3</v>
      </c>
      <c r="AI24" s="76">
        <v>2.2400000000000002</v>
      </c>
      <c r="AJ24" s="76">
        <v>4.88</v>
      </c>
      <c r="AK24" s="76">
        <v>3.27</v>
      </c>
      <c r="AL24" s="76" t="s">
        <v>90</v>
      </c>
      <c r="AM24" s="124">
        <v>4.87</v>
      </c>
      <c r="AN24" s="124">
        <v>3.35</v>
      </c>
      <c r="AO24" s="124">
        <v>3.67</v>
      </c>
      <c r="AP24" s="124">
        <v>3.86</v>
      </c>
      <c r="AQ24" s="124">
        <v>4.28</v>
      </c>
      <c r="AR24" s="124">
        <v>5.5</v>
      </c>
      <c r="AS24" s="124">
        <v>5.26</v>
      </c>
      <c r="AT24" s="76">
        <v>5.1100000000000003</v>
      </c>
      <c r="AU24" s="76">
        <v>5.33</v>
      </c>
      <c r="AV24" s="76">
        <v>2.62</v>
      </c>
      <c r="AW24" s="76">
        <v>4.83</v>
      </c>
      <c r="AX24" s="8">
        <v>5.47</v>
      </c>
      <c r="AY24" s="76">
        <v>5.37</v>
      </c>
      <c r="AZ24" s="76">
        <v>5.73</v>
      </c>
      <c r="BA24" s="76">
        <v>4.75</v>
      </c>
      <c r="BB24" s="76">
        <v>6.09</v>
      </c>
      <c r="BC24" s="76">
        <v>3.63</v>
      </c>
      <c r="BD24" s="76">
        <v>4.8600000000000003</v>
      </c>
    </row>
    <row r="25" spans="3:56" x14ac:dyDescent="0.2">
      <c r="C25" s="5" t="s">
        <v>68</v>
      </c>
      <c r="D25" s="6" t="s">
        <v>58</v>
      </c>
      <c r="E25" s="76">
        <v>1.0682508095238095</v>
      </c>
      <c r="F25" s="76">
        <v>1.36</v>
      </c>
      <c r="G25" s="76">
        <v>1.32</v>
      </c>
      <c r="H25" s="76">
        <v>1.61</v>
      </c>
      <c r="I25" s="76">
        <v>1.37</v>
      </c>
      <c r="J25" s="76">
        <v>1.07</v>
      </c>
      <c r="K25" s="8">
        <v>0.99</v>
      </c>
      <c r="L25" s="76">
        <v>1.51</v>
      </c>
      <c r="M25" s="76">
        <v>1.36</v>
      </c>
      <c r="N25" s="76">
        <v>0.92</v>
      </c>
      <c r="O25" s="76">
        <v>1.22</v>
      </c>
      <c r="P25" s="8">
        <v>1.03</v>
      </c>
      <c r="Q25" s="76">
        <v>1.59</v>
      </c>
      <c r="R25" s="76">
        <v>1.69</v>
      </c>
      <c r="S25" s="76">
        <v>0.82</v>
      </c>
      <c r="T25" s="76">
        <v>0.85</v>
      </c>
      <c r="U25" s="76">
        <v>0.73</v>
      </c>
      <c r="V25" s="76">
        <v>0.66</v>
      </c>
      <c r="W25" s="62">
        <v>0.92</v>
      </c>
      <c r="X25" s="76">
        <v>1.06</v>
      </c>
      <c r="Y25" s="76">
        <v>1.34</v>
      </c>
      <c r="Z25" s="76">
        <v>1.6</v>
      </c>
      <c r="AA25" s="76">
        <v>1.36</v>
      </c>
      <c r="AB25" s="76">
        <v>1</v>
      </c>
      <c r="AC25" s="76">
        <v>0.86</v>
      </c>
      <c r="AD25" s="76">
        <v>0.97</v>
      </c>
      <c r="AE25" s="76">
        <v>0.92</v>
      </c>
      <c r="AF25" s="76">
        <v>1.52</v>
      </c>
      <c r="AG25" s="76">
        <v>1.01</v>
      </c>
      <c r="AH25" s="76">
        <v>0.77</v>
      </c>
      <c r="AI25" s="76">
        <v>0.85</v>
      </c>
      <c r="AJ25" s="76">
        <v>1.29</v>
      </c>
      <c r="AK25" s="76">
        <v>0.28999999999999998</v>
      </c>
      <c r="AL25" s="76">
        <v>1.02</v>
      </c>
      <c r="AM25" s="76">
        <v>1.05</v>
      </c>
      <c r="AN25" s="76">
        <v>0.94</v>
      </c>
      <c r="AO25" s="76">
        <v>0.71</v>
      </c>
      <c r="AP25" s="124">
        <v>0.51</v>
      </c>
      <c r="AQ25" s="76">
        <v>0.5</v>
      </c>
      <c r="AR25" s="76">
        <v>0.68</v>
      </c>
      <c r="AS25" s="76">
        <v>0.77</v>
      </c>
      <c r="AT25" s="76">
        <v>0.82</v>
      </c>
      <c r="AU25" s="76">
        <v>0.77</v>
      </c>
      <c r="AV25" s="76">
        <v>0.39</v>
      </c>
      <c r="AW25" s="76">
        <v>0.87</v>
      </c>
      <c r="AX25" s="8">
        <v>0.73</v>
      </c>
      <c r="AY25" s="76">
        <v>0.89</v>
      </c>
      <c r="AZ25" s="76">
        <v>1.07</v>
      </c>
      <c r="BA25" s="76">
        <v>0.71</v>
      </c>
      <c r="BB25" s="76">
        <v>0.84</v>
      </c>
      <c r="BC25" s="76">
        <v>0.95</v>
      </c>
      <c r="BD25" s="76">
        <v>1.7</v>
      </c>
    </row>
    <row r="26" spans="3:56" x14ac:dyDescent="0.2">
      <c r="C26" s="5" t="s">
        <v>69</v>
      </c>
      <c r="D26" s="6" t="s">
        <v>58</v>
      </c>
      <c r="E26" s="76" t="s">
        <v>90</v>
      </c>
      <c r="F26" s="76" t="s">
        <v>90</v>
      </c>
      <c r="G26" s="76" t="s">
        <v>90</v>
      </c>
      <c r="H26" s="76" t="s">
        <v>90</v>
      </c>
      <c r="I26" s="76" t="s">
        <v>90</v>
      </c>
      <c r="J26" s="76" t="s">
        <v>90</v>
      </c>
      <c r="K26" s="8" t="s">
        <v>90</v>
      </c>
      <c r="L26" s="76" t="s">
        <v>90</v>
      </c>
      <c r="M26" s="76" t="s">
        <v>90</v>
      </c>
      <c r="N26" s="76" t="s">
        <v>90</v>
      </c>
      <c r="O26" s="76" t="s">
        <v>90</v>
      </c>
      <c r="P26" s="8" t="s">
        <v>90</v>
      </c>
      <c r="Q26" s="76" t="s">
        <v>90</v>
      </c>
      <c r="R26" s="76" t="s">
        <v>90</v>
      </c>
      <c r="S26" s="76" t="s">
        <v>90</v>
      </c>
      <c r="T26" s="76">
        <v>0.86</v>
      </c>
      <c r="U26" s="76">
        <v>0.81</v>
      </c>
      <c r="V26" s="76">
        <v>0.5</v>
      </c>
      <c r="W26" s="62">
        <v>0.75</v>
      </c>
      <c r="X26" s="76">
        <v>0.98</v>
      </c>
      <c r="Y26" s="76">
        <v>0.94</v>
      </c>
      <c r="Z26" s="76">
        <v>0.74</v>
      </c>
      <c r="AA26" s="76">
        <v>0.67</v>
      </c>
      <c r="AB26" s="76">
        <v>0.69</v>
      </c>
      <c r="AC26" s="76">
        <v>0.66</v>
      </c>
      <c r="AD26" s="76">
        <v>0.78</v>
      </c>
      <c r="AE26" s="76">
        <v>0.68</v>
      </c>
      <c r="AF26" s="76">
        <v>0.91</v>
      </c>
      <c r="AG26" s="76">
        <v>0.83</v>
      </c>
      <c r="AH26" s="76">
        <v>1.1100000000000001</v>
      </c>
      <c r="AI26" s="76">
        <v>0.74</v>
      </c>
      <c r="AJ26" s="76">
        <v>1.18</v>
      </c>
      <c r="AK26" s="76">
        <v>1.37</v>
      </c>
      <c r="AL26" s="76">
        <v>1.48</v>
      </c>
      <c r="AM26" s="76">
        <v>0.95</v>
      </c>
      <c r="AN26" s="76">
        <v>1.21</v>
      </c>
      <c r="AO26" s="76">
        <v>1.28</v>
      </c>
      <c r="AP26" s="124">
        <v>1.42</v>
      </c>
      <c r="AQ26" s="76">
        <v>1.71</v>
      </c>
      <c r="AR26" s="76">
        <v>1.67</v>
      </c>
      <c r="AS26" s="76">
        <v>1.08</v>
      </c>
      <c r="AT26" s="76">
        <v>1.33</v>
      </c>
      <c r="AU26" s="76">
        <v>0.93</v>
      </c>
      <c r="AV26" s="76">
        <v>1.1299999999999999</v>
      </c>
      <c r="AW26" s="76">
        <v>1.35</v>
      </c>
      <c r="AX26" s="8">
        <v>1.57</v>
      </c>
      <c r="AY26" s="76">
        <v>0.98</v>
      </c>
      <c r="AZ26" s="76">
        <v>1.1499999999999999</v>
      </c>
      <c r="BA26" s="76">
        <v>1.22</v>
      </c>
      <c r="BB26" s="76">
        <v>1.56</v>
      </c>
      <c r="BC26" s="76">
        <v>1.44</v>
      </c>
      <c r="BD26" s="76">
        <v>1.71</v>
      </c>
    </row>
    <row r="27" spans="3:56" x14ac:dyDescent="0.2">
      <c r="C27" s="5" t="s">
        <v>70</v>
      </c>
      <c r="D27" s="6" t="s">
        <v>58</v>
      </c>
      <c r="E27" s="76">
        <v>1.8873333333333335</v>
      </c>
      <c r="F27" s="76">
        <v>4.2</v>
      </c>
      <c r="G27" s="76">
        <v>2.75</v>
      </c>
      <c r="H27" s="76">
        <v>3.13</v>
      </c>
      <c r="I27" s="76">
        <v>2.85</v>
      </c>
      <c r="J27" s="76">
        <v>2.82</v>
      </c>
      <c r="K27" s="8">
        <v>2.64</v>
      </c>
      <c r="L27" s="76">
        <v>2.89</v>
      </c>
      <c r="M27" s="76">
        <v>2.79</v>
      </c>
      <c r="N27" s="76">
        <v>1.1100000000000001</v>
      </c>
      <c r="O27" s="76">
        <v>0.59</v>
      </c>
      <c r="P27" s="8">
        <v>1.07</v>
      </c>
      <c r="Q27" s="76">
        <v>0.93</v>
      </c>
      <c r="R27" s="76">
        <v>0.99</v>
      </c>
      <c r="S27" s="76">
        <v>1.03</v>
      </c>
      <c r="T27" s="76">
        <v>1.1399999999999999</v>
      </c>
      <c r="U27" s="76">
        <v>1.1299999999999999</v>
      </c>
      <c r="V27" s="76">
        <v>1.85</v>
      </c>
      <c r="W27" s="62">
        <v>1.3</v>
      </c>
      <c r="X27" s="76">
        <v>2.02</v>
      </c>
      <c r="Y27" s="76">
        <v>2.2999999999999998</v>
      </c>
      <c r="Z27" s="76">
        <v>1.68</v>
      </c>
      <c r="AA27" s="76">
        <v>1.04</v>
      </c>
      <c r="AB27" s="76">
        <v>1.75</v>
      </c>
      <c r="AC27" s="76">
        <v>1.27</v>
      </c>
      <c r="AD27" s="76">
        <v>0.83</v>
      </c>
      <c r="AE27" s="76">
        <v>1.38</v>
      </c>
      <c r="AF27" s="76">
        <v>1.04</v>
      </c>
      <c r="AG27" s="76">
        <v>1.46</v>
      </c>
      <c r="AH27" s="76">
        <v>0.85</v>
      </c>
      <c r="AI27" s="76">
        <v>1.1499999999999999</v>
      </c>
      <c r="AJ27" s="76">
        <v>1.94</v>
      </c>
      <c r="AK27" s="76">
        <v>1.49</v>
      </c>
      <c r="AL27" s="76">
        <v>3.57</v>
      </c>
      <c r="AM27" s="76">
        <v>1.83</v>
      </c>
      <c r="AN27" s="76">
        <v>0.59</v>
      </c>
      <c r="AO27" s="76">
        <v>0.74</v>
      </c>
      <c r="AP27" s="124">
        <v>0.72</v>
      </c>
      <c r="AQ27" s="76">
        <v>1.68</v>
      </c>
      <c r="AR27" s="76">
        <v>0.54</v>
      </c>
      <c r="AS27" s="76">
        <v>2.35</v>
      </c>
      <c r="AT27" s="76">
        <v>0.84</v>
      </c>
      <c r="AU27" s="76">
        <v>1.2</v>
      </c>
      <c r="AV27" s="76">
        <v>1.1299999999999999</v>
      </c>
      <c r="AW27" s="76">
        <v>1.1200000000000001</v>
      </c>
      <c r="AX27" s="8">
        <v>2.4500000000000002</v>
      </c>
      <c r="AY27" s="76">
        <v>1.84</v>
      </c>
      <c r="AZ27" s="76">
        <v>2.91</v>
      </c>
      <c r="BA27" s="76">
        <v>3.08</v>
      </c>
      <c r="BB27" s="76">
        <v>2.95</v>
      </c>
      <c r="BC27" s="76">
        <v>3.04</v>
      </c>
      <c r="BD27" s="76">
        <v>3.4</v>
      </c>
    </row>
    <row r="28" spans="3:56" x14ac:dyDescent="0.2">
      <c r="C28" s="5" t="s">
        <v>101</v>
      </c>
      <c r="D28" s="6" t="s">
        <v>58</v>
      </c>
      <c r="E28" s="40">
        <v>6.5333333333333341</v>
      </c>
      <c r="F28" s="76">
        <v>6.43</v>
      </c>
      <c r="G28" s="76">
        <v>6.14</v>
      </c>
      <c r="H28" s="76">
        <v>6.44</v>
      </c>
      <c r="I28" s="76">
        <v>6.14</v>
      </c>
      <c r="J28" s="76">
        <v>6.96</v>
      </c>
      <c r="K28" s="8">
        <v>6.58</v>
      </c>
      <c r="L28" s="119">
        <v>6.32</v>
      </c>
      <c r="M28" s="17">
        <v>6.66</v>
      </c>
      <c r="N28" s="76">
        <v>4.92</v>
      </c>
      <c r="O28" s="94">
        <v>6.65</v>
      </c>
      <c r="P28" s="8">
        <v>6.92</v>
      </c>
      <c r="Q28" s="76" t="s">
        <v>90</v>
      </c>
      <c r="R28" s="76" t="s">
        <v>90</v>
      </c>
      <c r="S28" s="76" t="s">
        <v>90</v>
      </c>
      <c r="T28" s="76" t="s">
        <v>90</v>
      </c>
      <c r="U28" s="119" t="s">
        <v>90</v>
      </c>
      <c r="V28" s="76">
        <v>6.94</v>
      </c>
      <c r="W28" s="62">
        <v>6.43</v>
      </c>
      <c r="X28" s="8">
        <v>5.87</v>
      </c>
      <c r="Y28" s="119">
        <v>7.61</v>
      </c>
      <c r="Z28" s="76">
        <v>5.84</v>
      </c>
      <c r="AA28" s="76">
        <v>7.06</v>
      </c>
      <c r="AB28" s="76">
        <v>6.66</v>
      </c>
      <c r="AC28" s="76">
        <v>8.44</v>
      </c>
      <c r="AD28" s="76">
        <v>4.29</v>
      </c>
      <c r="AE28" s="76">
        <v>4.07</v>
      </c>
      <c r="AF28" s="76">
        <v>3.61</v>
      </c>
      <c r="AG28" s="76">
        <v>3.69</v>
      </c>
      <c r="AH28" s="76">
        <v>3.5</v>
      </c>
      <c r="AI28" s="76">
        <v>3.47</v>
      </c>
      <c r="AJ28" s="76">
        <v>3.62</v>
      </c>
      <c r="AK28" s="76">
        <v>0.64</v>
      </c>
      <c r="AL28" s="76">
        <v>3.77</v>
      </c>
      <c r="AM28" s="76">
        <v>4.16</v>
      </c>
      <c r="AN28" s="76">
        <v>4.5</v>
      </c>
      <c r="AO28" s="76" t="s">
        <v>90</v>
      </c>
      <c r="AP28" s="124" t="s">
        <v>90</v>
      </c>
      <c r="AQ28" s="76">
        <v>4.9800000000000004</v>
      </c>
      <c r="AR28" s="76">
        <v>5.46</v>
      </c>
      <c r="AS28" s="124" t="s">
        <v>90</v>
      </c>
      <c r="AT28" s="76" t="s">
        <v>90</v>
      </c>
      <c r="AU28" s="76" t="s">
        <v>90</v>
      </c>
      <c r="AV28" s="76" t="s">
        <v>90</v>
      </c>
      <c r="AW28" s="76" t="s">
        <v>90</v>
      </c>
      <c r="AX28" s="76" t="s">
        <v>90</v>
      </c>
      <c r="AY28" s="76" t="s">
        <v>90</v>
      </c>
      <c r="AZ28" s="8" t="s">
        <v>90</v>
      </c>
      <c r="BA28" s="76" t="s">
        <v>90</v>
      </c>
      <c r="BB28" s="76" t="s">
        <v>90</v>
      </c>
      <c r="BC28" s="76" t="s">
        <v>90</v>
      </c>
      <c r="BD28" s="76" t="s">
        <v>90</v>
      </c>
    </row>
    <row r="29" spans="3:56" x14ac:dyDescent="0.2">
      <c r="C29" s="5" t="s">
        <v>71</v>
      </c>
      <c r="D29" s="6" t="s">
        <v>58</v>
      </c>
      <c r="E29" s="76">
        <v>3.35</v>
      </c>
      <c r="F29" s="76">
        <v>3.4</v>
      </c>
      <c r="G29" s="76">
        <v>3.4</v>
      </c>
      <c r="H29" s="76">
        <v>3.4</v>
      </c>
      <c r="I29" s="76">
        <v>3.4</v>
      </c>
      <c r="J29" s="119" t="s">
        <v>165</v>
      </c>
      <c r="K29" s="8">
        <v>3.45</v>
      </c>
      <c r="L29" s="119">
        <v>3.45</v>
      </c>
      <c r="M29" s="76" t="s">
        <v>90</v>
      </c>
      <c r="N29" s="76" t="s">
        <v>90</v>
      </c>
      <c r="O29" s="76">
        <v>3.4</v>
      </c>
      <c r="P29" s="8">
        <v>3.45</v>
      </c>
      <c r="Q29" s="76" t="s">
        <v>90</v>
      </c>
      <c r="R29" s="76">
        <v>3.45</v>
      </c>
      <c r="S29" s="76">
        <v>3.45</v>
      </c>
      <c r="T29" s="76" t="s">
        <v>90</v>
      </c>
      <c r="U29" s="119" t="s">
        <v>90</v>
      </c>
      <c r="V29" s="76">
        <v>3.45</v>
      </c>
      <c r="W29" s="62">
        <v>3.45</v>
      </c>
      <c r="X29" s="8" t="s">
        <v>90</v>
      </c>
      <c r="Y29" s="76" t="s">
        <v>90</v>
      </c>
      <c r="Z29" s="76">
        <v>3.5</v>
      </c>
      <c r="AA29" s="76" t="s">
        <v>90</v>
      </c>
      <c r="AB29" s="76">
        <v>3.5</v>
      </c>
      <c r="AC29" s="76">
        <v>3.55</v>
      </c>
      <c r="AD29" s="94">
        <v>3.5</v>
      </c>
      <c r="AE29" s="94" t="s">
        <v>90</v>
      </c>
      <c r="AF29" s="94" t="s">
        <v>90</v>
      </c>
      <c r="AG29" s="94" t="s">
        <v>90</v>
      </c>
      <c r="AH29" s="94" t="s">
        <v>90</v>
      </c>
      <c r="AI29" s="94" t="s">
        <v>90</v>
      </c>
      <c r="AJ29" s="94" t="s">
        <v>90</v>
      </c>
      <c r="AK29" s="94" t="s">
        <v>90</v>
      </c>
      <c r="AL29" s="94" t="s">
        <v>90</v>
      </c>
      <c r="AM29" s="76">
        <v>3.5</v>
      </c>
      <c r="AN29" s="76">
        <v>3.55</v>
      </c>
      <c r="AO29" s="76">
        <v>3.55</v>
      </c>
      <c r="AP29" s="124">
        <v>3.6</v>
      </c>
      <c r="AQ29" s="76">
        <v>3.6</v>
      </c>
      <c r="AR29" s="76">
        <v>3.5</v>
      </c>
      <c r="AS29" s="76">
        <v>3.4</v>
      </c>
      <c r="AT29" s="76">
        <v>3.4</v>
      </c>
      <c r="AU29" s="76">
        <v>3.45</v>
      </c>
      <c r="AV29" s="76">
        <v>3.45</v>
      </c>
      <c r="AW29" s="76">
        <v>3.4</v>
      </c>
      <c r="AX29" s="8">
        <v>3.4</v>
      </c>
      <c r="AY29" s="76">
        <v>3.3</v>
      </c>
      <c r="AZ29" s="8">
        <v>3.3</v>
      </c>
      <c r="BA29" s="76" t="s">
        <v>90</v>
      </c>
      <c r="BB29" s="76" t="s">
        <v>90</v>
      </c>
      <c r="BC29" s="76" t="s">
        <v>90</v>
      </c>
      <c r="BD29" s="76" t="s">
        <v>90</v>
      </c>
    </row>
    <row r="30" spans="3:56" x14ac:dyDescent="0.2">
      <c r="C30" s="5" t="s">
        <v>102</v>
      </c>
      <c r="D30" s="6" t="s">
        <v>58</v>
      </c>
      <c r="E30" s="76">
        <v>4.43</v>
      </c>
      <c r="F30" s="76">
        <v>4.5599999999999996</v>
      </c>
      <c r="G30" s="76">
        <v>4.8499999999999996</v>
      </c>
      <c r="H30" s="76">
        <v>4.6500000000000004</v>
      </c>
      <c r="I30" s="76">
        <v>4.66</v>
      </c>
      <c r="J30" s="76">
        <v>4.5999999999999996</v>
      </c>
      <c r="K30" s="8">
        <v>4.59</v>
      </c>
      <c r="L30" s="76">
        <v>4.6100000000000003</v>
      </c>
      <c r="M30" s="76">
        <v>4.58</v>
      </c>
      <c r="N30" s="76">
        <v>4.58</v>
      </c>
      <c r="O30" s="76">
        <v>4.5999999999999996</v>
      </c>
      <c r="P30" s="8">
        <v>4.47</v>
      </c>
      <c r="Q30" s="76">
        <v>4.38</v>
      </c>
      <c r="R30" s="76">
        <v>4.5</v>
      </c>
      <c r="S30" s="76">
        <v>4.7300000000000004</v>
      </c>
      <c r="T30" s="76">
        <v>4.72</v>
      </c>
      <c r="U30" s="119">
        <v>4.76</v>
      </c>
      <c r="V30" s="76">
        <v>4.5</v>
      </c>
      <c r="W30" s="62">
        <v>4.5</v>
      </c>
      <c r="X30" s="76">
        <v>4.5</v>
      </c>
      <c r="Y30" s="76">
        <v>4.5999999999999996</v>
      </c>
      <c r="Z30" s="76" t="s">
        <v>90</v>
      </c>
      <c r="AA30" s="76">
        <v>4.7699999999999996</v>
      </c>
      <c r="AB30" s="76">
        <v>4.74</v>
      </c>
      <c r="AC30" s="76" t="s">
        <v>90</v>
      </c>
      <c r="AD30" s="76">
        <v>4.78</v>
      </c>
      <c r="AE30" s="76">
        <v>4.5599999999999996</v>
      </c>
      <c r="AF30" s="76">
        <v>4.49</v>
      </c>
      <c r="AG30" s="76">
        <v>4.47</v>
      </c>
      <c r="AH30" s="76">
        <v>4.46</v>
      </c>
      <c r="AI30" s="76">
        <v>4.46</v>
      </c>
      <c r="AJ30" s="76">
        <v>4.2699999999999996</v>
      </c>
      <c r="AK30" s="76">
        <v>4.2</v>
      </c>
      <c r="AL30" s="76">
        <v>4.2300000000000004</v>
      </c>
      <c r="AM30" s="76">
        <v>4.41</v>
      </c>
      <c r="AN30" s="76">
        <v>4.46</v>
      </c>
      <c r="AO30" s="76">
        <v>4.46</v>
      </c>
      <c r="AP30" s="124">
        <v>4.55</v>
      </c>
      <c r="AQ30" s="76">
        <v>4.3899999999999997</v>
      </c>
      <c r="AR30" s="76">
        <v>4.28</v>
      </c>
      <c r="AS30" s="76">
        <v>4.38</v>
      </c>
      <c r="AT30" s="76">
        <v>4.1100000000000003</v>
      </c>
      <c r="AU30" s="76">
        <v>3.82</v>
      </c>
      <c r="AV30" s="76">
        <v>3.74</v>
      </c>
      <c r="AW30" s="76">
        <v>3.68</v>
      </c>
      <c r="AX30" s="8">
        <v>3.81</v>
      </c>
      <c r="AY30" s="76">
        <v>3.96</v>
      </c>
      <c r="AZ30" s="76">
        <v>3.992</v>
      </c>
      <c r="BA30" s="76">
        <v>3.91</v>
      </c>
      <c r="BB30" s="76">
        <v>4.03</v>
      </c>
      <c r="BC30" s="76">
        <v>4.1900000000000004</v>
      </c>
      <c r="BD30" s="76">
        <v>4.1900000000000004</v>
      </c>
    </row>
    <row r="31" spans="3:56" x14ac:dyDescent="0.2">
      <c r="C31" s="5" t="s">
        <v>72</v>
      </c>
      <c r="D31" s="6" t="s">
        <v>58</v>
      </c>
      <c r="E31" s="76">
        <v>6.47</v>
      </c>
      <c r="F31" s="76">
        <v>6.47</v>
      </c>
      <c r="G31" s="76">
        <v>5.77</v>
      </c>
      <c r="H31" s="76">
        <v>5.77</v>
      </c>
      <c r="I31" s="76">
        <v>5.77</v>
      </c>
      <c r="J31" s="76">
        <v>5.77</v>
      </c>
      <c r="K31" s="8">
        <v>5.77</v>
      </c>
      <c r="L31" s="76">
        <v>5.77</v>
      </c>
      <c r="M31" s="76">
        <v>6.22</v>
      </c>
      <c r="N31" s="76">
        <v>6.22</v>
      </c>
      <c r="O31" s="76">
        <v>6.22</v>
      </c>
      <c r="P31" s="8">
        <v>6.22</v>
      </c>
      <c r="Q31" s="76">
        <v>6.22</v>
      </c>
      <c r="R31" s="76">
        <v>6.22</v>
      </c>
      <c r="S31" s="76">
        <v>6.21</v>
      </c>
      <c r="T31" s="76">
        <v>6.21</v>
      </c>
      <c r="U31" s="76">
        <v>6.21</v>
      </c>
      <c r="V31" s="76">
        <v>6.21</v>
      </c>
      <c r="W31" s="62">
        <v>6.21</v>
      </c>
      <c r="X31" s="76">
        <v>6.21</v>
      </c>
      <c r="Y31" s="76">
        <v>6.21</v>
      </c>
      <c r="Z31" s="76">
        <v>6.2</v>
      </c>
      <c r="AA31" s="76">
        <v>6.21</v>
      </c>
      <c r="AB31" s="76">
        <v>6.21</v>
      </c>
      <c r="AC31" s="76">
        <v>6.21</v>
      </c>
      <c r="AD31" s="76">
        <v>6.21</v>
      </c>
      <c r="AE31" s="76">
        <v>6.21</v>
      </c>
      <c r="AF31" s="76">
        <v>6.98</v>
      </c>
      <c r="AG31" s="76" t="s">
        <v>90</v>
      </c>
      <c r="AH31" s="76" t="s">
        <v>90</v>
      </c>
      <c r="AI31" s="76">
        <v>6.1</v>
      </c>
      <c r="AJ31" s="76">
        <v>5.85</v>
      </c>
      <c r="AK31" s="76" t="s">
        <v>90</v>
      </c>
      <c r="AL31" s="76" t="s">
        <v>90</v>
      </c>
      <c r="AM31" s="76">
        <v>6.98</v>
      </c>
      <c r="AN31" s="76">
        <v>6.98</v>
      </c>
      <c r="AO31" s="76">
        <v>6.98</v>
      </c>
      <c r="AP31" s="76">
        <v>6.98</v>
      </c>
      <c r="AQ31" s="76">
        <v>6.98</v>
      </c>
      <c r="AR31" s="76">
        <v>7.44</v>
      </c>
      <c r="AS31" s="76">
        <v>7.44</v>
      </c>
      <c r="AT31" s="76">
        <v>7.44</v>
      </c>
      <c r="AU31" s="76">
        <v>7.44</v>
      </c>
      <c r="AV31" s="76">
        <v>6.02</v>
      </c>
      <c r="AW31" s="76">
        <v>6.02</v>
      </c>
      <c r="AX31" s="8">
        <v>6.02</v>
      </c>
      <c r="AY31" s="76">
        <v>6.02</v>
      </c>
      <c r="AZ31" s="76">
        <v>6.02</v>
      </c>
      <c r="BA31" s="76">
        <v>6.02</v>
      </c>
      <c r="BB31" s="76">
        <v>6.02</v>
      </c>
      <c r="BC31" s="76">
        <v>6.02</v>
      </c>
      <c r="BD31" s="76">
        <v>6.02</v>
      </c>
    </row>
    <row r="32" spans="3:56" x14ac:dyDescent="0.2">
      <c r="C32" s="5" t="s">
        <v>136</v>
      </c>
      <c r="D32" s="6" t="s">
        <v>58</v>
      </c>
      <c r="E32" s="40">
        <v>4.33</v>
      </c>
      <c r="F32" s="76" t="s">
        <v>90</v>
      </c>
      <c r="G32" s="76" t="s">
        <v>90</v>
      </c>
      <c r="H32" s="76" t="s">
        <v>90</v>
      </c>
      <c r="I32" s="119" t="s">
        <v>90</v>
      </c>
      <c r="J32" s="76" t="s">
        <v>90</v>
      </c>
      <c r="K32" s="8" t="s">
        <v>90</v>
      </c>
      <c r="L32" s="76">
        <v>3.5</v>
      </c>
      <c r="M32" s="76" t="s">
        <v>90</v>
      </c>
      <c r="N32" s="76" t="s">
        <v>90</v>
      </c>
      <c r="O32" s="76" t="s">
        <v>90</v>
      </c>
      <c r="P32" s="8">
        <v>3.53</v>
      </c>
      <c r="Q32" s="76">
        <v>1.45</v>
      </c>
      <c r="R32" s="76">
        <v>4.05</v>
      </c>
      <c r="S32" s="76" t="s">
        <v>90</v>
      </c>
      <c r="T32" s="76">
        <v>3.2</v>
      </c>
      <c r="U32" s="76">
        <v>3.29</v>
      </c>
      <c r="V32" s="76" t="s">
        <v>90</v>
      </c>
      <c r="W32" s="62" t="s">
        <v>90</v>
      </c>
      <c r="X32" s="76" t="s">
        <v>90</v>
      </c>
      <c r="Y32" s="76" t="s">
        <v>90</v>
      </c>
      <c r="Z32" s="76" t="s">
        <v>90</v>
      </c>
      <c r="AA32" s="76" t="s">
        <v>90</v>
      </c>
      <c r="AB32" s="76" t="s">
        <v>90</v>
      </c>
      <c r="AC32" s="76">
        <v>2.75</v>
      </c>
      <c r="AD32" s="76">
        <v>2.37</v>
      </c>
      <c r="AE32" s="76">
        <v>2</v>
      </c>
      <c r="AF32" s="76" t="s">
        <v>90</v>
      </c>
      <c r="AG32" s="76">
        <v>4.2</v>
      </c>
      <c r="AH32" s="76" t="s">
        <v>90</v>
      </c>
      <c r="AI32" s="76" t="s">
        <v>90</v>
      </c>
      <c r="AJ32" s="76" t="s">
        <v>90</v>
      </c>
      <c r="AK32" s="76" t="s">
        <v>90</v>
      </c>
      <c r="AL32" s="76" t="s">
        <v>90</v>
      </c>
      <c r="AM32" s="76" t="s">
        <v>90</v>
      </c>
      <c r="AN32" s="76" t="s">
        <v>90</v>
      </c>
      <c r="AO32" s="76" t="s">
        <v>90</v>
      </c>
      <c r="AP32" s="76">
        <v>2.69</v>
      </c>
      <c r="AQ32" s="76">
        <v>3</v>
      </c>
      <c r="AR32" s="76">
        <v>3.59</v>
      </c>
      <c r="AS32" s="76">
        <v>4.0199999999999996</v>
      </c>
      <c r="AT32" s="76" t="s">
        <v>90</v>
      </c>
      <c r="AU32" s="76">
        <v>3.48</v>
      </c>
      <c r="AV32" s="76" t="s">
        <v>90</v>
      </c>
      <c r="AW32" s="76">
        <v>4.67</v>
      </c>
      <c r="AX32" s="8">
        <v>3.47</v>
      </c>
      <c r="AY32" s="76">
        <v>4.22</v>
      </c>
      <c r="AZ32" s="76">
        <v>4.55</v>
      </c>
      <c r="BA32" s="76">
        <v>3.73</v>
      </c>
      <c r="BB32" s="76">
        <v>3.74</v>
      </c>
      <c r="BC32" s="76" t="s">
        <v>90</v>
      </c>
      <c r="BD32" s="76">
        <v>6.09</v>
      </c>
    </row>
    <row r="33" spans="3:56" x14ac:dyDescent="0.2">
      <c r="C33" s="5" t="s">
        <v>74</v>
      </c>
      <c r="D33" s="6" t="s">
        <v>58</v>
      </c>
      <c r="E33" s="76">
        <v>0.8</v>
      </c>
      <c r="F33" s="76" t="s">
        <v>90</v>
      </c>
      <c r="G33" s="76" t="s">
        <v>90</v>
      </c>
      <c r="H33" s="76" t="s">
        <v>90</v>
      </c>
      <c r="I33" s="76">
        <v>0.8</v>
      </c>
      <c r="J33" s="76">
        <v>0.8</v>
      </c>
      <c r="K33" s="8" t="s">
        <v>90</v>
      </c>
      <c r="L33" s="76" t="s">
        <v>90</v>
      </c>
      <c r="M33" s="76" t="s">
        <v>90</v>
      </c>
      <c r="N33" s="76" t="s">
        <v>90</v>
      </c>
      <c r="O33" s="76" t="s">
        <v>90</v>
      </c>
      <c r="P33" s="8" t="s">
        <v>90</v>
      </c>
      <c r="Q33" s="76" t="s">
        <v>90</v>
      </c>
      <c r="R33" s="76">
        <v>0.8</v>
      </c>
      <c r="S33" s="76">
        <v>0.8</v>
      </c>
      <c r="T33" s="76">
        <v>0.8</v>
      </c>
      <c r="U33" s="76">
        <v>0.8</v>
      </c>
      <c r="V33" s="76">
        <v>0.8</v>
      </c>
      <c r="W33" s="62">
        <v>0.8</v>
      </c>
      <c r="X33" s="76">
        <v>0.8</v>
      </c>
      <c r="Y33" s="76" t="s">
        <v>90</v>
      </c>
      <c r="Z33" s="76" t="s">
        <v>90</v>
      </c>
      <c r="AA33" s="76" t="s">
        <v>90</v>
      </c>
      <c r="AB33" s="76" t="s">
        <v>90</v>
      </c>
      <c r="AC33" s="76" t="s">
        <v>90</v>
      </c>
      <c r="AD33" s="94" t="s">
        <v>90</v>
      </c>
      <c r="AE33" s="94">
        <v>0.8</v>
      </c>
      <c r="AF33" s="94">
        <v>0.75</v>
      </c>
      <c r="AG33" s="94">
        <v>0.8</v>
      </c>
      <c r="AH33" s="94">
        <v>0.8</v>
      </c>
      <c r="AI33" s="94">
        <v>0.8</v>
      </c>
      <c r="AJ33" s="94" t="s">
        <v>90</v>
      </c>
      <c r="AK33" s="94" t="s">
        <v>90</v>
      </c>
      <c r="AL33" s="94" t="s">
        <v>90</v>
      </c>
      <c r="AM33" s="76">
        <v>0.8</v>
      </c>
      <c r="AN33" s="76" t="s">
        <v>90</v>
      </c>
      <c r="AO33" s="76">
        <v>0.8</v>
      </c>
      <c r="AP33" s="76">
        <v>0.8</v>
      </c>
      <c r="AQ33" s="76" t="s">
        <v>90</v>
      </c>
      <c r="AR33" s="76">
        <v>0.8</v>
      </c>
      <c r="AS33" s="76">
        <v>0.8</v>
      </c>
      <c r="AT33" s="76">
        <v>0.8</v>
      </c>
      <c r="AU33" s="76">
        <v>0.8</v>
      </c>
      <c r="AV33" s="76">
        <v>0.8</v>
      </c>
      <c r="AW33" s="76">
        <v>0.8</v>
      </c>
      <c r="AX33" s="8" t="s">
        <v>90</v>
      </c>
      <c r="AY33" s="76" t="s">
        <v>90</v>
      </c>
      <c r="AZ33" s="76" t="s">
        <v>90</v>
      </c>
      <c r="BA33" s="76" t="s">
        <v>90</v>
      </c>
      <c r="BB33" s="76" t="s">
        <v>90</v>
      </c>
      <c r="BC33" s="76" t="s">
        <v>90</v>
      </c>
      <c r="BD33" s="76" t="s">
        <v>90</v>
      </c>
    </row>
    <row r="34" spans="3:56" x14ac:dyDescent="0.2">
      <c r="C34" s="16" t="s">
        <v>134</v>
      </c>
      <c r="D34" s="6" t="s">
        <v>58</v>
      </c>
      <c r="E34" s="40">
        <v>0.1</v>
      </c>
      <c r="F34" s="40">
        <v>0.09</v>
      </c>
      <c r="G34" s="8">
        <v>0.08</v>
      </c>
      <c r="H34" s="40">
        <v>0.08</v>
      </c>
      <c r="I34" s="40">
        <v>0.09</v>
      </c>
      <c r="J34" s="40">
        <v>0.1</v>
      </c>
      <c r="K34" s="8">
        <v>0.12</v>
      </c>
      <c r="L34" s="8">
        <v>0.12</v>
      </c>
      <c r="M34" s="8">
        <v>0.15</v>
      </c>
      <c r="N34" s="8">
        <v>0.18</v>
      </c>
      <c r="O34" s="40">
        <v>0.22</v>
      </c>
      <c r="P34" s="8">
        <v>0.28000000000000003</v>
      </c>
      <c r="Q34" s="8">
        <v>0.33</v>
      </c>
      <c r="R34" s="8">
        <v>0.38</v>
      </c>
      <c r="S34" s="40">
        <v>0.41</v>
      </c>
      <c r="T34" s="40">
        <v>0.44</v>
      </c>
      <c r="U34" s="40">
        <v>0.41</v>
      </c>
      <c r="V34" s="40">
        <v>0.45</v>
      </c>
      <c r="W34" s="111">
        <v>0.45</v>
      </c>
      <c r="X34" s="40">
        <v>0.44</v>
      </c>
      <c r="Y34" s="40">
        <v>0.44</v>
      </c>
      <c r="Z34" s="40">
        <v>0.44</v>
      </c>
      <c r="AA34" s="8">
        <v>0.42</v>
      </c>
      <c r="AB34" s="8">
        <v>0.41</v>
      </c>
      <c r="AC34" s="40">
        <v>0.41</v>
      </c>
      <c r="AD34" s="17">
        <v>0.38</v>
      </c>
      <c r="AE34" s="40">
        <v>0.35</v>
      </c>
      <c r="AF34" s="40">
        <v>0.35</v>
      </c>
      <c r="AG34" s="8">
        <v>0.34</v>
      </c>
      <c r="AH34" s="40">
        <v>0.25</v>
      </c>
      <c r="AI34" s="40">
        <v>0.32</v>
      </c>
      <c r="AJ34" s="40">
        <v>0.28000000000000003</v>
      </c>
      <c r="AK34" s="40">
        <v>0.28000000000000003</v>
      </c>
      <c r="AL34" s="40">
        <v>0.28000000000000003</v>
      </c>
      <c r="AM34" s="123">
        <v>0.27</v>
      </c>
      <c r="AN34" s="40">
        <v>0.25</v>
      </c>
      <c r="AO34" s="40">
        <v>0.25</v>
      </c>
      <c r="AP34" s="40">
        <v>0.25</v>
      </c>
      <c r="AQ34" s="40">
        <v>0.24</v>
      </c>
      <c r="AR34" s="40">
        <v>0.24</v>
      </c>
      <c r="AS34" s="123">
        <v>0.23829485052359825</v>
      </c>
      <c r="AT34" s="8">
        <v>0.24314689473630854</v>
      </c>
      <c r="AU34" s="40">
        <v>0.25</v>
      </c>
      <c r="AV34" s="8">
        <v>0.25</v>
      </c>
      <c r="AW34" s="8">
        <v>0.25</v>
      </c>
      <c r="AX34" s="8">
        <v>0.25</v>
      </c>
      <c r="AY34" s="40">
        <v>0.25</v>
      </c>
      <c r="AZ34" s="8">
        <v>0.26</v>
      </c>
      <c r="BA34" s="8">
        <v>0.26</v>
      </c>
      <c r="BB34" s="8">
        <v>0.27</v>
      </c>
      <c r="BC34" s="40">
        <v>0.28000000000000003</v>
      </c>
      <c r="BD34" s="40">
        <v>0.28999999999999998</v>
      </c>
    </row>
    <row r="35" spans="3:56" x14ac:dyDescent="0.2">
      <c r="C35" s="89" t="s">
        <v>79</v>
      </c>
      <c r="D35" s="6" t="s">
        <v>58</v>
      </c>
      <c r="E35" s="40">
        <v>0.46</v>
      </c>
      <c r="F35" s="40">
        <v>0.48</v>
      </c>
      <c r="G35" s="8">
        <v>0.49</v>
      </c>
      <c r="H35" s="40">
        <v>0.47</v>
      </c>
      <c r="I35" s="40">
        <v>0.47</v>
      </c>
      <c r="J35" s="40">
        <v>0.52</v>
      </c>
      <c r="K35" s="8">
        <v>0.48</v>
      </c>
      <c r="L35" s="8">
        <v>0.48</v>
      </c>
      <c r="M35" s="8">
        <v>0.5</v>
      </c>
      <c r="N35" s="8">
        <v>0.47</v>
      </c>
      <c r="O35" s="40">
        <v>0.45</v>
      </c>
      <c r="P35" s="8">
        <v>0.45</v>
      </c>
      <c r="Q35" s="8">
        <v>0.43</v>
      </c>
      <c r="R35" s="8">
        <v>0.43</v>
      </c>
      <c r="S35" s="40">
        <v>0.42</v>
      </c>
      <c r="T35" s="40">
        <v>0.42</v>
      </c>
      <c r="U35" s="40">
        <v>0.42</v>
      </c>
      <c r="V35" s="40">
        <v>0.43</v>
      </c>
      <c r="W35" s="111">
        <v>0.44</v>
      </c>
      <c r="X35" s="40">
        <v>0.44</v>
      </c>
      <c r="Y35" s="40">
        <v>0.44</v>
      </c>
      <c r="Z35" s="40">
        <v>0.43</v>
      </c>
      <c r="AA35" s="8">
        <v>0.43</v>
      </c>
      <c r="AB35" s="8">
        <v>0.44</v>
      </c>
      <c r="AC35" s="40">
        <v>0.44</v>
      </c>
      <c r="AD35" s="17">
        <v>0.45</v>
      </c>
      <c r="AE35" s="40">
        <v>0.45</v>
      </c>
      <c r="AF35" s="40">
        <v>0.45</v>
      </c>
      <c r="AG35" s="8">
        <v>0.45</v>
      </c>
      <c r="AH35" s="40">
        <v>0.45</v>
      </c>
      <c r="AI35" s="40">
        <v>0.47</v>
      </c>
      <c r="AJ35" s="40">
        <v>0.45</v>
      </c>
      <c r="AK35" s="40">
        <v>0.45</v>
      </c>
      <c r="AL35" s="40">
        <v>0.46</v>
      </c>
      <c r="AM35" s="123">
        <v>0.46</v>
      </c>
      <c r="AN35" s="40">
        <v>0.45</v>
      </c>
      <c r="AO35" s="40">
        <v>0.45</v>
      </c>
      <c r="AP35" s="40">
        <v>0.44</v>
      </c>
      <c r="AQ35" s="40">
        <v>0.44</v>
      </c>
      <c r="AR35" s="40">
        <v>0.45</v>
      </c>
      <c r="AS35" s="123">
        <v>0.45647183728207424</v>
      </c>
      <c r="AT35" s="8">
        <v>0.45393942780509611</v>
      </c>
      <c r="AU35" s="40">
        <v>0.47</v>
      </c>
      <c r="AV35" s="8">
        <v>0.45</v>
      </c>
      <c r="AW35" s="8">
        <v>0.45</v>
      </c>
      <c r="AX35" s="8">
        <v>0.48</v>
      </c>
      <c r="AY35" s="40">
        <v>0.48</v>
      </c>
      <c r="AZ35" s="8">
        <v>0.47</v>
      </c>
      <c r="BA35" s="8">
        <v>0.44</v>
      </c>
      <c r="BB35" s="8">
        <v>0.44</v>
      </c>
      <c r="BC35" s="40">
        <v>0.45</v>
      </c>
      <c r="BD35" s="40">
        <v>0.44</v>
      </c>
    </row>
    <row r="36" spans="3:56" x14ac:dyDescent="0.2">
      <c r="C36" s="89" t="s">
        <v>80</v>
      </c>
      <c r="D36" s="6" t="s">
        <v>58</v>
      </c>
      <c r="E36" s="116">
        <v>0.28999999999999998</v>
      </c>
      <c r="F36" s="40">
        <v>0.65</v>
      </c>
      <c r="G36" s="8">
        <v>0.72</v>
      </c>
      <c r="H36" s="40">
        <v>0.42</v>
      </c>
      <c r="I36" s="40">
        <v>0.43</v>
      </c>
      <c r="J36" s="40">
        <v>0.98</v>
      </c>
      <c r="K36" s="8">
        <v>0.39</v>
      </c>
      <c r="L36" s="8">
        <v>0.34</v>
      </c>
      <c r="M36" s="8">
        <v>0.46</v>
      </c>
      <c r="N36" s="8">
        <v>0.4</v>
      </c>
      <c r="O36" s="40">
        <v>0.34</v>
      </c>
      <c r="P36" s="8">
        <v>0.51</v>
      </c>
      <c r="Q36" s="8">
        <v>0.46</v>
      </c>
      <c r="R36" s="8">
        <v>0.28999999999999998</v>
      </c>
      <c r="S36" s="40">
        <v>0.31</v>
      </c>
      <c r="T36" s="40">
        <v>0.25</v>
      </c>
      <c r="U36" s="40">
        <v>0.28000000000000003</v>
      </c>
      <c r="V36" s="40">
        <v>0.35</v>
      </c>
      <c r="W36" s="111">
        <v>0.46</v>
      </c>
      <c r="X36" s="40">
        <v>0.37</v>
      </c>
      <c r="Y36" s="40">
        <v>0.22</v>
      </c>
      <c r="Z36" s="40">
        <v>0.16</v>
      </c>
      <c r="AA36" s="8">
        <v>0.18</v>
      </c>
      <c r="AB36" s="8">
        <v>0.19</v>
      </c>
      <c r="AC36" s="40">
        <v>0.2</v>
      </c>
      <c r="AD36" s="17">
        <v>0.18</v>
      </c>
      <c r="AE36" s="40">
        <v>0.22</v>
      </c>
      <c r="AF36" s="40">
        <v>0.26</v>
      </c>
      <c r="AG36" s="8">
        <v>0.33</v>
      </c>
      <c r="AH36" s="40">
        <v>0.3</v>
      </c>
      <c r="AI36" s="40">
        <v>0.3</v>
      </c>
      <c r="AJ36" s="40">
        <v>0.28999999999999998</v>
      </c>
      <c r="AK36" s="40">
        <v>0.3</v>
      </c>
      <c r="AL36" s="40">
        <v>0.34</v>
      </c>
      <c r="AM36" s="123">
        <v>0.38</v>
      </c>
      <c r="AN36" s="40">
        <v>0.34</v>
      </c>
      <c r="AO36" s="40">
        <v>0.3</v>
      </c>
      <c r="AP36" s="40">
        <v>0.23</v>
      </c>
      <c r="AQ36" s="40">
        <v>0.18</v>
      </c>
      <c r="AR36" s="40">
        <v>0.32</v>
      </c>
      <c r="AS36" s="123">
        <v>0.48183027286783564</v>
      </c>
      <c r="AT36" s="8">
        <v>0.57019650701057722</v>
      </c>
      <c r="AU36" s="40">
        <v>0.57999999999999996</v>
      </c>
      <c r="AV36" s="8">
        <v>0.87</v>
      </c>
      <c r="AW36" s="8">
        <v>1.01</v>
      </c>
      <c r="AX36" s="8">
        <v>0.83</v>
      </c>
      <c r="AY36" s="40">
        <v>0.67</v>
      </c>
      <c r="AZ36" s="8">
        <v>0.62</v>
      </c>
      <c r="BA36" s="8">
        <v>0.46</v>
      </c>
      <c r="BB36" s="8">
        <v>0.34</v>
      </c>
      <c r="BC36" s="40">
        <v>0.28999999999999998</v>
      </c>
      <c r="BD36" s="116">
        <v>0.2</v>
      </c>
    </row>
    <row r="37" spans="3:56" x14ac:dyDescent="0.2">
      <c r="C37" s="16" t="s">
        <v>122</v>
      </c>
      <c r="D37" s="6" t="s">
        <v>58</v>
      </c>
      <c r="E37" s="40">
        <v>0.25</v>
      </c>
      <c r="F37" s="40">
        <v>0.26</v>
      </c>
      <c r="G37" s="8">
        <v>0.26</v>
      </c>
      <c r="H37" s="40">
        <v>0.26</v>
      </c>
      <c r="I37" s="40">
        <v>0.23</v>
      </c>
      <c r="J37" s="40">
        <v>0.23</v>
      </c>
      <c r="K37" s="8">
        <v>0.23</v>
      </c>
      <c r="L37" s="8">
        <v>0.21</v>
      </c>
      <c r="M37" s="8">
        <v>0.23</v>
      </c>
      <c r="N37" s="8">
        <v>0.26</v>
      </c>
      <c r="O37" s="40">
        <v>0.3</v>
      </c>
      <c r="P37" s="8">
        <v>0.35</v>
      </c>
      <c r="Q37" s="8">
        <v>0.39</v>
      </c>
      <c r="R37" s="8">
        <v>0.34</v>
      </c>
      <c r="S37" s="40">
        <v>0.3</v>
      </c>
      <c r="T37" s="40">
        <v>0.3</v>
      </c>
      <c r="U37" s="40">
        <v>0.31</v>
      </c>
      <c r="V37" s="40">
        <v>0.33</v>
      </c>
      <c r="W37" s="111">
        <v>0.36</v>
      </c>
      <c r="X37" s="40">
        <v>0.36</v>
      </c>
      <c r="Y37" s="40">
        <v>0.33</v>
      </c>
      <c r="Z37" s="40">
        <v>0.33</v>
      </c>
      <c r="AA37" s="8">
        <v>0.36</v>
      </c>
      <c r="AB37" s="8">
        <v>0.37</v>
      </c>
      <c r="AC37" s="40">
        <v>0.36</v>
      </c>
      <c r="AD37" s="17">
        <v>0.35</v>
      </c>
      <c r="AE37" s="40">
        <v>0.3</v>
      </c>
      <c r="AF37" s="40">
        <v>0.25</v>
      </c>
      <c r="AG37" s="8">
        <v>0.21</v>
      </c>
      <c r="AH37" s="40">
        <v>0.17</v>
      </c>
      <c r="AI37" s="40">
        <v>0.2</v>
      </c>
      <c r="AJ37" s="40">
        <v>0.21</v>
      </c>
      <c r="AK37" s="40">
        <v>0.2</v>
      </c>
      <c r="AL37" s="40">
        <v>0.16</v>
      </c>
      <c r="AM37" s="123">
        <v>0.16</v>
      </c>
      <c r="AN37" s="40">
        <v>0.14000000000000001</v>
      </c>
      <c r="AO37" s="40">
        <v>0.17</v>
      </c>
      <c r="AP37" s="40">
        <v>0.17</v>
      </c>
      <c r="AQ37" s="40">
        <v>0.17</v>
      </c>
      <c r="AR37" s="40">
        <v>0.17</v>
      </c>
      <c r="AS37" s="123">
        <v>0.17467891035277441</v>
      </c>
      <c r="AT37" s="8">
        <v>0.16959153129408025</v>
      </c>
      <c r="AU37" s="40">
        <v>0.16</v>
      </c>
      <c r="AV37" s="8">
        <v>0.16</v>
      </c>
      <c r="AW37" s="8">
        <v>0.15</v>
      </c>
      <c r="AX37" s="8">
        <v>0.2</v>
      </c>
      <c r="AY37" s="40">
        <v>0.2</v>
      </c>
      <c r="AZ37" s="8">
        <v>0.25</v>
      </c>
      <c r="BA37" s="8">
        <v>0.27</v>
      </c>
      <c r="BB37" s="8">
        <v>0.27</v>
      </c>
      <c r="BC37" s="40">
        <v>0.28000000000000003</v>
      </c>
      <c r="BD37" s="40">
        <v>0.28000000000000003</v>
      </c>
    </row>
    <row r="38" spans="3:56" x14ac:dyDescent="0.2">
      <c r="C38" s="16" t="s">
        <v>82</v>
      </c>
      <c r="D38" s="6" t="s">
        <v>58</v>
      </c>
      <c r="E38" s="40">
        <v>1.82</v>
      </c>
      <c r="F38" s="40">
        <v>2.12</v>
      </c>
      <c r="G38" s="8">
        <v>2.2799999999999998</v>
      </c>
      <c r="H38" s="40">
        <v>1.82</v>
      </c>
      <c r="I38" s="40">
        <v>1.95</v>
      </c>
      <c r="J38" s="40">
        <v>2.0099999999999998</v>
      </c>
      <c r="K38" s="8">
        <v>1.99</v>
      </c>
      <c r="L38" s="8">
        <v>1.86</v>
      </c>
      <c r="M38" s="8">
        <v>1.77</v>
      </c>
      <c r="N38" s="8">
        <v>2.12</v>
      </c>
      <c r="O38" s="40">
        <v>2.08</v>
      </c>
      <c r="P38" s="8">
        <v>2.61</v>
      </c>
      <c r="Q38" s="8">
        <v>2.12</v>
      </c>
      <c r="R38" s="8">
        <v>2.0099999999999998</v>
      </c>
      <c r="S38" s="40">
        <v>1.94</v>
      </c>
      <c r="T38" s="40">
        <v>1.98</v>
      </c>
      <c r="U38" s="40">
        <v>1.94</v>
      </c>
      <c r="V38" s="40">
        <v>1.75</v>
      </c>
      <c r="W38" s="111">
        <v>1.74</v>
      </c>
      <c r="X38" s="40">
        <v>1.75</v>
      </c>
      <c r="Y38" s="40">
        <v>1.6</v>
      </c>
      <c r="Z38" s="40">
        <v>1.6</v>
      </c>
      <c r="AA38" s="8">
        <v>1.34</v>
      </c>
      <c r="AB38" s="8">
        <v>1.26</v>
      </c>
      <c r="AC38" s="40">
        <v>1.2</v>
      </c>
      <c r="AD38" s="17">
        <v>1.5</v>
      </c>
      <c r="AE38" s="40">
        <v>1.22</v>
      </c>
      <c r="AF38" s="40">
        <v>1.3</v>
      </c>
      <c r="AG38" s="8">
        <v>1.34</v>
      </c>
      <c r="AH38" s="40">
        <v>1.66</v>
      </c>
      <c r="AI38" s="40">
        <v>1.44</v>
      </c>
      <c r="AJ38" s="40">
        <v>1.17</v>
      </c>
      <c r="AK38" s="40">
        <v>1.24</v>
      </c>
      <c r="AL38" s="40">
        <v>1.88</v>
      </c>
      <c r="AM38" s="123">
        <v>2.4500000000000002</v>
      </c>
      <c r="AN38" s="40">
        <v>2.14</v>
      </c>
      <c r="AO38" s="40">
        <v>1.66</v>
      </c>
      <c r="AP38" s="40">
        <v>1.57</v>
      </c>
      <c r="AQ38" s="40">
        <v>1.56</v>
      </c>
      <c r="AR38" s="40">
        <v>1.62</v>
      </c>
      <c r="AS38" s="123">
        <v>1.6440680602645079</v>
      </c>
      <c r="AT38" s="8">
        <v>1.7438552500126507</v>
      </c>
      <c r="AU38" s="40">
        <v>2.04</v>
      </c>
      <c r="AV38" s="8">
        <v>1.99</v>
      </c>
      <c r="AW38" s="8">
        <v>1.98</v>
      </c>
      <c r="AX38" s="8">
        <v>1.97</v>
      </c>
      <c r="AY38" s="40">
        <v>2.11</v>
      </c>
      <c r="AZ38" s="8">
        <v>2.15</v>
      </c>
      <c r="BA38" s="8">
        <v>2.2400000000000002</v>
      </c>
      <c r="BB38" s="8">
        <v>1.92</v>
      </c>
      <c r="BC38" s="40">
        <v>1.86</v>
      </c>
      <c r="BD38" s="40">
        <v>1.82</v>
      </c>
    </row>
    <row r="39" spans="3:56" x14ac:dyDescent="0.2">
      <c r="C39" s="16" t="s">
        <v>84</v>
      </c>
      <c r="D39" s="6" t="s">
        <v>85</v>
      </c>
      <c r="E39" s="40">
        <v>0.22</v>
      </c>
      <c r="F39" s="40">
        <v>0.18</v>
      </c>
      <c r="G39" s="8">
        <v>0.19</v>
      </c>
      <c r="H39" s="40">
        <v>0.17</v>
      </c>
      <c r="I39" s="40">
        <v>0.19</v>
      </c>
      <c r="J39" s="40">
        <v>0.2</v>
      </c>
      <c r="K39" s="8">
        <v>0.21</v>
      </c>
      <c r="L39" s="8">
        <v>0.2</v>
      </c>
      <c r="M39" s="8">
        <v>0.2</v>
      </c>
      <c r="N39" s="8">
        <v>0.19</v>
      </c>
      <c r="O39" s="40">
        <v>0.17</v>
      </c>
      <c r="P39" s="8">
        <v>0.17</v>
      </c>
      <c r="Q39" s="8">
        <v>0.18</v>
      </c>
      <c r="R39" s="8">
        <v>0.18</v>
      </c>
      <c r="S39" s="40">
        <v>0.21</v>
      </c>
      <c r="T39" s="40">
        <v>0.23</v>
      </c>
      <c r="U39" s="40">
        <v>0.23</v>
      </c>
      <c r="V39" s="40">
        <v>0.22</v>
      </c>
      <c r="W39" s="111">
        <v>0.26</v>
      </c>
      <c r="X39" s="40">
        <v>0.27</v>
      </c>
      <c r="Y39" s="40">
        <v>0.3</v>
      </c>
      <c r="Z39" s="40">
        <v>0.26</v>
      </c>
      <c r="AA39" s="8">
        <v>0.26</v>
      </c>
      <c r="AB39" s="8">
        <v>0.25</v>
      </c>
      <c r="AC39" s="40">
        <v>0.24</v>
      </c>
      <c r="AD39" s="17">
        <v>0.23</v>
      </c>
      <c r="AE39" s="40">
        <v>0.26</v>
      </c>
      <c r="AF39" s="40">
        <v>0.28999999999999998</v>
      </c>
      <c r="AG39" s="8">
        <v>0.28999999999999998</v>
      </c>
      <c r="AH39" s="40">
        <v>0.21</v>
      </c>
      <c r="AI39" s="40">
        <v>0.24</v>
      </c>
      <c r="AJ39" s="40">
        <v>0.27</v>
      </c>
      <c r="AK39" s="40">
        <v>0.27</v>
      </c>
      <c r="AL39" s="40">
        <v>0.24</v>
      </c>
      <c r="AM39" s="123">
        <v>0.23</v>
      </c>
      <c r="AN39" s="40">
        <v>0.21</v>
      </c>
      <c r="AO39" s="40">
        <v>0.21</v>
      </c>
      <c r="AP39" s="40">
        <v>0.22</v>
      </c>
      <c r="AQ39" s="40">
        <v>0.22</v>
      </c>
      <c r="AR39" s="40">
        <v>0.25</v>
      </c>
      <c r="AS39" s="123">
        <v>0.29002514479936187</v>
      </c>
      <c r="AT39" s="8">
        <v>0.29248395935213123</v>
      </c>
      <c r="AU39" s="40">
        <v>0.28999999999999998</v>
      </c>
      <c r="AV39" s="8">
        <v>0.26</v>
      </c>
      <c r="AW39" s="8">
        <v>0.27</v>
      </c>
      <c r="AX39" s="8">
        <v>0.34</v>
      </c>
      <c r="AY39" s="40">
        <v>0.34</v>
      </c>
      <c r="AZ39" s="8">
        <v>0.31</v>
      </c>
      <c r="BA39" s="8">
        <v>0.27</v>
      </c>
      <c r="BB39" s="8">
        <v>0.23</v>
      </c>
      <c r="BC39" s="40">
        <v>0.23</v>
      </c>
      <c r="BD39" s="40">
        <v>0.24</v>
      </c>
    </row>
    <row r="40" spans="3:56" x14ac:dyDescent="0.2">
      <c r="C40" s="16" t="s">
        <v>118</v>
      </c>
      <c r="D40" s="6" t="s">
        <v>58</v>
      </c>
      <c r="E40" s="40">
        <v>0.89</v>
      </c>
      <c r="F40" s="40">
        <v>0.81</v>
      </c>
      <c r="G40" s="8">
        <v>0.77</v>
      </c>
      <c r="H40" s="40">
        <v>0.8</v>
      </c>
      <c r="I40" s="40">
        <v>0.84</v>
      </c>
      <c r="J40" s="40">
        <v>0.88</v>
      </c>
      <c r="K40" s="8">
        <v>0.79</v>
      </c>
      <c r="L40" s="8">
        <v>0.82</v>
      </c>
      <c r="M40" s="8">
        <v>0.87</v>
      </c>
      <c r="N40" s="8">
        <v>0.93</v>
      </c>
      <c r="O40" s="40">
        <v>0.86</v>
      </c>
      <c r="P40" s="8">
        <v>0.91</v>
      </c>
      <c r="Q40" s="8">
        <v>0.9</v>
      </c>
      <c r="R40" s="8">
        <v>0.85</v>
      </c>
      <c r="S40" s="40">
        <v>0.75</v>
      </c>
      <c r="T40" s="40">
        <v>0.79</v>
      </c>
      <c r="U40" s="40">
        <v>0.89</v>
      </c>
      <c r="V40" s="40">
        <v>0.88</v>
      </c>
      <c r="W40" s="111">
        <v>0.73</v>
      </c>
      <c r="X40" s="40">
        <v>0.67</v>
      </c>
      <c r="Y40" s="40">
        <v>0.55000000000000004</v>
      </c>
      <c r="Z40" s="40">
        <v>0.56999999999999995</v>
      </c>
      <c r="AA40" s="8">
        <v>0.55000000000000004</v>
      </c>
      <c r="AB40" s="8">
        <v>0.49</v>
      </c>
      <c r="AC40" s="40">
        <v>0.5</v>
      </c>
      <c r="AD40" s="17">
        <v>0.49</v>
      </c>
      <c r="AE40" s="40">
        <v>0.54</v>
      </c>
      <c r="AF40" s="40">
        <v>0.52</v>
      </c>
      <c r="AG40" s="8">
        <v>0.53</v>
      </c>
      <c r="AH40" s="40">
        <v>0.42</v>
      </c>
      <c r="AI40" s="40">
        <v>0.52</v>
      </c>
      <c r="AJ40" s="40">
        <v>0.48</v>
      </c>
      <c r="AK40" s="40">
        <v>0.44</v>
      </c>
      <c r="AL40" s="40">
        <v>0.42</v>
      </c>
      <c r="AM40" s="123">
        <v>0.45</v>
      </c>
      <c r="AN40" s="40">
        <v>0.43</v>
      </c>
      <c r="AO40" s="40">
        <v>0.42</v>
      </c>
      <c r="AP40" s="40">
        <v>0.44</v>
      </c>
      <c r="AQ40" s="40">
        <v>0.44</v>
      </c>
      <c r="AR40" s="40">
        <v>0.41</v>
      </c>
      <c r="AS40" s="123">
        <v>0.44111015622128286</v>
      </c>
      <c r="AT40" s="8">
        <v>0.49312024811615507</v>
      </c>
      <c r="AU40" s="40">
        <v>0.41</v>
      </c>
      <c r="AV40" s="8">
        <v>0.47</v>
      </c>
      <c r="AW40" s="8">
        <v>0.45</v>
      </c>
      <c r="AX40" s="8">
        <v>0.45</v>
      </c>
      <c r="AY40" s="40">
        <v>0.51</v>
      </c>
      <c r="AZ40" s="8">
        <v>0.5</v>
      </c>
      <c r="BA40" s="8">
        <v>0.61</v>
      </c>
      <c r="BB40" s="8">
        <v>0.67</v>
      </c>
      <c r="BC40" s="40">
        <v>0.62</v>
      </c>
      <c r="BD40" s="40">
        <v>0.77</v>
      </c>
    </row>
    <row r="41" spans="3:56" x14ac:dyDescent="0.2">
      <c r="C41" s="16" t="s">
        <v>104</v>
      </c>
      <c r="D41" s="6" t="s">
        <v>58</v>
      </c>
      <c r="E41" s="40">
        <v>0.56999999999999995</v>
      </c>
      <c r="F41" s="40">
        <v>0.54</v>
      </c>
      <c r="G41" s="8">
        <v>0.48</v>
      </c>
      <c r="H41" s="40">
        <v>0.4</v>
      </c>
      <c r="I41" s="40">
        <v>0.42</v>
      </c>
      <c r="J41" s="40">
        <v>0.45</v>
      </c>
      <c r="K41" s="8">
        <v>0.46</v>
      </c>
      <c r="L41" s="8">
        <v>0.47</v>
      </c>
      <c r="M41" s="8">
        <v>0.52</v>
      </c>
      <c r="N41" s="8">
        <v>0.5</v>
      </c>
      <c r="O41" s="40">
        <v>0.41</v>
      </c>
      <c r="P41" s="8">
        <v>0.43</v>
      </c>
      <c r="Q41" s="8">
        <v>0.5</v>
      </c>
      <c r="R41" s="8">
        <v>0.51</v>
      </c>
      <c r="S41" s="40">
        <v>0.42</v>
      </c>
      <c r="T41" s="40">
        <v>0.43</v>
      </c>
      <c r="U41" s="40">
        <v>0.45</v>
      </c>
      <c r="V41" s="40">
        <v>0.48</v>
      </c>
      <c r="W41" s="111">
        <v>0.56000000000000005</v>
      </c>
      <c r="X41" s="40">
        <v>0.5</v>
      </c>
      <c r="Y41" s="40">
        <v>0.4</v>
      </c>
      <c r="Z41" s="40">
        <v>0.36</v>
      </c>
      <c r="AA41" s="8">
        <v>0.36</v>
      </c>
      <c r="AB41" s="8">
        <v>0.4</v>
      </c>
      <c r="AC41" s="40">
        <v>0.45</v>
      </c>
      <c r="AD41" s="17">
        <v>0.42</v>
      </c>
      <c r="AE41" s="40">
        <v>0.43</v>
      </c>
      <c r="AF41" s="40">
        <v>0.46</v>
      </c>
      <c r="AG41" s="8">
        <v>0.49</v>
      </c>
      <c r="AH41" s="40">
        <v>0.68</v>
      </c>
      <c r="AI41" s="40">
        <v>0.48</v>
      </c>
      <c r="AJ41" s="40">
        <v>0.52</v>
      </c>
      <c r="AK41" s="40">
        <v>0.47</v>
      </c>
      <c r="AL41" s="40">
        <v>0.46</v>
      </c>
      <c r="AM41" s="123">
        <v>0.5</v>
      </c>
      <c r="AN41" s="40">
        <v>0.53</v>
      </c>
      <c r="AO41" s="40">
        <v>0.68</v>
      </c>
      <c r="AP41" s="40">
        <v>0.82</v>
      </c>
      <c r="AQ41" s="40">
        <v>0.92</v>
      </c>
      <c r="AR41" s="40">
        <v>0.83</v>
      </c>
      <c r="AS41" s="123">
        <v>0.72571635902631948</v>
      </c>
      <c r="AT41" s="8">
        <v>0.76543674405399975</v>
      </c>
      <c r="AU41" s="40">
        <v>0.66</v>
      </c>
      <c r="AV41" s="8">
        <v>0.62</v>
      </c>
      <c r="AW41" s="8">
        <v>0.76</v>
      </c>
      <c r="AX41" s="8">
        <v>0.67</v>
      </c>
      <c r="AY41" s="40">
        <v>0.63</v>
      </c>
      <c r="AZ41" s="8">
        <v>0.66</v>
      </c>
      <c r="BA41" s="8">
        <v>0.62</v>
      </c>
      <c r="BB41" s="8">
        <v>0.7</v>
      </c>
      <c r="BC41" s="40">
        <v>0.56999999999999995</v>
      </c>
      <c r="BD41" s="40">
        <v>0.56000000000000005</v>
      </c>
    </row>
    <row r="42" spans="3:56" x14ac:dyDescent="0.2">
      <c r="C42" s="16" t="s">
        <v>87</v>
      </c>
      <c r="D42" s="6" t="s">
        <v>58</v>
      </c>
      <c r="E42" s="40">
        <v>0.13</v>
      </c>
      <c r="F42" s="40">
        <v>0.13</v>
      </c>
      <c r="G42" s="8">
        <v>0.14000000000000001</v>
      </c>
      <c r="H42" s="40">
        <v>0.16</v>
      </c>
      <c r="I42" s="40">
        <v>0.16</v>
      </c>
      <c r="J42" s="40">
        <v>0.16</v>
      </c>
      <c r="K42" s="8">
        <v>0.17</v>
      </c>
      <c r="L42" s="8">
        <v>0.17</v>
      </c>
      <c r="M42" s="8">
        <v>0.21</v>
      </c>
      <c r="N42" s="8">
        <v>0.24</v>
      </c>
      <c r="O42" s="40">
        <v>0.28000000000000003</v>
      </c>
      <c r="P42" s="8">
        <v>0.34</v>
      </c>
      <c r="Q42" s="8">
        <v>0.39</v>
      </c>
      <c r="R42" s="8">
        <v>0.44</v>
      </c>
      <c r="S42" s="40">
        <v>0.4</v>
      </c>
      <c r="T42" s="40">
        <v>0.4</v>
      </c>
      <c r="U42" s="40">
        <v>0.41</v>
      </c>
      <c r="V42" s="40">
        <v>0.42</v>
      </c>
      <c r="W42" s="111">
        <v>0.46</v>
      </c>
      <c r="X42" s="40">
        <v>0.46</v>
      </c>
      <c r="Y42" s="40">
        <v>0.46</v>
      </c>
      <c r="Z42" s="40">
        <v>0.46</v>
      </c>
      <c r="AA42" s="8">
        <v>0.41</v>
      </c>
      <c r="AB42" s="8">
        <v>0.41</v>
      </c>
      <c r="AC42" s="40">
        <v>0.41</v>
      </c>
      <c r="AD42" s="17">
        <v>0.41</v>
      </c>
      <c r="AE42" s="40">
        <v>0.36</v>
      </c>
      <c r="AF42" s="40">
        <v>0.28999999999999998</v>
      </c>
      <c r="AG42" s="8">
        <v>0.22</v>
      </c>
      <c r="AH42" s="40">
        <v>0.19</v>
      </c>
      <c r="AI42" s="40">
        <v>0.2</v>
      </c>
      <c r="AJ42" s="40">
        <v>0.19</v>
      </c>
      <c r="AK42" s="40">
        <v>0.19</v>
      </c>
      <c r="AL42" s="40">
        <v>0.19</v>
      </c>
      <c r="AM42" s="123">
        <v>0.19</v>
      </c>
      <c r="AN42" s="40">
        <v>0.19</v>
      </c>
      <c r="AO42" s="40">
        <v>0.19</v>
      </c>
      <c r="AP42" s="40">
        <v>0.18</v>
      </c>
      <c r="AQ42" s="40">
        <v>0.18</v>
      </c>
      <c r="AR42" s="40">
        <v>0.19</v>
      </c>
      <c r="AS42" s="123">
        <v>0.19</v>
      </c>
      <c r="AT42" s="8">
        <v>0.18673104040218258</v>
      </c>
      <c r="AU42" s="40">
        <v>0.19</v>
      </c>
      <c r="AV42" s="8">
        <v>0.2</v>
      </c>
      <c r="AW42" s="8">
        <v>0.2</v>
      </c>
      <c r="AX42" s="8">
        <v>0.2</v>
      </c>
      <c r="AY42" s="40">
        <v>0.2</v>
      </c>
      <c r="AZ42" s="8">
        <v>0.2</v>
      </c>
      <c r="BA42" s="8">
        <v>0.21</v>
      </c>
      <c r="BB42" s="8">
        <v>0.21</v>
      </c>
      <c r="BC42" s="40">
        <v>0.21</v>
      </c>
      <c r="BD42" s="40">
        <v>0.21</v>
      </c>
    </row>
    <row r="43" spans="3:56" x14ac:dyDescent="0.2">
      <c r="C43" s="16" t="s">
        <v>88</v>
      </c>
      <c r="D43" s="6" t="s">
        <v>58</v>
      </c>
      <c r="E43" s="40">
        <v>0.35</v>
      </c>
      <c r="F43" s="40">
        <v>0.38</v>
      </c>
      <c r="G43" s="8">
        <v>0.39</v>
      </c>
      <c r="H43" s="40">
        <v>0.39</v>
      </c>
      <c r="I43" s="40">
        <v>0.39</v>
      </c>
      <c r="J43" s="40">
        <v>0.4</v>
      </c>
      <c r="K43" s="8">
        <v>0.42</v>
      </c>
      <c r="L43" s="8">
        <v>0.41</v>
      </c>
      <c r="M43" s="17">
        <v>0.42</v>
      </c>
      <c r="N43" s="8">
        <v>0.4</v>
      </c>
      <c r="O43" s="40">
        <v>0.41</v>
      </c>
      <c r="P43" s="8">
        <v>0.41</v>
      </c>
      <c r="Q43" s="8">
        <v>0.42</v>
      </c>
      <c r="R43" s="8">
        <v>0.41</v>
      </c>
      <c r="S43" s="40">
        <v>0.42</v>
      </c>
      <c r="T43" s="40">
        <v>0.39</v>
      </c>
      <c r="U43" s="40">
        <v>0.54</v>
      </c>
      <c r="V43" s="40">
        <v>0.7</v>
      </c>
      <c r="W43" s="111">
        <v>0.79</v>
      </c>
      <c r="X43" s="40">
        <v>0.79</v>
      </c>
      <c r="Y43" s="40">
        <v>0.8</v>
      </c>
      <c r="Z43" s="40">
        <v>0.9</v>
      </c>
      <c r="AA43" s="8">
        <v>0.92</v>
      </c>
      <c r="AB43" s="8">
        <v>0.94</v>
      </c>
      <c r="AC43" s="40">
        <v>0.94</v>
      </c>
      <c r="AD43" s="17">
        <v>0.9</v>
      </c>
      <c r="AE43" s="40">
        <v>0.8</v>
      </c>
      <c r="AF43" s="40">
        <v>0.63</v>
      </c>
      <c r="AG43" s="8">
        <v>0.48</v>
      </c>
      <c r="AH43" s="40">
        <v>0.43</v>
      </c>
      <c r="AI43" s="40">
        <v>0.5</v>
      </c>
      <c r="AJ43" s="40">
        <v>0.5</v>
      </c>
      <c r="AK43" s="40">
        <v>0.55000000000000004</v>
      </c>
      <c r="AL43" s="40">
        <v>0.53</v>
      </c>
      <c r="AM43" s="123">
        <v>0.45</v>
      </c>
      <c r="AN43" s="40">
        <v>0.43</v>
      </c>
      <c r="AO43" s="40">
        <v>0.43</v>
      </c>
      <c r="AP43" s="40">
        <v>0.51</v>
      </c>
      <c r="AQ43" s="40">
        <v>0.59</v>
      </c>
      <c r="AR43" s="40">
        <v>0.6</v>
      </c>
      <c r="AS43" s="123">
        <v>0.56659547319213899</v>
      </c>
      <c r="AT43" s="8">
        <v>0.53329763721936008</v>
      </c>
      <c r="AU43" s="40">
        <v>0.5</v>
      </c>
      <c r="AV43" s="8">
        <v>0.46</v>
      </c>
      <c r="AW43" s="8">
        <v>0.39</v>
      </c>
      <c r="AX43" s="8">
        <v>0.36</v>
      </c>
      <c r="AY43" s="40">
        <v>0.34</v>
      </c>
      <c r="AZ43" s="8">
        <v>0.32</v>
      </c>
      <c r="BA43" s="8">
        <v>0.32</v>
      </c>
      <c r="BB43" s="8">
        <v>0.28000000000000003</v>
      </c>
      <c r="BC43" s="40">
        <v>0.28000000000000003</v>
      </c>
      <c r="BD43" s="40">
        <v>0.25</v>
      </c>
    </row>
    <row r="44" spans="3:56" x14ac:dyDescent="0.2">
      <c r="C44" s="18" t="s">
        <v>123</v>
      </c>
      <c r="D44" s="6" t="s">
        <v>58</v>
      </c>
      <c r="E44" s="94">
        <v>0.33</v>
      </c>
      <c r="F44" s="94">
        <v>0.35</v>
      </c>
      <c r="G44" s="8">
        <v>0.37</v>
      </c>
      <c r="H44" s="94">
        <v>0.39</v>
      </c>
      <c r="I44" s="94">
        <v>0.4</v>
      </c>
      <c r="J44" s="94">
        <v>0.41</v>
      </c>
      <c r="K44" s="8" t="s">
        <v>90</v>
      </c>
      <c r="L44" s="8" t="s">
        <v>90</v>
      </c>
      <c r="M44" s="17" t="s">
        <v>90</v>
      </c>
      <c r="N44" s="8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 t="s">
        <v>90</v>
      </c>
      <c r="T44" s="94" t="s">
        <v>90</v>
      </c>
      <c r="U44" s="94" t="s">
        <v>90</v>
      </c>
      <c r="V44" s="94" t="s">
        <v>90</v>
      </c>
      <c r="W44" s="111" t="s">
        <v>90</v>
      </c>
      <c r="X44" s="94" t="s">
        <v>90</v>
      </c>
      <c r="Y44" s="94" t="s">
        <v>90</v>
      </c>
      <c r="Z44" s="94" t="s">
        <v>90</v>
      </c>
      <c r="AA44" s="8" t="s">
        <v>90</v>
      </c>
      <c r="AB44" s="8" t="s">
        <v>90</v>
      </c>
      <c r="AC44" s="94" t="s">
        <v>90</v>
      </c>
      <c r="AD44" s="17" t="s">
        <v>90</v>
      </c>
      <c r="AE44" s="94" t="s">
        <v>90</v>
      </c>
      <c r="AF44" s="94" t="s">
        <v>90</v>
      </c>
      <c r="AG44" s="8" t="s">
        <v>90</v>
      </c>
      <c r="AH44" s="94">
        <v>0.37</v>
      </c>
      <c r="AI44" s="94" t="s">
        <v>90</v>
      </c>
      <c r="AJ44" s="94" t="s">
        <v>90</v>
      </c>
      <c r="AK44" s="94">
        <v>0.26</v>
      </c>
      <c r="AL44" s="94">
        <v>0.34</v>
      </c>
      <c r="AM44" s="123">
        <v>0.33</v>
      </c>
      <c r="AN44" s="94">
        <v>0.38</v>
      </c>
      <c r="AO44" s="94">
        <v>0.37</v>
      </c>
      <c r="AP44" s="94">
        <v>0.37</v>
      </c>
      <c r="AQ44" s="94">
        <v>0.36</v>
      </c>
      <c r="AR44" s="94">
        <v>0.33</v>
      </c>
      <c r="AS44" s="123">
        <v>0.28000000000000003</v>
      </c>
      <c r="AT44" s="8">
        <v>0.27</v>
      </c>
      <c r="AU44" s="94">
        <v>0.25</v>
      </c>
      <c r="AV44" s="8">
        <v>0.22</v>
      </c>
      <c r="AW44" s="8">
        <v>0.2</v>
      </c>
      <c r="AX44" s="8">
        <v>0.2</v>
      </c>
      <c r="AY44" s="94">
        <v>0.19</v>
      </c>
      <c r="AZ44" s="8">
        <v>0.18</v>
      </c>
      <c r="BA44" s="8">
        <v>0.17</v>
      </c>
      <c r="BB44" s="8">
        <v>0.16</v>
      </c>
      <c r="BC44" s="94">
        <v>0.16</v>
      </c>
      <c r="BD44" s="94">
        <v>0.16</v>
      </c>
    </row>
    <row r="45" spans="3:56" x14ac:dyDescent="0.2">
      <c r="C45" s="18" t="s">
        <v>100</v>
      </c>
      <c r="D45" s="6" t="s">
        <v>58</v>
      </c>
      <c r="E45" s="40">
        <v>0.25</v>
      </c>
      <c r="F45" s="40">
        <v>0.25</v>
      </c>
      <c r="G45" s="8">
        <v>0.26</v>
      </c>
      <c r="H45" s="40">
        <v>0.27</v>
      </c>
      <c r="I45" s="40">
        <v>0.3</v>
      </c>
      <c r="J45" s="40">
        <v>0.32</v>
      </c>
      <c r="K45" s="8">
        <v>0.32</v>
      </c>
      <c r="L45" s="8">
        <v>0.32</v>
      </c>
      <c r="M45" s="8">
        <v>0.33</v>
      </c>
      <c r="N45" s="8">
        <v>0.34</v>
      </c>
      <c r="O45" s="40">
        <v>0.34</v>
      </c>
      <c r="P45" s="8">
        <v>0.34</v>
      </c>
      <c r="Q45" s="8">
        <v>0.34</v>
      </c>
      <c r="R45" s="8">
        <v>0.34</v>
      </c>
      <c r="S45" s="40">
        <v>0.34</v>
      </c>
      <c r="T45" s="40">
        <v>0.32</v>
      </c>
      <c r="U45" s="40">
        <v>0.33</v>
      </c>
      <c r="V45" s="40">
        <v>0.33</v>
      </c>
      <c r="W45" s="111">
        <v>0.34</v>
      </c>
      <c r="X45" s="40">
        <v>0.34</v>
      </c>
      <c r="Y45" s="40">
        <v>0.34</v>
      </c>
      <c r="Z45" s="40">
        <v>0.31</v>
      </c>
      <c r="AA45" s="8">
        <v>0.3</v>
      </c>
      <c r="AB45" s="8">
        <v>0.28999999999999998</v>
      </c>
      <c r="AC45" s="40">
        <v>0.28999999999999998</v>
      </c>
      <c r="AD45" s="17">
        <v>0.28000000000000003</v>
      </c>
      <c r="AE45" s="40" t="s">
        <v>90</v>
      </c>
      <c r="AF45" s="40" t="s">
        <v>90</v>
      </c>
      <c r="AG45" s="8" t="s">
        <v>90</v>
      </c>
      <c r="AH45" s="40">
        <v>0.21</v>
      </c>
      <c r="AI45" s="40" t="s">
        <v>90</v>
      </c>
      <c r="AJ45" s="40" t="s">
        <v>90</v>
      </c>
      <c r="AK45" s="40" t="s">
        <v>90</v>
      </c>
      <c r="AL45" s="40">
        <v>0.19</v>
      </c>
      <c r="AM45" s="123">
        <v>0.2</v>
      </c>
      <c r="AN45" s="40">
        <v>0.21</v>
      </c>
      <c r="AO45" s="40">
        <v>0.21</v>
      </c>
      <c r="AP45" s="40">
        <v>0.21</v>
      </c>
      <c r="AQ45" s="40">
        <v>0.2</v>
      </c>
      <c r="AR45" s="40">
        <v>0.2</v>
      </c>
      <c r="AS45" s="123">
        <v>0.18554393633076108</v>
      </c>
      <c r="AT45" s="8">
        <v>0.18056073635354081</v>
      </c>
      <c r="AU45" s="40">
        <v>0.18</v>
      </c>
      <c r="AV45" s="8">
        <v>0.18</v>
      </c>
      <c r="AW45" s="8">
        <v>0.17</v>
      </c>
      <c r="AX45" s="8">
        <v>0.18</v>
      </c>
      <c r="AY45" s="40">
        <v>0.18</v>
      </c>
      <c r="AZ45" s="8">
        <v>0.17</v>
      </c>
      <c r="BA45" s="8">
        <v>0.17</v>
      </c>
      <c r="BB45" s="8">
        <v>0.17</v>
      </c>
      <c r="BC45" s="40">
        <v>0.17</v>
      </c>
      <c r="BD45" s="40">
        <v>0.17</v>
      </c>
    </row>
    <row r="46" spans="3:56" x14ac:dyDescent="0.2">
      <c r="C46" s="16" t="s">
        <v>89</v>
      </c>
      <c r="D46" s="6" t="s">
        <v>58</v>
      </c>
      <c r="E46" s="40">
        <v>0.46</v>
      </c>
      <c r="F46" s="40">
        <v>0.49</v>
      </c>
      <c r="G46" s="8">
        <v>0.49</v>
      </c>
      <c r="H46" s="40">
        <v>0.49</v>
      </c>
      <c r="I46" s="40">
        <v>0.49</v>
      </c>
      <c r="J46" s="40">
        <v>0.53</v>
      </c>
      <c r="K46" s="8">
        <v>0.52</v>
      </c>
      <c r="L46" s="8">
        <v>0.56000000000000005</v>
      </c>
      <c r="M46" s="8">
        <v>0.56999999999999995</v>
      </c>
      <c r="N46" s="8">
        <v>0.61</v>
      </c>
      <c r="O46" s="40">
        <v>0.61</v>
      </c>
      <c r="P46" s="8">
        <v>0.61</v>
      </c>
      <c r="Q46" s="8">
        <v>0.61</v>
      </c>
      <c r="R46" s="8">
        <v>0.64</v>
      </c>
      <c r="S46" s="40">
        <v>0.64</v>
      </c>
      <c r="T46" s="40">
        <v>0.72</v>
      </c>
      <c r="U46" s="40">
        <v>0.76</v>
      </c>
      <c r="V46" s="40">
        <v>0.77</v>
      </c>
      <c r="W46" s="111">
        <v>0.77</v>
      </c>
      <c r="X46" s="40">
        <v>0.77</v>
      </c>
      <c r="Y46" s="40">
        <v>0.77</v>
      </c>
      <c r="Z46" s="40">
        <v>0.77</v>
      </c>
      <c r="AA46" s="8">
        <v>0.77</v>
      </c>
      <c r="AB46" s="8">
        <v>0.77</v>
      </c>
      <c r="AC46" s="40">
        <v>0.78</v>
      </c>
      <c r="AD46" s="17">
        <v>0.78</v>
      </c>
      <c r="AE46" s="40">
        <v>0.78</v>
      </c>
      <c r="AF46" s="40">
        <v>0.78</v>
      </c>
      <c r="AG46" s="8">
        <v>0.78</v>
      </c>
      <c r="AH46" s="40">
        <v>0.73</v>
      </c>
      <c r="AI46" s="40" t="s">
        <v>90</v>
      </c>
      <c r="AJ46" s="40" t="s">
        <v>90</v>
      </c>
      <c r="AK46" s="40" t="s">
        <v>90</v>
      </c>
      <c r="AL46" s="40" t="s">
        <v>90</v>
      </c>
      <c r="AM46" s="123" t="s">
        <v>90</v>
      </c>
      <c r="AN46" s="94" t="s">
        <v>90</v>
      </c>
      <c r="AO46" s="94">
        <v>0.73</v>
      </c>
      <c r="AP46" s="40">
        <v>0.5</v>
      </c>
      <c r="AQ46" s="40">
        <v>0.55000000000000004</v>
      </c>
      <c r="AR46" s="40">
        <v>0.57999999999999996</v>
      </c>
      <c r="AS46" s="123">
        <v>0.58909537379898402</v>
      </c>
      <c r="AT46" s="8">
        <v>0.58741875195847804</v>
      </c>
      <c r="AU46" s="40">
        <v>0.55000000000000004</v>
      </c>
      <c r="AV46" s="8">
        <v>0.54</v>
      </c>
      <c r="AW46" s="8">
        <v>0.5</v>
      </c>
      <c r="AX46" s="8">
        <v>0.51</v>
      </c>
      <c r="AY46" s="40">
        <v>0.5</v>
      </c>
      <c r="AZ46" s="8">
        <v>0.48</v>
      </c>
      <c r="BA46" s="8">
        <v>0.49</v>
      </c>
      <c r="BB46" s="8">
        <v>0.47</v>
      </c>
      <c r="BC46" s="40">
        <v>0.47</v>
      </c>
      <c r="BD46" s="40">
        <v>0.47</v>
      </c>
    </row>
    <row r="47" spans="3:56" x14ac:dyDescent="0.2">
      <c r="C47" s="16" t="s">
        <v>95</v>
      </c>
      <c r="D47" s="6" t="s">
        <v>58</v>
      </c>
      <c r="E47" s="40">
        <v>0.56000000000000005</v>
      </c>
      <c r="F47" s="40">
        <v>0.56000000000000005</v>
      </c>
      <c r="G47" s="8">
        <v>0.56000000000000005</v>
      </c>
      <c r="H47" s="40">
        <v>0.56000000000000005</v>
      </c>
      <c r="I47" s="40">
        <v>0.56000000000000005</v>
      </c>
      <c r="J47" s="40">
        <v>0.56000000000000005</v>
      </c>
      <c r="K47" s="8">
        <v>0.56000000000000005</v>
      </c>
      <c r="L47" s="8">
        <v>0.56000000000000005</v>
      </c>
      <c r="M47" s="8">
        <v>0.56999999999999995</v>
      </c>
      <c r="N47" s="8">
        <v>0.56999999999999995</v>
      </c>
      <c r="O47" s="40">
        <v>0.56999999999999995</v>
      </c>
      <c r="P47" s="8">
        <v>0.56999999999999995</v>
      </c>
      <c r="Q47" s="8">
        <v>0.56999999999999995</v>
      </c>
      <c r="R47" s="8">
        <v>0.55000000000000004</v>
      </c>
      <c r="S47" s="40">
        <v>0.55000000000000004</v>
      </c>
      <c r="T47" s="40">
        <v>0.55000000000000004</v>
      </c>
      <c r="U47" s="40">
        <v>0.55000000000000004</v>
      </c>
      <c r="V47" s="40">
        <v>0.55000000000000004</v>
      </c>
      <c r="W47" s="111">
        <v>0.55000000000000004</v>
      </c>
      <c r="X47" s="40">
        <v>0.55000000000000004</v>
      </c>
      <c r="Y47" s="40">
        <v>0.55000000000000004</v>
      </c>
      <c r="Z47" s="40">
        <v>0.55000000000000004</v>
      </c>
      <c r="AA47" s="8" t="s">
        <v>90</v>
      </c>
      <c r="AB47" s="8" t="s">
        <v>90</v>
      </c>
      <c r="AC47" s="40" t="s">
        <v>90</v>
      </c>
      <c r="AD47" s="17" t="s">
        <v>90</v>
      </c>
      <c r="AE47" s="40" t="s">
        <v>90</v>
      </c>
      <c r="AF47" s="40" t="s">
        <v>90</v>
      </c>
      <c r="AG47" s="8" t="s">
        <v>90</v>
      </c>
      <c r="AH47" s="40">
        <v>0.54</v>
      </c>
      <c r="AI47" s="40" t="s">
        <v>90</v>
      </c>
      <c r="AJ47" s="40" t="s">
        <v>90</v>
      </c>
      <c r="AK47" s="40" t="s">
        <v>90</v>
      </c>
      <c r="AL47" s="40">
        <v>0.54</v>
      </c>
      <c r="AM47" s="123">
        <v>0.53</v>
      </c>
      <c r="AN47" s="40">
        <v>0.53949999999999998</v>
      </c>
      <c r="AO47" s="40">
        <v>0.54</v>
      </c>
      <c r="AP47" s="40">
        <v>0.56999999999999995</v>
      </c>
      <c r="AQ47" s="40">
        <v>0.56000000000000005</v>
      </c>
      <c r="AR47" s="40">
        <v>0.55000000000000004</v>
      </c>
      <c r="AS47" s="123">
        <v>0.55771832239511576</v>
      </c>
      <c r="AT47" s="8">
        <v>0.58183928334233403</v>
      </c>
      <c r="AU47" s="40">
        <v>0.56000000000000005</v>
      </c>
      <c r="AV47" s="8">
        <v>0.56999999999999995</v>
      </c>
      <c r="AW47" s="8">
        <v>0.56999999999999995</v>
      </c>
      <c r="AX47" s="8">
        <v>0.56999999999999995</v>
      </c>
      <c r="AY47" s="40">
        <v>0.56999999999999995</v>
      </c>
      <c r="AZ47" s="8">
        <v>0.56999999999999995</v>
      </c>
      <c r="BA47" s="8">
        <v>0.56000000000000005</v>
      </c>
      <c r="BB47" s="8">
        <v>0.56000000000000005</v>
      </c>
      <c r="BC47" s="40">
        <v>0.56000000000000005</v>
      </c>
      <c r="BD47" s="40">
        <v>0.56000000000000005</v>
      </c>
    </row>
    <row r="48" spans="3:56" ht="13.5" thickBot="1" x14ac:dyDescent="0.25">
      <c r="C48" s="23" t="s">
        <v>96</v>
      </c>
      <c r="D48" s="6" t="s">
        <v>58</v>
      </c>
      <c r="E48" s="40">
        <v>0.3</v>
      </c>
      <c r="F48" s="40">
        <v>0.3</v>
      </c>
      <c r="G48" s="8">
        <v>0.3</v>
      </c>
      <c r="H48" s="40">
        <v>0.3</v>
      </c>
      <c r="I48" s="40">
        <v>0.28000000000000003</v>
      </c>
      <c r="J48" s="40">
        <v>0.27</v>
      </c>
      <c r="K48" s="8">
        <v>0.32</v>
      </c>
      <c r="L48" s="8">
        <v>0.32</v>
      </c>
      <c r="M48" s="17">
        <v>0.36</v>
      </c>
      <c r="N48" s="8">
        <v>0.41</v>
      </c>
      <c r="O48" s="40">
        <v>0.4</v>
      </c>
      <c r="P48" s="8">
        <v>0.42</v>
      </c>
      <c r="Q48" s="8">
        <v>0.4</v>
      </c>
      <c r="R48" s="8">
        <v>0.41</v>
      </c>
      <c r="S48" s="40">
        <v>0.41</v>
      </c>
      <c r="T48" s="40">
        <v>0.46</v>
      </c>
      <c r="U48" s="40">
        <v>0.51</v>
      </c>
      <c r="V48" s="40">
        <v>0.5</v>
      </c>
      <c r="W48" s="111">
        <v>0.6</v>
      </c>
      <c r="X48" s="40">
        <v>0.64</v>
      </c>
      <c r="Y48" s="40">
        <v>0.64</v>
      </c>
      <c r="Z48" s="40">
        <v>0.66</v>
      </c>
      <c r="AA48" s="8">
        <v>0.72</v>
      </c>
      <c r="AB48" s="8">
        <v>0.77</v>
      </c>
      <c r="AC48" s="40">
        <v>0.76</v>
      </c>
      <c r="AD48" s="17">
        <v>0.76</v>
      </c>
      <c r="AE48" s="40">
        <v>0.83</v>
      </c>
      <c r="AF48" s="40">
        <v>0.83</v>
      </c>
      <c r="AG48" s="8">
        <v>0.83</v>
      </c>
      <c r="AH48" s="40">
        <v>0.84</v>
      </c>
      <c r="AI48" s="40">
        <v>0.83</v>
      </c>
      <c r="AJ48" s="40">
        <v>0.83</v>
      </c>
      <c r="AK48" s="40">
        <v>0.83</v>
      </c>
      <c r="AL48" s="40">
        <v>0.83</v>
      </c>
      <c r="AM48" s="125">
        <v>0.84</v>
      </c>
      <c r="AN48" s="40">
        <v>0.84</v>
      </c>
      <c r="AO48" s="40">
        <v>0.84</v>
      </c>
      <c r="AP48" s="40">
        <v>0.85</v>
      </c>
      <c r="AQ48" s="40">
        <v>0.85</v>
      </c>
      <c r="AR48" s="40">
        <v>0.85</v>
      </c>
      <c r="AS48" s="125">
        <v>0.7319</v>
      </c>
      <c r="AT48" s="8">
        <v>0.63029999999999997</v>
      </c>
      <c r="AU48" s="40">
        <v>0.63</v>
      </c>
      <c r="AV48" s="8">
        <v>0.62</v>
      </c>
      <c r="AW48" s="8">
        <v>0.61</v>
      </c>
      <c r="AX48" s="8">
        <v>0.63</v>
      </c>
      <c r="AY48" s="40">
        <v>0.63</v>
      </c>
      <c r="AZ48" s="8">
        <v>0.62</v>
      </c>
      <c r="BA48" s="8">
        <v>0.62</v>
      </c>
      <c r="BB48" s="8">
        <v>0.71</v>
      </c>
      <c r="BC48" s="40">
        <v>0.71</v>
      </c>
      <c r="BD48" s="40">
        <v>0.69</v>
      </c>
    </row>
    <row r="49" spans="3:56" ht="13.5" thickTop="1" x14ac:dyDescent="0.2">
      <c r="D49" s="64"/>
      <c r="E49" s="65"/>
      <c r="F49" s="65"/>
      <c r="G49" s="65"/>
      <c r="H49" s="66"/>
      <c r="I49" s="66"/>
      <c r="J49" s="66"/>
      <c r="K49" s="65"/>
      <c r="L49" s="66"/>
      <c r="M49" s="66"/>
      <c r="N49" s="66"/>
      <c r="O49" s="66"/>
      <c r="P49" s="65"/>
      <c r="Q49" s="65"/>
      <c r="R49" s="65"/>
      <c r="S49" s="66"/>
      <c r="T49" s="66"/>
      <c r="U49" s="66"/>
      <c r="V49" s="66"/>
      <c r="W49" s="117"/>
      <c r="X49" s="66"/>
      <c r="Y49" s="66"/>
      <c r="Z49" s="66"/>
      <c r="AA49" s="66"/>
      <c r="AB49" s="65"/>
      <c r="AC49" s="65"/>
      <c r="AD49" s="65"/>
      <c r="AE49" s="66"/>
      <c r="AF49" s="66"/>
      <c r="AG49" s="65"/>
      <c r="AH49" s="66"/>
      <c r="AI49" s="66"/>
      <c r="AJ49" s="66"/>
      <c r="AK49" s="66"/>
      <c r="AL49" s="66"/>
      <c r="AM49" s="66"/>
      <c r="AN49" s="66"/>
      <c r="AO49" s="66"/>
      <c r="AP49" s="65"/>
      <c r="AQ49" s="65"/>
      <c r="AR49" s="101"/>
      <c r="AS49" s="65"/>
      <c r="AT49" s="65"/>
      <c r="AU49" s="66"/>
      <c r="AV49" s="65"/>
      <c r="AW49" s="65"/>
      <c r="AX49" s="65"/>
      <c r="AY49" s="66"/>
      <c r="AZ49" s="65"/>
      <c r="BA49" s="65"/>
      <c r="BB49" s="65"/>
      <c r="BC49" s="66"/>
      <c r="BD49" s="66"/>
    </row>
    <row r="50" spans="3:56" x14ac:dyDescent="0.2">
      <c r="D50" s="64"/>
      <c r="E50" s="65"/>
      <c r="F50" s="65"/>
      <c r="G50" s="65"/>
      <c r="I50" s="120"/>
      <c r="M50" s="66"/>
      <c r="N50" s="66"/>
      <c r="O50" s="92"/>
      <c r="P50" s="65"/>
      <c r="Q50" s="65"/>
      <c r="R50" s="65"/>
      <c r="S50" s="66"/>
      <c r="T50" s="66"/>
      <c r="U50" s="66"/>
      <c r="V50" s="66"/>
      <c r="W50" s="117"/>
      <c r="X50" s="66"/>
      <c r="Y50" s="66"/>
      <c r="Z50" s="66"/>
      <c r="AA50" s="66"/>
      <c r="AB50" s="65"/>
      <c r="AC50" s="65"/>
      <c r="AD50" s="65"/>
      <c r="AE50" s="66"/>
      <c r="AF50" s="66"/>
      <c r="AG50" s="65"/>
      <c r="AH50" s="66"/>
      <c r="AI50" s="66"/>
      <c r="AJ50" s="66"/>
      <c r="AK50" s="66"/>
      <c r="AL50" s="66"/>
      <c r="AM50" s="66"/>
      <c r="AN50" s="66"/>
      <c r="AO50" s="66"/>
      <c r="AP50" s="65"/>
      <c r="AQ50" s="65"/>
      <c r="AR50" s="101"/>
      <c r="AS50" s="65"/>
      <c r="AT50" s="65"/>
      <c r="AU50" s="66"/>
      <c r="AW50" s="65"/>
      <c r="AX50" s="65"/>
      <c r="AY50" s="66"/>
      <c r="AZ50" s="65"/>
      <c r="BA50" s="65"/>
      <c r="BB50" s="65"/>
      <c r="BC50" s="66"/>
      <c r="BD50" s="66"/>
    </row>
    <row r="51" spans="3:56" x14ac:dyDescent="0.2">
      <c r="D51" s="64"/>
      <c r="E51" s="65"/>
      <c r="F51" s="65"/>
      <c r="G51" s="65"/>
      <c r="K51" s="65"/>
      <c r="M51" s="66"/>
      <c r="N51" s="66"/>
      <c r="P51" s="65"/>
      <c r="Q51" s="65"/>
      <c r="R51" s="65"/>
      <c r="S51" s="66"/>
      <c r="T51" s="66"/>
      <c r="U51" s="66"/>
      <c r="V51" s="66"/>
      <c r="W51" s="117"/>
      <c r="X51" s="66"/>
      <c r="Y51" s="117"/>
      <c r="Z51" s="65"/>
      <c r="AA51" s="65"/>
      <c r="AB51" s="65"/>
      <c r="AC51" s="65"/>
      <c r="AD51" s="65"/>
      <c r="AE51" s="66"/>
      <c r="AF51" s="66"/>
      <c r="AG51" s="65"/>
      <c r="AH51" s="66"/>
      <c r="AI51" s="66"/>
      <c r="AJ51" s="66"/>
      <c r="AK51" s="66"/>
      <c r="AL51" s="66"/>
      <c r="AM51" s="66"/>
      <c r="AN51" s="66"/>
      <c r="AO51" s="66"/>
      <c r="AP51" s="65"/>
      <c r="AQ51" s="65"/>
      <c r="AR51" s="101"/>
      <c r="AS51" s="65"/>
      <c r="AT51" s="65"/>
      <c r="AU51" s="66"/>
      <c r="AV51" s="65"/>
      <c r="AW51" s="65"/>
      <c r="AX51" s="65"/>
      <c r="AY51" s="66"/>
      <c r="AZ51" s="65"/>
      <c r="BA51" s="65"/>
      <c r="BB51" s="65"/>
      <c r="BC51" s="66"/>
      <c r="BD51" s="66"/>
    </row>
    <row r="52" spans="3:56" ht="13.5" customHeight="1" x14ac:dyDescent="0.2">
      <c r="C52" s="100" t="s">
        <v>106</v>
      </c>
      <c r="D52" s="6" t="s">
        <v>58</v>
      </c>
      <c r="E52" s="23">
        <v>6.08</v>
      </c>
      <c r="F52" s="62">
        <v>5.95</v>
      </c>
      <c r="G52" s="108">
        <v>6.06</v>
      </c>
      <c r="H52" s="62">
        <v>6.03</v>
      </c>
      <c r="I52" s="62">
        <v>5.74</v>
      </c>
      <c r="J52" s="62">
        <v>5.64</v>
      </c>
      <c r="K52" s="17">
        <v>5.59</v>
      </c>
      <c r="L52" s="62">
        <v>5.92</v>
      </c>
      <c r="M52" s="62">
        <v>5.78</v>
      </c>
      <c r="N52" s="62">
        <v>5.62</v>
      </c>
      <c r="O52" s="62" t="s">
        <v>90</v>
      </c>
      <c r="P52" s="108">
        <v>5.8</v>
      </c>
      <c r="Q52" s="108">
        <v>5.67</v>
      </c>
      <c r="R52" s="108">
        <v>5.64</v>
      </c>
      <c r="S52" s="108">
        <v>4.42</v>
      </c>
      <c r="T52" s="62">
        <v>6.38</v>
      </c>
      <c r="U52" s="62">
        <v>5.71</v>
      </c>
      <c r="V52" s="62">
        <v>5.68</v>
      </c>
      <c r="W52" s="62">
        <v>5.68</v>
      </c>
      <c r="X52" s="62">
        <v>5.68</v>
      </c>
      <c r="Y52" s="62">
        <v>5.01</v>
      </c>
      <c r="Z52" s="108">
        <v>5.92</v>
      </c>
      <c r="AA52" s="108">
        <v>5.91</v>
      </c>
      <c r="AB52" s="62">
        <v>6.09</v>
      </c>
      <c r="AC52" s="62">
        <v>6.09</v>
      </c>
      <c r="AD52" s="17">
        <v>5.1100000000000003</v>
      </c>
      <c r="AE52" s="62">
        <v>5.84</v>
      </c>
      <c r="AF52" s="62">
        <v>5.09</v>
      </c>
      <c r="AG52" s="62">
        <v>5.98</v>
      </c>
      <c r="AH52" s="62" t="s">
        <v>90</v>
      </c>
      <c r="AI52" s="62">
        <v>2.96</v>
      </c>
      <c r="AJ52" s="62">
        <v>6.13</v>
      </c>
      <c r="AK52" s="62" t="s">
        <v>90</v>
      </c>
      <c r="AL52" s="62">
        <v>5.53</v>
      </c>
      <c r="AM52" s="62">
        <v>5.69</v>
      </c>
      <c r="AN52" s="62">
        <v>6.33</v>
      </c>
      <c r="AO52" s="62">
        <v>6.14</v>
      </c>
      <c r="AP52" s="62">
        <v>6.58</v>
      </c>
      <c r="AQ52" s="62">
        <v>6.03</v>
      </c>
      <c r="AR52" s="62">
        <v>6.03</v>
      </c>
      <c r="AS52" s="62">
        <v>6.38</v>
      </c>
      <c r="AT52" s="62">
        <v>5.99</v>
      </c>
      <c r="AU52" s="62">
        <v>6.54</v>
      </c>
      <c r="AV52" s="17">
        <v>6.27</v>
      </c>
      <c r="AW52" s="62">
        <v>6.11</v>
      </c>
      <c r="AX52" s="62">
        <v>6.15</v>
      </c>
      <c r="AY52" s="108">
        <v>6.97</v>
      </c>
      <c r="AZ52" s="62">
        <v>6.18</v>
      </c>
      <c r="BA52" s="62">
        <v>6.05</v>
      </c>
      <c r="BB52" s="62">
        <v>6.18</v>
      </c>
      <c r="BC52" s="62">
        <v>6.19</v>
      </c>
      <c r="BD52" s="62">
        <v>6.18</v>
      </c>
    </row>
    <row r="53" spans="3:56" x14ac:dyDescent="0.2">
      <c r="C53" s="102"/>
      <c r="D53" s="103"/>
      <c r="E53" s="104"/>
      <c r="F53" s="104"/>
      <c r="G53" s="104"/>
      <c r="H53" s="104"/>
      <c r="I53" s="104"/>
      <c r="J53" s="104"/>
      <c r="K53" s="104"/>
      <c r="L53" s="104"/>
      <c r="M53" s="104"/>
      <c r="N53" s="104"/>
      <c r="O53" s="104"/>
      <c r="P53" s="101"/>
      <c r="Q53" s="101"/>
      <c r="R53" s="101"/>
      <c r="S53" s="101"/>
      <c r="T53" s="101"/>
      <c r="U53" s="101"/>
      <c r="V53" s="101"/>
      <c r="W53" s="101"/>
      <c r="X53" s="101"/>
      <c r="Y53" s="101"/>
      <c r="Z53" s="101"/>
      <c r="AA53" s="101"/>
      <c r="AB53" s="101"/>
      <c r="AC53" s="101"/>
      <c r="AD53" s="101"/>
      <c r="AE53" s="101"/>
      <c r="AF53" s="101"/>
      <c r="AG53" s="101"/>
      <c r="AH53" s="101"/>
      <c r="AI53" s="101"/>
      <c r="AJ53" s="101"/>
      <c r="AK53" s="101"/>
      <c r="AL53" s="101"/>
      <c r="AM53" s="101"/>
      <c r="AN53" s="101"/>
      <c r="AO53" s="101"/>
      <c r="AP53" s="101"/>
      <c r="AQ53" s="101"/>
      <c r="AR53" s="101"/>
      <c r="AS53" s="101"/>
      <c r="AT53" s="101"/>
      <c r="AU53" s="101"/>
      <c r="AV53" s="101"/>
      <c r="AW53" s="101"/>
      <c r="AX53" s="101"/>
      <c r="AY53" s="101"/>
      <c r="AZ53" s="101"/>
      <c r="BA53" s="101"/>
      <c r="BB53" s="101"/>
      <c r="BC53" s="101"/>
      <c r="BD53" s="101"/>
    </row>
    <row r="54" spans="3:56" x14ac:dyDescent="0.2">
      <c r="C54" s="114"/>
    </row>
    <row r="55" spans="3:56" x14ac:dyDescent="0.2">
      <c r="C55" s="113"/>
    </row>
    <row r="56" spans="3:56" ht="12.75" customHeight="1" x14ac:dyDescent="0.25">
      <c r="C56" s="85"/>
    </row>
    <row r="57" spans="3:56" ht="17.25" customHeight="1" x14ac:dyDescent="0.25">
      <c r="C57" s="85"/>
    </row>
    <row r="58" spans="3:56" ht="15.75" customHeight="1" x14ac:dyDescent="0.2">
      <c r="C58" s="99"/>
    </row>
    <row r="59" spans="3:56" ht="15.75" customHeight="1" x14ac:dyDescent="0.2">
      <c r="C59" s="1" t="s">
        <v>1</v>
      </c>
      <c r="E59" s="2">
        <v>2018</v>
      </c>
      <c r="F59" s="2"/>
      <c r="G59" s="2"/>
      <c r="H59" s="2"/>
      <c r="I59" s="2"/>
      <c r="J59" s="2"/>
      <c r="K59" s="2"/>
      <c r="L59" s="2"/>
      <c r="M59" s="2"/>
    </row>
    <row r="60" spans="3:56" x14ac:dyDescent="0.2">
      <c r="C60" s="3" t="s">
        <v>2</v>
      </c>
      <c r="D60" s="3" t="s">
        <v>3</v>
      </c>
      <c r="E60" s="4" t="s">
        <v>15</v>
      </c>
      <c r="F60" s="4" t="s">
        <v>16</v>
      </c>
      <c r="G60" s="4" t="s">
        <v>17</v>
      </c>
      <c r="H60" s="4" t="s">
        <v>18</v>
      </c>
      <c r="I60" s="4" t="s">
        <v>19</v>
      </c>
      <c r="J60" s="4" t="s">
        <v>20</v>
      </c>
      <c r="K60" s="4" t="s">
        <v>21</v>
      </c>
      <c r="L60" s="4" t="s">
        <v>22</v>
      </c>
      <c r="M60" s="4" t="s">
        <v>23</v>
      </c>
      <c r="N60" s="4" t="s">
        <v>24</v>
      </c>
      <c r="O60" s="4" t="s">
        <v>25</v>
      </c>
      <c r="P60" s="4" t="s">
        <v>26</v>
      </c>
      <c r="Q60" s="4" t="s">
        <v>27</v>
      </c>
      <c r="R60" s="4" t="s">
        <v>28</v>
      </c>
      <c r="S60" s="4" t="s">
        <v>29</v>
      </c>
      <c r="T60" s="4" t="s">
        <v>30</v>
      </c>
      <c r="U60" s="4" t="s">
        <v>31</v>
      </c>
      <c r="V60" s="4" t="s">
        <v>32</v>
      </c>
      <c r="W60" s="4" t="s">
        <v>33</v>
      </c>
      <c r="X60" s="4" t="s">
        <v>34</v>
      </c>
      <c r="Y60" s="4" t="s">
        <v>35</v>
      </c>
      <c r="Z60" s="4" t="s">
        <v>36</v>
      </c>
      <c r="AA60" s="4" t="s">
        <v>37</v>
      </c>
      <c r="AB60" s="4" t="s">
        <v>38</v>
      </c>
      <c r="AC60" s="4" t="s">
        <v>39</v>
      </c>
      <c r="AD60" s="4" t="s">
        <v>40</v>
      </c>
      <c r="AE60" s="4" t="s">
        <v>41</v>
      </c>
      <c r="AF60" s="4" t="s">
        <v>42</v>
      </c>
      <c r="AG60" s="4" t="s">
        <v>43</v>
      </c>
      <c r="AH60" s="4" t="s">
        <v>44</v>
      </c>
      <c r="AI60" s="4" t="s">
        <v>45</v>
      </c>
      <c r="AJ60" s="4" t="s">
        <v>46</v>
      </c>
      <c r="AK60" s="4" t="s">
        <v>47</v>
      </c>
      <c r="AL60" s="4" t="s">
        <v>48</v>
      </c>
      <c r="AM60" s="4" t="s">
        <v>49</v>
      </c>
      <c r="AN60" s="4" t="s">
        <v>50</v>
      </c>
      <c r="AO60" s="4" t="s">
        <v>51</v>
      </c>
      <c r="AP60" s="4" t="s">
        <v>52</v>
      </c>
      <c r="AQ60" s="4" t="s">
        <v>53</v>
      </c>
      <c r="AR60" s="4" t="s">
        <v>54</v>
      </c>
      <c r="AS60" s="4" t="s">
        <v>55</v>
      </c>
      <c r="AT60" s="4" t="s">
        <v>4</v>
      </c>
      <c r="AU60" s="4" t="s">
        <v>5</v>
      </c>
      <c r="AV60" s="4" t="s">
        <v>6</v>
      </c>
      <c r="AW60" s="4" t="s">
        <v>7</v>
      </c>
      <c r="AX60" s="4" t="s">
        <v>8</v>
      </c>
      <c r="AY60" s="4" t="s">
        <v>9</v>
      </c>
      <c r="AZ60" s="4" t="s">
        <v>10</v>
      </c>
      <c r="BA60" s="4" t="s">
        <v>11</v>
      </c>
      <c r="BB60" s="4" t="s">
        <v>12</v>
      </c>
      <c r="BC60" s="4" t="s">
        <v>13</v>
      </c>
      <c r="BD60" s="4" t="s">
        <v>14</v>
      </c>
    </row>
    <row r="61" spans="3:56" x14ac:dyDescent="0.2">
      <c r="C61" s="5" t="s">
        <v>57</v>
      </c>
      <c r="D61" s="6" t="s">
        <v>58</v>
      </c>
      <c r="E61" s="39"/>
      <c r="F61" s="39"/>
      <c r="G61" s="8"/>
      <c r="H61" s="39"/>
      <c r="I61" s="8"/>
      <c r="J61" s="8"/>
      <c r="K61" s="39"/>
      <c r="L61" s="39"/>
      <c r="M61" s="8"/>
      <c r="N61" s="39"/>
      <c r="O61" s="39"/>
      <c r="P61" s="39"/>
      <c r="Q61" s="39"/>
      <c r="R61" s="39"/>
      <c r="S61" s="39"/>
      <c r="T61" s="39"/>
      <c r="U61" s="39"/>
      <c r="V61" s="39"/>
      <c r="W61" s="17"/>
      <c r="X61" s="39"/>
      <c r="Y61" s="39"/>
      <c r="Z61" s="39"/>
      <c r="AA61" s="39"/>
      <c r="AB61" s="39"/>
      <c r="AC61" s="39"/>
      <c r="AD61" s="39"/>
      <c r="AE61" s="39"/>
      <c r="AF61" s="8"/>
      <c r="AG61" s="39"/>
      <c r="AH61" s="39"/>
      <c r="AI61" s="39"/>
      <c r="AJ61" s="39"/>
      <c r="AK61" s="8"/>
      <c r="AL61" s="39"/>
      <c r="AM61" s="39"/>
      <c r="AN61" s="39"/>
      <c r="AO61" s="39"/>
      <c r="AP61" s="39"/>
      <c r="AQ61" s="39"/>
      <c r="AR61" s="39"/>
      <c r="AS61" s="39"/>
      <c r="AT61" s="39"/>
      <c r="AU61" s="39"/>
      <c r="AV61" s="8"/>
      <c r="AW61" s="39"/>
      <c r="AX61" s="39"/>
      <c r="AY61" s="8"/>
      <c r="AZ61" s="8"/>
      <c r="BA61" s="39"/>
      <c r="BB61" s="39"/>
      <c r="BC61" s="39"/>
      <c r="BD61" s="39"/>
    </row>
    <row r="62" spans="3:56" x14ac:dyDescent="0.2">
      <c r="C62" s="5" t="s">
        <v>59</v>
      </c>
      <c r="D62" s="6" t="s">
        <v>58</v>
      </c>
      <c r="E62" s="39"/>
      <c r="F62" s="39"/>
      <c r="G62" s="8"/>
      <c r="H62" s="39"/>
      <c r="I62" s="8"/>
      <c r="J62" s="8"/>
      <c r="K62" s="39"/>
      <c r="L62" s="39"/>
      <c r="M62" s="8"/>
      <c r="N62" s="39"/>
      <c r="O62" s="39"/>
      <c r="P62" s="39"/>
      <c r="Q62" s="39"/>
      <c r="R62" s="39"/>
      <c r="S62" s="39"/>
      <c r="T62" s="39"/>
      <c r="U62" s="39"/>
      <c r="V62" s="39"/>
      <c r="W62" s="17"/>
      <c r="X62" s="39"/>
      <c r="Y62" s="39"/>
      <c r="Z62" s="39"/>
      <c r="AA62" s="39"/>
      <c r="AB62" s="39"/>
      <c r="AC62" s="39"/>
      <c r="AD62" s="39"/>
      <c r="AE62" s="39"/>
      <c r="AF62" s="8"/>
      <c r="AG62" s="39"/>
      <c r="AH62" s="39"/>
      <c r="AI62" s="39"/>
      <c r="AJ62" s="39"/>
      <c r="AK62" s="8"/>
      <c r="AL62" s="39"/>
      <c r="AM62" s="39"/>
      <c r="AN62" s="39"/>
      <c r="AO62" s="39"/>
      <c r="AP62" s="39"/>
      <c r="AQ62" s="39"/>
      <c r="AR62" s="39"/>
      <c r="AS62" s="39"/>
      <c r="AT62" s="39"/>
      <c r="AU62" s="39"/>
      <c r="AV62" s="8"/>
      <c r="AW62" s="39"/>
      <c r="AX62" s="39"/>
      <c r="AY62" s="8"/>
      <c r="AZ62" s="8"/>
      <c r="BA62" s="39"/>
      <c r="BB62" s="39"/>
      <c r="BC62" s="39"/>
      <c r="BD62" s="39"/>
    </row>
    <row r="63" spans="3:56" x14ac:dyDescent="0.2">
      <c r="C63" s="5" t="s">
        <v>60</v>
      </c>
      <c r="D63" s="6" t="s">
        <v>58</v>
      </c>
      <c r="E63" s="39"/>
      <c r="F63" s="39"/>
      <c r="G63" s="8"/>
      <c r="H63" s="39"/>
      <c r="I63" s="8"/>
      <c r="J63" s="8"/>
      <c r="K63" s="39"/>
      <c r="L63" s="39"/>
      <c r="M63" s="8"/>
      <c r="N63" s="39"/>
      <c r="O63" s="39"/>
      <c r="P63" s="39"/>
      <c r="Q63" s="39"/>
      <c r="R63" s="39"/>
      <c r="S63" s="39"/>
      <c r="T63" s="39"/>
      <c r="U63" s="39"/>
      <c r="V63" s="39"/>
      <c r="W63" s="17"/>
      <c r="X63" s="39"/>
      <c r="Y63" s="39"/>
      <c r="Z63" s="39"/>
      <c r="AA63" s="39"/>
      <c r="AB63" s="39"/>
      <c r="AC63" s="39"/>
      <c r="AD63" s="39"/>
      <c r="AE63" s="39"/>
      <c r="AF63" s="8"/>
      <c r="AG63" s="39"/>
      <c r="AH63" s="39"/>
      <c r="AI63" s="39"/>
      <c r="AJ63" s="39"/>
      <c r="AK63" s="8"/>
      <c r="AL63" s="39"/>
      <c r="AM63" s="39"/>
      <c r="AN63" s="39"/>
      <c r="AO63" s="39"/>
      <c r="AP63" s="39"/>
      <c r="AQ63" s="39"/>
      <c r="AR63" s="39"/>
      <c r="AS63" s="39"/>
      <c r="AT63" s="39"/>
      <c r="AU63" s="39"/>
      <c r="AV63" s="8"/>
      <c r="AW63" s="39"/>
      <c r="AX63" s="39"/>
      <c r="AY63" s="8"/>
      <c r="AZ63" s="8"/>
      <c r="BA63" s="39"/>
      <c r="BB63" s="39"/>
      <c r="BC63" s="39"/>
      <c r="BD63" s="39"/>
    </row>
    <row r="64" spans="3:56" x14ac:dyDescent="0.2">
      <c r="C64" s="5" t="s">
        <v>61</v>
      </c>
      <c r="D64" s="6" t="s">
        <v>58</v>
      </c>
      <c r="E64" s="39"/>
      <c r="F64" s="39"/>
      <c r="G64" s="8"/>
      <c r="H64" s="39"/>
      <c r="I64" s="8"/>
      <c r="J64" s="8"/>
      <c r="K64" s="39"/>
      <c r="L64" s="39"/>
      <c r="M64" s="8"/>
      <c r="N64" s="39"/>
      <c r="O64" s="39"/>
      <c r="P64" s="39"/>
      <c r="Q64" s="39"/>
      <c r="R64" s="39"/>
      <c r="S64" s="39"/>
      <c r="T64" s="39"/>
      <c r="U64" s="39"/>
      <c r="V64" s="39"/>
      <c r="W64" s="17"/>
      <c r="X64" s="39"/>
      <c r="Y64" s="39"/>
      <c r="Z64" s="39"/>
      <c r="AA64" s="39"/>
      <c r="AB64" s="39"/>
      <c r="AC64" s="39"/>
      <c r="AD64" s="39"/>
      <c r="AE64" s="39"/>
      <c r="AF64" s="8"/>
      <c r="AG64" s="39"/>
      <c r="AH64" s="39"/>
      <c r="AI64" s="39"/>
      <c r="AJ64" s="39"/>
      <c r="AK64" s="8"/>
      <c r="AL64" s="39"/>
      <c r="AM64" s="39"/>
      <c r="AN64" s="39"/>
      <c r="AO64" s="39"/>
      <c r="AP64" s="39"/>
      <c r="AQ64" s="39"/>
      <c r="AR64" s="39"/>
      <c r="AS64" s="39"/>
      <c r="AT64" s="39"/>
      <c r="AU64" s="39"/>
      <c r="AV64" s="8"/>
      <c r="AW64" s="39"/>
      <c r="AX64" s="39"/>
      <c r="AY64" s="8"/>
      <c r="AZ64" s="8"/>
      <c r="BA64" s="39"/>
      <c r="BB64" s="39"/>
      <c r="BC64" s="39"/>
      <c r="BD64" s="39"/>
    </row>
    <row r="65" spans="3:56" x14ac:dyDescent="0.2">
      <c r="C65" s="5" t="s">
        <v>62</v>
      </c>
      <c r="D65" s="6" t="s">
        <v>58</v>
      </c>
      <c r="E65" s="39"/>
      <c r="F65" s="39"/>
      <c r="G65" s="8"/>
      <c r="H65" s="39"/>
      <c r="I65" s="8"/>
      <c r="J65" s="8"/>
      <c r="K65" s="39"/>
      <c r="L65" s="39"/>
      <c r="M65" s="8"/>
      <c r="N65" s="39"/>
      <c r="O65" s="39"/>
      <c r="P65" s="39"/>
      <c r="Q65" s="39"/>
      <c r="R65" s="39"/>
      <c r="S65" s="39"/>
      <c r="T65" s="39"/>
      <c r="U65" s="39"/>
      <c r="V65" s="39"/>
      <c r="W65" s="17"/>
      <c r="X65" s="39"/>
      <c r="Y65" s="39"/>
      <c r="Z65" s="39"/>
      <c r="AA65" s="39"/>
      <c r="AB65" s="39"/>
      <c r="AC65" s="39"/>
      <c r="AD65" s="39"/>
      <c r="AE65" s="39"/>
      <c r="AF65" s="8"/>
      <c r="AG65" s="39"/>
      <c r="AH65" s="39"/>
      <c r="AI65" s="39"/>
      <c r="AJ65" s="39"/>
      <c r="AK65" s="8"/>
      <c r="AL65" s="39"/>
      <c r="AM65" s="39"/>
      <c r="AN65" s="39"/>
      <c r="AO65" s="39"/>
      <c r="AP65" s="39"/>
      <c r="AQ65" s="39"/>
      <c r="AR65" s="39"/>
      <c r="AS65" s="39"/>
      <c r="AT65" s="39"/>
      <c r="AU65" s="39"/>
      <c r="AV65" s="8"/>
      <c r="AW65" s="39"/>
      <c r="AX65" s="39"/>
      <c r="AY65" s="8"/>
      <c r="AZ65" s="8"/>
      <c r="BA65" s="39"/>
      <c r="BB65" s="39"/>
      <c r="BC65" s="39"/>
      <c r="BD65" s="39"/>
    </row>
    <row r="66" spans="3:56" x14ac:dyDescent="0.2">
      <c r="C66" s="5" t="s">
        <v>75</v>
      </c>
      <c r="D66" s="20" t="s">
        <v>76</v>
      </c>
      <c r="E66" s="39"/>
      <c r="F66" s="39"/>
      <c r="G66" s="8"/>
      <c r="H66" s="39"/>
      <c r="I66" s="8"/>
      <c r="J66" s="8"/>
      <c r="K66" s="39"/>
      <c r="L66" s="39"/>
      <c r="M66" s="8"/>
      <c r="N66" s="39"/>
      <c r="O66" s="39"/>
      <c r="P66" s="39"/>
      <c r="Q66" s="39"/>
      <c r="R66" s="39"/>
      <c r="S66" s="39"/>
      <c r="T66" s="39"/>
      <c r="U66" s="39"/>
      <c r="V66" s="39"/>
      <c r="W66" s="17"/>
      <c r="X66" s="39"/>
      <c r="Y66" s="39"/>
      <c r="Z66" s="39"/>
      <c r="AA66" s="39"/>
      <c r="AB66" s="39"/>
      <c r="AC66" s="39"/>
      <c r="AD66" s="39"/>
      <c r="AE66" s="39"/>
      <c r="AF66" s="8"/>
      <c r="AG66" s="39"/>
      <c r="AH66" s="39"/>
      <c r="AI66" s="39"/>
      <c r="AJ66" s="39"/>
      <c r="AK66" s="8"/>
      <c r="AL66" s="39"/>
      <c r="AM66" s="39"/>
      <c r="AN66" s="39"/>
      <c r="AO66" s="39"/>
      <c r="AP66" s="39"/>
      <c r="AQ66" s="39"/>
      <c r="AR66" s="39"/>
      <c r="AS66" s="39"/>
      <c r="AT66" s="39"/>
      <c r="AU66" s="39"/>
      <c r="AV66" s="8"/>
      <c r="AW66" s="39"/>
      <c r="AX66" s="39"/>
      <c r="AY66" s="8"/>
      <c r="AZ66" s="8"/>
      <c r="BA66" s="39"/>
      <c r="BB66" s="39"/>
      <c r="BC66" s="39"/>
      <c r="BD66" s="39"/>
    </row>
    <row r="67" spans="3:56" x14ac:dyDescent="0.2">
      <c r="C67" s="5" t="s">
        <v>63</v>
      </c>
      <c r="D67" s="6" t="s">
        <v>58</v>
      </c>
      <c r="E67" s="8">
        <v>9.5531654991660719</v>
      </c>
      <c r="F67" s="8">
        <v>9.240693819765859</v>
      </c>
      <c r="G67" s="8">
        <v>6.8472877286585367</v>
      </c>
      <c r="H67" s="8">
        <v>6.2784447503026808</v>
      </c>
      <c r="I67" s="8">
        <v>5.4075186828504194</v>
      </c>
      <c r="J67" s="8">
        <v>5.4858091492362382</v>
      </c>
      <c r="K67" s="8">
        <v>5.0673249037360808</v>
      </c>
      <c r="L67" s="8">
        <v>5.7283071482600292</v>
      </c>
      <c r="M67" s="8">
        <v>5.5462885682011445</v>
      </c>
      <c r="N67" s="8">
        <v>5.8730359949961057</v>
      </c>
      <c r="O67" s="8">
        <v>6.574606600386633</v>
      </c>
      <c r="P67" s="8">
        <v>7.0828864571082093</v>
      </c>
      <c r="Q67" s="8">
        <v>6.9376149080255507</v>
      </c>
      <c r="R67" s="8">
        <v>6.3228932515835634</v>
      </c>
      <c r="S67" s="8">
        <v>8.376232847481285</v>
      </c>
      <c r="T67" s="8">
        <v>6.9550534708148684</v>
      </c>
      <c r="U67" s="8">
        <v>5.6900784460782639</v>
      </c>
      <c r="V67" s="8">
        <v>5.3904179855840741</v>
      </c>
      <c r="W67" s="17">
        <v>5.8657584089531527</v>
      </c>
      <c r="X67" s="8">
        <v>5.6773007341737092</v>
      </c>
      <c r="Y67" s="8">
        <v>5.3213503186363402</v>
      </c>
      <c r="Z67" s="8">
        <v>4.597462781901946</v>
      </c>
      <c r="AA67" s="8">
        <v>4.1922345560862908</v>
      </c>
      <c r="AB67" s="8">
        <v>5.1566770423445121</v>
      </c>
      <c r="AC67" s="8">
        <v>5.5757404266611292</v>
      </c>
      <c r="AD67" s="8">
        <v>6.0504459032673408</v>
      </c>
      <c r="AE67" s="39">
        <v>6.2588202040516014</v>
      </c>
      <c r="AF67" s="39">
        <v>5.2145962578405873</v>
      </c>
      <c r="AG67" s="39">
        <v>4.2196890080099339</v>
      </c>
      <c r="AH67" s="39">
        <v>4.2337957950890415</v>
      </c>
      <c r="AI67" s="8">
        <v>4.3049340872853374</v>
      </c>
      <c r="AJ67" s="39">
        <v>6.0987153288228644</v>
      </c>
      <c r="AK67" s="8">
        <v>5.2219297009680412</v>
      </c>
      <c r="AL67" s="39">
        <v>5.1518016026526672</v>
      </c>
      <c r="AM67" s="8">
        <v>5.9250669928517388</v>
      </c>
      <c r="AN67" s="8">
        <v>6.1115170889606336</v>
      </c>
      <c r="AO67" s="8">
        <v>6.4264929527740815</v>
      </c>
      <c r="AP67" s="8">
        <v>6.6579347164857676</v>
      </c>
      <c r="AQ67" s="8">
        <v>7.8449301577418016</v>
      </c>
      <c r="AR67" s="8">
        <v>7.5764036427663575</v>
      </c>
      <c r="AS67" s="8">
        <v>6.9401966700549416</v>
      </c>
      <c r="AT67" s="8">
        <v>7.8253434218389826</v>
      </c>
      <c r="AU67" s="8">
        <v>6.6034301950495697</v>
      </c>
      <c r="AV67" s="8">
        <v>5.8693813653774702</v>
      </c>
      <c r="AW67" s="8">
        <v>6.2425873508913892</v>
      </c>
      <c r="AX67" s="8">
        <v>7.0851051308772153</v>
      </c>
      <c r="AY67" s="8">
        <v>7.6756069852737712</v>
      </c>
      <c r="AZ67" s="8">
        <v>5.6788903281685341</v>
      </c>
      <c r="BA67" s="8">
        <v>6.6451029774295067</v>
      </c>
      <c r="BB67" s="8">
        <v>8.6301079638601745</v>
      </c>
      <c r="BC67" s="8">
        <v>11.442445854885657</v>
      </c>
      <c r="BD67" s="8">
        <v>10.884230326456287</v>
      </c>
    </row>
    <row r="68" spans="3:56" x14ac:dyDescent="0.2">
      <c r="C68" s="5" t="s">
        <v>64</v>
      </c>
      <c r="D68" s="6" t="s">
        <v>58</v>
      </c>
      <c r="E68" s="8">
        <v>6.4426441616527343</v>
      </c>
      <c r="F68" s="8">
        <v>6.6255556027705778</v>
      </c>
      <c r="G68" s="8">
        <v>6.1290857255988911</v>
      </c>
      <c r="H68" s="8">
        <v>5.8648426648375205</v>
      </c>
      <c r="I68" s="8">
        <v>5.3393583672380442</v>
      </c>
      <c r="J68" s="8">
        <v>5.3773576070545506</v>
      </c>
      <c r="K68" s="8">
        <v>4.9369068262615414</v>
      </c>
      <c r="L68" s="8">
        <v>5.686654813804525</v>
      </c>
      <c r="M68" s="8">
        <v>5.5533967328958838</v>
      </c>
      <c r="N68" s="8">
        <v>5.7055522524582667</v>
      </c>
      <c r="O68" s="8">
        <v>5.7345766069546897</v>
      </c>
      <c r="P68" s="8">
        <v>5.9451091749568628</v>
      </c>
      <c r="Q68" s="8">
        <v>6.3950059968957245</v>
      </c>
      <c r="R68" s="8">
        <v>6.195079693331988</v>
      </c>
      <c r="S68" s="8">
        <v>7.4862720232333011</v>
      </c>
      <c r="T68" s="8">
        <v>6.5992696156212549</v>
      </c>
      <c r="U68" s="8">
        <v>4.7474762913867474</v>
      </c>
      <c r="V68" s="8">
        <v>4.2794514998052202</v>
      </c>
      <c r="W68" s="17">
        <v>4.3496058303612966</v>
      </c>
      <c r="X68" s="8">
        <v>4.8921135704472594</v>
      </c>
      <c r="Y68" s="8">
        <v>4.4286412999541884</v>
      </c>
      <c r="Z68" s="8">
        <v>4.2188875327196262</v>
      </c>
      <c r="AA68" s="8">
        <v>4.0358877648611884</v>
      </c>
      <c r="AB68" s="8">
        <v>4.4061815090261884</v>
      </c>
      <c r="AC68" s="8">
        <v>4.5398966043188569</v>
      </c>
      <c r="AD68" s="8">
        <v>5.297019709430252</v>
      </c>
      <c r="AE68" s="8">
        <v>5.3129491637427817</v>
      </c>
      <c r="AF68" s="8">
        <v>5.0489520567375887</v>
      </c>
      <c r="AG68" s="8">
        <v>4.5339835555625037</v>
      </c>
      <c r="AH68" s="8">
        <v>4.375921492041793</v>
      </c>
      <c r="AI68" s="8">
        <v>4.2325436901273825</v>
      </c>
      <c r="AJ68" s="8">
        <v>4.3837999885138883</v>
      </c>
      <c r="AK68" s="8">
        <v>4.5875858743570896</v>
      </c>
      <c r="AL68" s="8">
        <v>5.0084964230965756</v>
      </c>
      <c r="AM68" s="8">
        <v>4.7604290516845245</v>
      </c>
      <c r="AN68" s="8">
        <v>5.3544098650440217</v>
      </c>
      <c r="AO68" s="8">
        <v>4.4678008245019534</v>
      </c>
      <c r="AP68" s="8">
        <v>5.0806039471483526</v>
      </c>
      <c r="AQ68" s="8">
        <v>5.8160346569275001</v>
      </c>
      <c r="AR68" s="8">
        <v>5.1911735491315971</v>
      </c>
      <c r="AS68" s="8">
        <v>5.661910266681927</v>
      </c>
      <c r="AT68" s="8">
        <v>4.7752807463710143</v>
      </c>
      <c r="AU68" s="8">
        <v>3.9315957726803394</v>
      </c>
      <c r="AV68" s="8">
        <v>3.6949357821731312</v>
      </c>
      <c r="AW68" s="8">
        <v>4.0088472253080614</v>
      </c>
      <c r="AX68" s="8">
        <v>4.3071724786198757</v>
      </c>
      <c r="AY68" s="8">
        <v>4.4765567804024498</v>
      </c>
      <c r="AZ68" s="8">
        <v>4.2245479635360033</v>
      </c>
      <c r="BA68" s="8">
        <v>5.3180046268466397</v>
      </c>
      <c r="BB68" s="8">
        <v>5.4722472626652392</v>
      </c>
      <c r="BC68" s="8">
        <v>5.9993889430759344</v>
      </c>
      <c r="BD68" s="8">
        <v>5.7095118373527232</v>
      </c>
    </row>
    <row r="69" spans="3:56" x14ac:dyDescent="0.2">
      <c r="C69" s="5" t="s">
        <v>65</v>
      </c>
      <c r="D69" s="6" t="s">
        <v>58</v>
      </c>
      <c r="E69" s="8">
        <v>3.0968397242567862</v>
      </c>
      <c r="F69" s="8">
        <v>4.3286117265342199</v>
      </c>
      <c r="G69" s="8">
        <v>3.5875405009834305</v>
      </c>
      <c r="H69" s="8">
        <v>3.3574956813663177</v>
      </c>
      <c r="I69" s="8">
        <v>3.2324739339809283</v>
      </c>
      <c r="J69" s="8">
        <v>3.6881417739847571</v>
      </c>
      <c r="K69" s="8">
        <v>3.4359030350295705</v>
      </c>
      <c r="L69" s="8">
        <v>3.9952873963345961</v>
      </c>
      <c r="M69" s="8">
        <v>3.9564962950300635</v>
      </c>
      <c r="N69" s="8">
        <v>3.6317686078215923</v>
      </c>
      <c r="O69" s="8">
        <v>3.8069450895684795</v>
      </c>
      <c r="P69" s="8">
        <v>4.2664493561699972</v>
      </c>
      <c r="Q69" s="8">
        <v>4.9737284646284312</v>
      </c>
      <c r="R69" s="8">
        <v>3.1535626375825494</v>
      </c>
      <c r="S69" s="8">
        <v>4.1980085283092494</v>
      </c>
      <c r="T69" s="8">
        <v>3.1143015037414883</v>
      </c>
      <c r="U69" s="8">
        <v>3.1289020443345748</v>
      </c>
      <c r="V69" s="8">
        <v>3.8575688598105686</v>
      </c>
      <c r="W69" s="17">
        <v>3.6113869712884856</v>
      </c>
      <c r="X69" s="8">
        <v>3.9774760167544927</v>
      </c>
      <c r="Y69" s="8">
        <v>3.4236016953601589</v>
      </c>
      <c r="Z69" s="8">
        <v>3.7537554403721587</v>
      </c>
      <c r="AA69" s="8">
        <v>3.321470088005225</v>
      </c>
      <c r="AB69" s="8">
        <v>3.2745519949484985</v>
      </c>
      <c r="AC69" s="8">
        <v>4.0463379841569926</v>
      </c>
      <c r="AD69" s="8">
        <v>3.7805083345728909</v>
      </c>
      <c r="AE69" s="8">
        <v>3.6227243981040238</v>
      </c>
      <c r="AF69" s="8">
        <v>3.8742232290444423</v>
      </c>
      <c r="AG69" s="8">
        <v>3.9731494214518004</v>
      </c>
      <c r="AH69" s="8">
        <v>4.2813167304417625</v>
      </c>
      <c r="AI69" s="8">
        <v>3.7586792824112032</v>
      </c>
      <c r="AJ69" s="8">
        <v>3.786228577731872</v>
      </c>
      <c r="AK69" s="8">
        <v>4.1144717095490941</v>
      </c>
      <c r="AL69" s="8">
        <v>3.3934896151558434</v>
      </c>
      <c r="AM69" s="8">
        <v>3.3117919096685235</v>
      </c>
      <c r="AN69" s="8">
        <v>3.236663727756572</v>
      </c>
      <c r="AO69" s="8">
        <v>3.1138707092039639</v>
      </c>
      <c r="AP69" s="8">
        <v>2.5973088702109068</v>
      </c>
      <c r="AQ69" s="8">
        <v>4.0773684769464245</v>
      </c>
      <c r="AR69" s="8">
        <v>2.9526085334203973</v>
      </c>
      <c r="AS69" s="8">
        <v>3.7421178617432376</v>
      </c>
      <c r="AT69" s="8">
        <v>2.6563675685431112</v>
      </c>
      <c r="AU69" s="8">
        <v>2.5459746604619551</v>
      </c>
      <c r="AV69" s="8">
        <v>3.4185796635764056</v>
      </c>
      <c r="AW69" s="8">
        <v>2.7029129151417921</v>
      </c>
      <c r="AX69" s="8">
        <v>2.5029717825771214</v>
      </c>
      <c r="AY69" s="8">
        <v>2.0625064952540653</v>
      </c>
      <c r="AZ69" s="8">
        <v>3.0313169192231313</v>
      </c>
      <c r="BA69" s="8">
        <v>3.0042311670656381</v>
      </c>
      <c r="BB69" s="8">
        <v>3.1120116254688628</v>
      </c>
      <c r="BC69" s="8">
        <v>4.3656318870906698</v>
      </c>
      <c r="BD69" s="8">
        <v>4.9981165022384344</v>
      </c>
    </row>
    <row r="70" spans="3:56" x14ac:dyDescent="0.2">
      <c r="C70" s="5" t="s">
        <v>66</v>
      </c>
      <c r="D70" s="6" t="s">
        <v>58</v>
      </c>
      <c r="E70" s="8">
        <v>5.0005964916173848</v>
      </c>
      <c r="F70" s="8">
        <v>4.1041126502496192</v>
      </c>
      <c r="G70" s="8">
        <v>3.727713010490489</v>
      </c>
      <c r="H70" s="8">
        <v>3.2662842303702972</v>
      </c>
      <c r="I70" s="8">
        <v>2.7497061261992006</v>
      </c>
      <c r="J70" s="8">
        <v>4.9950712140862521</v>
      </c>
      <c r="K70" s="8">
        <v>4.7670853646683282</v>
      </c>
      <c r="L70" s="8">
        <v>3.916455084502259</v>
      </c>
      <c r="M70" s="8">
        <v>3.4229164182045388</v>
      </c>
      <c r="N70" s="8">
        <v>3.7847001252333357</v>
      </c>
      <c r="O70" s="8">
        <v>4.7066026823729779</v>
      </c>
      <c r="P70" s="8">
        <v>5.1334359527381848</v>
      </c>
      <c r="Q70" s="8">
        <v>4.5501989972459578</v>
      </c>
      <c r="R70" s="8">
        <v>4.0882925523780393</v>
      </c>
      <c r="S70" s="8">
        <v>5.7098777531751503</v>
      </c>
      <c r="T70" s="8">
        <v>3.3359978293824799</v>
      </c>
      <c r="U70" s="8">
        <v>2.5007024863356522</v>
      </c>
      <c r="V70" s="8">
        <v>2.8957546862568071</v>
      </c>
      <c r="W70" s="17">
        <v>2.894958304866448</v>
      </c>
      <c r="X70" s="8">
        <v>2.8952097815166118</v>
      </c>
      <c r="Y70" s="8">
        <v>2.363157812892076</v>
      </c>
      <c r="Z70" s="8">
        <v>2.7331563287626359</v>
      </c>
      <c r="AA70" s="8">
        <v>2.741884836050112</v>
      </c>
      <c r="AB70" s="8">
        <v>3.1006313334914237</v>
      </c>
      <c r="AC70" s="8">
        <v>3.0056845998306345</v>
      </c>
      <c r="AD70" s="8">
        <v>3.2918771013448609</v>
      </c>
      <c r="AE70" s="8">
        <v>2.9366103371556926</v>
      </c>
      <c r="AF70" s="8">
        <v>2.8755437573738636</v>
      </c>
      <c r="AG70" s="8">
        <v>2.9107999838141869</v>
      </c>
      <c r="AH70" s="8">
        <v>2.6018865761374044</v>
      </c>
      <c r="AI70" s="8">
        <v>2.7801122518387102</v>
      </c>
      <c r="AJ70" s="8">
        <v>2.4312541839925155</v>
      </c>
      <c r="AK70" s="8">
        <v>2.7077892731754689</v>
      </c>
      <c r="AL70" s="8">
        <v>2.6337925819384989</v>
      </c>
      <c r="AM70" s="8">
        <v>3.1710375729699845</v>
      </c>
      <c r="AN70" s="8">
        <v>3.0616224350961465</v>
      </c>
      <c r="AO70" s="8">
        <v>2.8131465071385744</v>
      </c>
      <c r="AP70" s="8">
        <v>2.6752264412054694</v>
      </c>
      <c r="AQ70" s="8">
        <v>2.940276477291226</v>
      </c>
      <c r="AR70" s="8">
        <v>2.8179638701878682</v>
      </c>
      <c r="AS70" s="8">
        <v>2.7279635819578916</v>
      </c>
      <c r="AT70" s="8">
        <v>3.1869926303223233</v>
      </c>
      <c r="AU70" s="8">
        <v>2.7388954689809348</v>
      </c>
      <c r="AV70" s="8">
        <v>3.08</v>
      </c>
      <c r="AW70" s="8">
        <v>3.8375085010088665</v>
      </c>
      <c r="AX70" s="8">
        <v>4.1069948479686742</v>
      </c>
      <c r="AY70" s="8">
        <v>3.2877255390645037</v>
      </c>
      <c r="AZ70" s="8">
        <v>3.3668520097420238</v>
      </c>
      <c r="BA70" s="8">
        <v>3.4768476996810738</v>
      </c>
      <c r="BB70" s="8">
        <v>6.1112095234627368</v>
      </c>
      <c r="BC70" s="8">
        <v>5.271335188966785</v>
      </c>
      <c r="BD70" s="8">
        <v>6.5127438352044908</v>
      </c>
    </row>
    <row r="71" spans="3:56" x14ac:dyDescent="0.2">
      <c r="C71" s="5" t="s">
        <v>116</v>
      </c>
      <c r="D71" s="6" t="s">
        <v>58</v>
      </c>
      <c r="E71" s="8">
        <v>8.8990932622166454</v>
      </c>
      <c r="F71" s="8">
        <v>9.7688532427032158</v>
      </c>
      <c r="G71" s="8">
        <v>9.13669310153211</v>
      </c>
      <c r="H71" s="8">
        <v>8.1686426659477362</v>
      </c>
      <c r="I71" s="8">
        <v>7.9100788035577159</v>
      </c>
      <c r="J71" s="8">
        <v>6.6857378598029689</v>
      </c>
      <c r="K71" s="8">
        <v>6.5641454649216833</v>
      </c>
      <c r="L71" s="8">
        <v>7.3109193707934912</v>
      </c>
      <c r="M71" s="8">
        <v>6.7448725646056014</v>
      </c>
      <c r="N71" s="8">
        <v>6.3110880634076594</v>
      </c>
      <c r="O71" s="8">
        <v>6.3876927041806608</v>
      </c>
      <c r="P71" s="8">
        <v>5.7355631512617959</v>
      </c>
      <c r="Q71" s="8">
        <v>6.0252264507787014</v>
      </c>
      <c r="R71" s="8">
        <v>6.4070357559804805</v>
      </c>
      <c r="S71" s="8">
        <v>7.2530268587360593</v>
      </c>
      <c r="T71" s="8">
        <v>6.9105971028913684</v>
      </c>
      <c r="U71" s="8">
        <v>6.572106681398016</v>
      </c>
      <c r="V71" s="8">
        <v>6.4499947019466557</v>
      </c>
      <c r="W71" s="17">
        <v>6.4084406167732224</v>
      </c>
      <c r="X71" s="8">
        <v>6.0852689896486361</v>
      </c>
      <c r="Y71" s="8">
        <v>6.0402916596973135</v>
      </c>
      <c r="Z71" s="8">
        <v>5.9923113435719761</v>
      </c>
      <c r="AA71" s="8">
        <v>5.5837979010742043</v>
      </c>
      <c r="AB71" s="8">
        <v>5.6438676399841041</v>
      </c>
      <c r="AC71" s="8">
        <v>5.3607866041932075</v>
      </c>
      <c r="AD71" s="8">
        <v>5.8976750041993062</v>
      </c>
      <c r="AE71" s="8">
        <v>5.9246335727460737</v>
      </c>
      <c r="AF71" s="8">
        <v>5.6173675744355922</v>
      </c>
      <c r="AG71" s="8">
        <v>5.3064271217780963</v>
      </c>
      <c r="AH71" s="8">
        <v>5.5127484288934339</v>
      </c>
      <c r="AI71" s="8">
        <v>5.6405574217550702</v>
      </c>
      <c r="AJ71" s="8">
        <v>6.0726435580224001</v>
      </c>
      <c r="AK71" s="8">
        <v>5.5873402889391333</v>
      </c>
      <c r="AL71" s="8">
        <v>5.9298897817035678</v>
      </c>
      <c r="AM71" s="8">
        <v>6.3706325253610601</v>
      </c>
      <c r="AN71" s="8">
        <v>6.4889901288098981</v>
      </c>
      <c r="AO71" s="8">
        <v>6.0287207695850169</v>
      </c>
      <c r="AP71" s="115">
        <v>6.4211743547795237</v>
      </c>
      <c r="AQ71" s="8">
        <v>6.8104148357154966</v>
      </c>
      <c r="AR71" s="8">
        <v>7.2645175733496323</v>
      </c>
      <c r="AS71" s="8">
        <v>6.7944743082186836</v>
      </c>
      <c r="AT71" s="8">
        <v>7.1271354971409764</v>
      </c>
      <c r="AU71" s="8">
        <v>7.3781698436053436</v>
      </c>
      <c r="AV71" s="8">
        <v>6.975813361429462</v>
      </c>
      <c r="AW71" s="8">
        <v>7.3361860024293826</v>
      </c>
      <c r="AX71" s="8">
        <v>7.3034970850291501</v>
      </c>
      <c r="AY71" s="8">
        <v>7.2962737509038949</v>
      </c>
      <c r="AZ71" s="8">
        <v>6.8243797893940163</v>
      </c>
      <c r="BA71" s="8">
        <v>6.2027273746775808</v>
      </c>
      <c r="BB71" s="8">
        <v>6.902016212639241</v>
      </c>
      <c r="BC71" s="8">
        <v>7.2703095926600261</v>
      </c>
      <c r="BD71" s="8">
        <v>7.0939122835534043</v>
      </c>
    </row>
    <row r="72" spans="3:56" x14ac:dyDescent="0.2">
      <c r="C72" s="5" t="s">
        <v>68</v>
      </c>
      <c r="D72" s="6" t="s">
        <v>58</v>
      </c>
      <c r="E72" s="8">
        <v>3.7247498548645974</v>
      </c>
      <c r="F72" s="8">
        <v>4.0318541560807546</v>
      </c>
      <c r="G72" s="8">
        <v>3.9285923823987856</v>
      </c>
      <c r="H72" s="8">
        <v>3.48977166383639</v>
      </c>
      <c r="I72" s="8">
        <v>3.8526698037038907</v>
      </c>
      <c r="J72" s="8">
        <v>3.7003816760746853</v>
      </c>
      <c r="K72" s="8">
        <v>4.0095952854476016</v>
      </c>
      <c r="L72" s="8">
        <v>3.4306819891462039</v>
      </c>
      <c r="M72" s="8">
        <v>3.6717875808538163</v>
      </c>
      <c r="N72" s="8">
        <v>3.8236558010529009</v>
      </c>
      <c r="O72" s="8">
        <v>3.2658356679314871</v>
      </c>
      <c r="P72" s="8">
        <v>3.4102061502573409</v>
      </c>
      <c r="Q72" s="8">
        <v>3.1762609214670321</v>
      </c>
      <c r="R72" s="8">
        <v>3.4975605275837149</v>
      </c>
      <c r="S72" s="8">
        <v>3.3790263548266348</v>
      </c>
      <c r="T72" s="8">
        <v>3.1058954517807664</v>
      </c>
      <c r="U72" s="8">
        <v>2.9792488085398241</v>
      </c>
      <c r="V72" s="8">
        <v>2.8559701243728246</v>
      </c>
      <c r="W72" s="17">
        <v>3.1937119902288913</v>
      </c>
      <c r="X72" s="8">
        <v>3.377830214820893</v>
      </c>
      <c r="Y72" s="8">
        <v>3.1882583921714351</v>
      </c>
      <c r="Z72" s="8">
        <v>3.1427991779465878</v>
      </c>
      <c r="AA72" s="8">
        <v>3.1129567034242598</v>
      </c>
      <c r="AB72" s="8">
        <v>3.1340510659453829</v>
      </c>
      <c r="AC72" s="8">
        <v>3.3067982145283863</v>
      </c>
      <c r="AD72" s="8">
        <v>3.3798452737252473</v>
      </c>
      <c r="AE72" s="8">
        <v>3.5996713026344409</v>
      </c>
      <c r="AF72" s="8">
        <v>3.7221587267944196</v>
      </c>
      <c r="AG72" s="8">
        <v>3.2707859787135583</v>
      </c>
      <c r="AH72" s="8">
        <v>3.3348597798065831</v>
      </c>
      <c r="AI72" s="8">
        <v>3.3605563182622493</v>
      </c>
      <c r="AJ72" s="8">
        <v>2.9881789079487802</v>
      </c>
      <c r="AK72" s="8">
        <v>3.1793143083630597</v>
      </c>
      <c r="AL72" s="8">
        <v>2.8635467822788239</v>
      </c>
      <c r="AM72" s="8">
        <v>2.9847123157513091</v>
      </c>
      <c r="AN72" s="8">
        <v>2.8339219215364073</v>
      </c>
      <c r="AO72" s="8">
        <v>2.6511962659484625</v>
      </c>
      <c r="AP72" s="115">
        <v>2.759415191653968</v>
      </c>
      <c r="AQ72" s="8">
        <v>2.7441630984741763</v>
      </c>
      <c r="AR72" s="8">
        <v>2.6618456024484534</v>
      </c>
      <c r="AS72" s="8">
        <v>2.6185683890577511</v>
      </c>
      <c r="AT72" s="8">
        <v>2.8395869232979032</v>
      </c>
      <c r="AU72" s="8">
        <v>2.9270812600343241</v>
      </c>
      <c r="AV72" s="8">
        <v>3.314235522553663</v>
      </c>
      <c r="AW72" s="8">
        <v>3.3407893833131803</v>
      </c>
      <c r="AX72" s="8">
        <v>3.2515480623079829</v>
      </c>
      <c r="AY72" s="8">
        <v>3.0353348869184251</v>
      </c>
      <c r="AZ72" s="8">
        <v>3.0435470205975466</v>
      </c>
      <c r="BA72" s="8">
        <v>2.9554874924317263</v>
      </c>
      <c r="BB72" s="8">
        <v>3.1616601073989981</v>
      </c>
      <c r="BC72" s="8">
        <v>3.708693819842845</v>
      </c>
      <c r="BD72" s="8">
        <v>3.8839459060923556</v>
      </c>
    </row>
    <row r="73" spans="3:56" x14ac:dyDescent="0.2">
      <c r="C73" s="5" t="s">
        <v>69</v>
      </c>
      <c r="D73" s="6" t="s">
        <v>58</v>
      </c>
      <c r="E73" s="8">
        <v>2.7003333608553857</v>
      </c>
      <c r="F73" s="8">
        <v>2.9929736700698553</v>
      </c>
      <c r="G73" s="8">
        <v>2.4151116237619292</v>
      </c>
      <c r="H73" s="8">
        <v>2.5369078962047347</v>
      </c>
      <c r="I73" s="8">
        <v>1.6285622320159567</v>
      </c>
      <c r="J73" s="8">
        <v>2.3353524274709478</v>
      </c>
      <c r="K73" s="8">
        <v>2.1870312362957485</v>
      </c>
      <c r="L73" s="8">
        <v>1.8380264051084394</v>
      </c>
      <c r="M73" s="8">
        <v>1.7622891884568488</v>
      </c>
      <c r="N73" s="8">
        <v>1.5845412311978742</v>
      </c>
      <c r="O73" s="8">
        <v>1.7382972239153323</v>
      </c>
      <c r="P73" s="8">
        <v>2.2781697988215197</v>
      </c>
      <c r="Q73" s="8">
        <v>1.9523658766385235</v>
      </c>
      <c r="R73" s="8">
        <v>1.9081154548620243</v>
      </c>
      <c r="S73" s="8">
        <v>1.9249742763043856</v>
      </c>
      <c r="T73" s="8">
        <v>1.4976031378029027</v>
      </c>
      <c r="U73" s="8">
        <v>1.6602494258054823</v>
      </c>
      <c r="V73" s="8">
        <v>1.9013898957266306</v>
      </c>
      <c r="W73" s="17">
        <v>1.6932535111472402</v>
      </c>
      <c r="X73" s="8">
        <v>1.7950156854657064</v>
      </c>
      <c r="Y73" s="8">
        <v>1.4887347831844109</v>
      </c>
      <c r="Z73" s="8">
        <v>1.5128160462877991</v>
      </c>
      <c r="AA73" s="8">
        <v>1.7694018998510508</v>
      </c>
      <c r="AB73" s="8">
        <v>1.5059968539068755</v>
      </c>
      <c r="AC73" s="8">
        <v>1.5825174199336538</v>
      </c>
      <c r="AD73" s="8">
        <v>1.5199024024106285</v>
      </c>
      <c r="AE73" s="8">
        <v>1.5085579007166576</v>
      </c>
      <c r="AF73" s="8">
        <v>1.5699667079772486</v>
      </c>
      <c r="AG73" s="8">
        <v>1.5555323336593141</v>
      </c>
      <c r="AH73" s="8">
        <v>1.60476961566413</v>
      </c>
      <c r="AI73" s="8">
        <v>1.7950016697752913</v>
      </c>
      <c r="AJ73" s="8">
        <v>1.8458612347152883</v>
      </c>
      <c r="AK73" s="8">
        <v>1.7167417957163122</v>
      </c>
      <c r="AL73" s="8">
        <v>1.7855443187392079</v>
      </c>
      <c r="AM73" s="8">
        <v>1.7779994555671808</v>
      </c>
      <c r="AN73" s="8">
        <v>1.551352341021335</v>
      </c>
      <c r="AO73" s="8">
        <v>2.1936926899117597</v>
      </c>
      <c r="AP73" s="115">
        <v>2.2337769897228363</v>
      </c>
      <c r="AQ73" s="8">
        <v>2.8949385419073388</v>
      </c>
      <c r="AR73" s="8">
        <v>2.5846582139366454</v>
      </c>
      <c r="AS73" s="8">
        <v>2.1806072955069986</v>
      </c>
      <c r="AT73" s="8">
        <v>2.509935671977976</v>
      </c>
      <c r="AU73" s="8">
        <v>2.3092276124671103</v>
      </c>
      <c r="AV73" s="8">
        <v>2.5316412744771126</v>
      </c>
      <c r="AW73" s="8">
        <v>2.6022214162531414</v>
      </c>
      <c r="AX73" s="8">
        <v>2.7688785264839728</v>
      </c>
      <c r="AY73" s="8">
        <v>2.2309818546723026</v>
      </c>
      <c r="AZ73" s="8">
        <v>2.656547155516026</v>
      </c>
      <c r="BA73" s="8">
        <v>2.6973010861482569</v>
      </c>
      <c r="BB73" s="8">
        <v>2.5599288618517022</v>
      </c>
      <c r="BC73" s="8">
        <v>2.1443726754047807</v>
      </c>
      <c r="BD73" s="8">
        <v>2.9554629337161993</v>
      </c>
    </row>
    <row r="74" spans="3:56" x14ac:dyDescent="0.2">
      <c r="C74" s="5" t="s">
        <v>70</v>
      </c>
      <c r="D74" s="6" t="s">
        <v>58</v>
      </c>
      <c r="E74" s="8">
        <v>4.1334742940863078</v>
      </c>
      <c r="F74" s="8">
        <v>4.2351208388918185</v>
      </c>
      <c r="G74" s="8">
        <v>3.4568444478163012</v>
      </c>
      <c r="H74" s="8">
        <v>3.619485921182561</v>
      </c>
      <c r="I74" s="8">
        <v>3.766169511438922</v>
      </c>
      <c r="J74" s="8">
        <v>3.9629824044564668</v>
      </c>
      <c r="K74" s="8">
        <v>3.7852815553046293</v>
      </c>
      <c r="L74" s="8">
        <v>3.9996747796894674</v>
      </c>
      <c r="M74" s="8">
        <v>3.9339148981550602</v>
      </c>
      <c r="N74" s="8">
        <v>3.5181593782189342</v>
      </c>
      <c r="O74" s="8">
        <v>2.5676406899072814</v>
      </c>
      <c r="P74" s="8">
        <v>2.1697797822422671</v>
      </c>
      <c r="Q74" s="8">
        <v>2.1545203647145375</v>
      </c>
      <c r="R74" s="8">
        <v>1.9783550963090273</v>
      </c>
      <c r="S74" s="8">
        <v>1.9086673733474671</v>
      </c>
      <c r="T74" s="8">
        <v>1.8677831733600587</v>
      </c>
      <c r="U74" s="8">
        <v>1.9928061032092128</v>
      </c>
      <c r="V74" s="8">
        <v>2.5019960958713106</v>
      </c>
      <c r="W74" s="17">
        <v>2.6025941704326208</v>
      </c>
      <c r="X74" s="8">
        <v>2.840906194105004</v>
      </c>
      <c r="Y74" s="8">
        <v>3.0074361098403828</v>
      </c>
      <c r="Z74" s="8">
        <v>3.1947635492593465</v>
      </c>
      <c r="AA74" s="8">
        <v>3.9044976851851851</v>
      </c>
      <c r="AB74" s="8">
        <v>3.9532852589327874</v>
      </c>
      <c r="AC74" s="8">
        <v>4.0647778749878487</v>
      </c>
      <c r="AD74" s="8">
        <v>4.0760225140712949</v>
      </c>
      <c r="AE74" s="8">
        <v>3.9151127694464911</v>
      </c>
      <c r="AF74" s="8">
        <v>3.8790427335933524</v>
      </c>
      <c r="AG74" s="8">
        <v>3.8295993920312674</v>
      </c>
      <c r="AH74" s="8">
        <v>3.8490575396825397</v>
      </c>
      <c r="AI74" s="8">
        <v>4.3152583395783122</v>
      </c>
      <c r="AJ74" s="8">
        <v>4.279373830855568</v>
      </c>
      <c r="AK74" s="8">
        <v>3.6629345042078301</v>
      </c>
      <c r="AL74" s="8">
        <v>3.760731924909364</v>
      </c>
      <c r="AM74" s="8">
        <v>3.8102087999422003</v>
      </c>
      <c r="AN74" s="8">
        <v>3.83418252889191</v>
      </c>
      <c r="AO74" s="8">
        <v>4.0429230279898221</v>
      </c>
      <c r="AP74" s="115">
        <v>3.7570327018221308</v>
      </c>
      <c r="AQ74" s="8">
        <v>3.8641853719777486</v>
      </c>
      <c r="AR74" s="8">
        <v>3.8331225118787722</v>
      </c>
      <c r="AS74" s="8">
        <v>4.1781116095340121</v>
      </c>
      <c r="AT74" s="8">
        <v>3.701168055940478</v>
      </c>
      <c r="AU74" s="8">
        <v>3.7472580682104488</v>
      </c>
      <c r="AV74" s="8">
        <v>3.7581658962506421</v>
      </c>
      <c r="AW74" s="8">
        <v>3.8978251949117766</v>
      </c>
      <c r="AX74" s="8">
        <v>3.8117198577438924</v>
      </c>
      <c r="AY74" s="8">
        <v>3.9466471427498684</v>
      </c>
      <c r="AZ74" s="8">
        <v>3.8892374436842987</v>
      </c>
      <c r="BA74" s="8">
        <v>4.3047042015715302</v>
      </c>
      <c r="BB74" s="8">
        <v>4.4812585241969618</v>
      </c>
      <c r="BC74" s="8">
        <v>4.5738020086083218</v>
      </c>
      <c r="BD74" s="8">
        <v>4.4616892058896225</v>
      </c>
    </row>
    <row r="75" spans="3:56" x14ac:dyDescent="0.2">
      <c r="C75" s="5" t="s">
        <v>101</v>
      </c>
      <c r="D75" s="6" t="s">
        <v>58</v>
      </c>
      <c r="E75" s="8">
        <v>8.4178110642582915</v>
      </c>
      <c r="F75" s="8">
        <v>7.8481241685144125</v>
      </c>
      <c r="G75" s="8">
        <v>7.8064203368634972</v>
      </c>
      <c r="H75" s="8">
        <v>7.6699291100531672</v>
      </c>
      <c r="I75" s="8">
        <v>7.0951975667812759</v>
      </c>
      <c r="J75" s="8">
        <v>8.0026921348314595</v>
      </c>
      <c r="K75" s="8">
        <v>8.6981799221357061</v>
      </c>
      <c r="L75" s="8">
        <v>7.2239180680050374</v>
      </c>
      <c r="M75" s="8">
        <v>7.3775671585319715</v>
      </c>
      <c r="N75" s="8">
        <v>8.2582886859769005</v>
      </c>
      <c r="O75" s="8">
        <v>8.5274212241941321</v>
      </c>
      <c r="P75" s="8">
        <v>7.6924913584068513</v>
      </c>
      <c r="Q75" s="8">
        <v>7.4045095999653272</v>
      </c>
      <c r="R75" s="8">
        <v>7.3993590559195876</v>
      </c>
      <c r="S75" s="8">
        <v>7.1506110988769001</v>
      </c>
      <c r="T75" s="8">
        <v>7.1188577627959244</v>
      </c>
      <c r="U75" s="8">
        <v>7.7158128455976183</v>
      </c>
      <c r="V75" s="8">
        <v>7.6310430297210994</v>
      </c>
      <c r="W75" s="17">
        <v>8.6395984079423993</v>
      </c>
      <c r="X75" s="8">
        <v>9.4559383978367428</v>
      </c>
      <c r="Y75" s="8">
        <v>8.5556383476957674</v>
      </c>
      <c r="Z75" s="8">
        <v>8.2523521875117769</v>
      </c>
      <c r="AA75" s="8">
        <v>8.3789905177750974</v>
      </c>
      <c r="AB75" s="8">
        <v>8.0993317277529293</v>
      </c>
      <c r="AC75" s="8">
        <v>9.0795668160124663</v>
      </c>
      <c r="AD75" s="8">
        <v>9.0536100471887764</v>
      </c>
      <c r="AE75" s="8">
        <v>6.4226782363593156</v>
      </c>
      <c r="AF75" s="39">
        <v>6.0509209088694806</v>
      </c>
      <c r="AG75" s="39">
        <v>5.8315817272497146</v>
      </c>
      <c r="AH75" s="39">
        <v>5.6645799220272908</v>
      </c>
      <c r="AI75" s="39">
        <v>5.7322926563007108</v>
      </c>
      <c r="AJ75" s="8">
        <v>5.7995584880064133</v>
      </c>
      <c r="AK75" s="39">
        <v>5.6472561127653025</v>
      </c>
      <c r="AL75" s="8">
        <v>5.8608563592683671</v>
      </c>
      <c r="AM75" s="8">
        <v>6.1733885704324276</v>
      </c>
      <c r="AN75" s="8">
        <v>6.1038552188552195</v>
      </c>
      <c r="AO75" s="8">
        <v>5.3654543703790534</v>
      </c>
      <c r="AP75" s="115">
        <v>5.8046607494111075</v>
      </c>
      <c r="AQ75" s="8">
        <v>6.2277458073002299</v>
      </c>
      <c r="AR75" s="8">
        <v>6.5357139002673605</v>
      </c>
      <c r="AS75" s="115">
        <v>5.6689351933087675</v>
      </c>
      <c r="AT75" s="39">
        <v>5.7704387876996588</v>
      </c>
      <c r="AU75" s="39">
        <v>5.5199402700700126</v>
      </c>
      <c r="AV75" s="8">
        <v>6.1494933938780534</v>
      </c>
      <c r="AW75" s="8">
        <v>5.9575225677031085</v>
      </c>
      <c r="AX75" s="8">
        <v>5.4174895132568262</v>
      </c>
      <c r="AY75" s="8">
        <v>6.1170291710912617</v>
      </c>
      <c r="AZ75" s="8">
        <v>6.6572375018994077</v>
      </c>
      <c r="BA75" s="8">
        <v>6.4078456418309226</v>
      </c>
      <c r="BB75" s="8">
        <v>7.6424212001318832</v>
      </c>
      <c r="BC75" s="8">
        <v>6.6872278374815233</v>
      </c>
      <c r="BD75" s="8">
        <v>5.9021681180024883</v>
      </c>
    </row>
    <row r="76" spans="3:56" x14ac:dyDescent="0.2">
      <c r="C76" s="5" t="s">
        <v>71</v>
      </c>
      <c r="D76" s="6" t="s">
        <v>58</v>
      </c>
      <c r="E76" s="8">
        <v>4.3004005445311275</v>
      </c>
      <c r="F76" s="8">
        <v>4.2019305794607007</v>
      </c>
      <c r="G76" s="8">
        <v>4.2004938865617572</v>
      </c>
      <c r="H76" s="8">
        <v>4.1888508997429303</v>
      </c>
      <c r="I76" s="8">
        <v>4.1824391936836625</v>
      </c>
      <c r="J76" s="8">
        <v>4.188172043010753</v>
      </c>
      <c r="K76" s="8">
        <v>4.2841113153758021</v>
      </c>
      <c r="L76" s="8">
        <v>4.1973875696971001</v>
      </c>
      <c r="M76" s="8">
        <v>4.2122999705478108</v>
      </c>
      <c r="N76" s="8">
        <v>4.1996565616537875</v>
      </c>
      <c r="O76" s="8">
        <v>4.463863042194923</v>
      </c>
      <c r="P76" s="8">
        <v>4.5507659562550762</v>
      </c>
      <c r="Q76" s="8">
        <v>4.1884571528813259</v>
      </c>
      <c r="R76" s="8">
        <v>4.3854260651629069</v>
      </c>
      <c r="S76" s="8">
        <v>4.2482639747287454</v>
      </c>
      <c r="T76" s="8">
        <v>4.1886093361732337</v>
      </c>
      <c r="U76" s="8">
        <v>4.1907300786466832</v>
      </c>
      <c r="V76" s="8">
        <v>4.5419331336517441</v>
      </c>
      <c r="W76" s="17">
        <v>4.1628751915203583</v>
      </c>
      <c r="X76" s="8">
        <v>4.0867966545747683</v>
      </c>
      <c r="Y76" s="8">
        <v>4.0771077998063729</v>
      </c>
      <c r="Z76" s="8">
        <v>4.0490844898953009</v>
      </c>
      <c r="AA76" s="8">
        <v>4.0595874561123519</v>
      </c>
      <c r="AB76" s="8">
        <v>4.059358879882093</v>
      </c>
      <c r="AC76" s="8">
        <v>4.0507013840645536</v>
      </c>
      <c r="AD76" s="8">
        <v>4.0448365208428765</v>
      </c>
      <c r="AE76" s="8">
        <v>4.0488939473530614</v>
      </c>
      <c r="AF76" s="39">
        <v>4.0604689161501151</v>
      </c>
      <c r="AG76" s="39">
        <v>4.0151687036796258</v>
      </c>
      <c r="AH76" s="8">
        <v>4.0194434648799406</v>
      </c>
      <c r="AI76" s="39">
        <v>4.0589098960994718</v>
      </c>
      <c r="AJ76" s="8">
        <v>4.2057560020663969</v>
      </c>
      <c r="AK76" s="39">
        <v>4.2762037986881785</v>
      </c>
      <c r="AL76" s="39">
        <v>4.2765867033995217</v>
      </c>
      <c r="AM76" s="8">
        <v>4.2673067656812451</v>
      </c>
      <c r="AN76" s="8">
        <v>4.2740634421287194</v>
      </c>
      <c r="AO76" s="8">
        <v>4.2638592750533046</v>
      </c>
      <c r="AP76" s="115">
        <v>4.2714940524732148</v>
      </c>
      <c r="AQ76" s="8">
        <v>4.2757356762776881</v>
      </c>
      <c r="AR76" s="8">
        <v>4.271353596712598</v>
      </c>
      <c r="AS76" s="8">
        <v>4.2679107407071895</v>
      </c>
      <c r="AT76" s="8">
        <v>4.2736683263657289</v>
      </c>
      <c r="AU76" s="8">
        <v>4.5193949694085651</v>
      </c>
      <c r="AV76" s="8">
        <v>4.2720108949416344</v>
      </c>
      <c r="AW76" s="8">
        <v>4.2501506024096383</v>
      </c>
      <c r="AX76" s="8">
        <v>4.2711666185388388</v>
      </c>
      <c r="AY76" s="8">
        <v>4.2789771871138829</v>
      </c>
      <c r="AZ76" s="8">
        <v>4.261823054043437</v>
      </c>
      <c r="BA76" s="8">
        <v>4.2803768952679011</v>
      </c>
      <c r="BB76" s="8">
        <v>4.2847450210051345</v>
      </c>
      <c r="BC76" s="8">
        <v>4.2794174354908456</v>
      </c>
      <c r="BD76" s="8">
        <v>4.7668035148372221</v>
      </c>
    </row>
    <row r="77" spans="3:56" x14ac:dyDescent="0.2">
      <c r="C77" s="5" t="s">
        <v>102</v>
      </c>
      <c r="D77" s="6" t="s">
        <v>58</v>
      </c>
      <c r="E77" s="8">
        <v>5.4049386555618515</v>
      </c>
      <c r="F77" s="8">
        <v>5.4558319974134797</v>
      </c>
      <c r="G77" s="8">
        <v>5.5324040798565042</v>
      </c>
      <c r="H77" s="8">
        <v>5.6883296075509184</v>
      </c>
      <c r="I77" s="8">
        <v>5.606900346268068</v>
      </c>
      <c r="J77" s="8">
        <v>5.5968783739533139</v>
      </c>
      <c r="K77" s="8">
        <v>5.4720498329216918</v>
      </c>
      <c r="L77" s="8">
        <v>5.4827840956790723</v>
      </c>
      <c r="M77" s="8">
        <v>5.4746268641867211</v>
      </c>
      <c r="N77" s="8">
        <v>5.5492429528103715</v>
      </c>
      <c r="O77" s="8">
        <v>5.4428572475450681</v>
      </c>
      <c r="P77" s="8">
        <v>5.3402718318698357</v>
      </c>
      <c r="Q77" s="8">
        <v>5.410058049849801</v>
      </c>
      <c r="R77" s="8">
        <v>5.4752335638103986</v>
      </c>
      <c r="S77" s="8">
        <v>5.6536798291845729</v>
      </c>
      <c r="T77" s="8">
        <v>5.8882990079792963</v>
      </c>
      <c r="U77" s="8">
        <v>5.5352404305514398</v>
      </c>
      <c r="V77" s="8">
        <v>5.6957042318655358</v>
      </c>
      <c r="W77" s="17">
        <v>5.5161560117145534</v>
      </c>
      <c r="X77" s="8">
        <v>5.6598159485400812</v>
      </c>
      <c r="Y77" s="8">
        <v>5.3579588442993282</v>
      </c>
      <c r="Z77" s="8">
        <v>5.6872204347740967</v>
      </c>
      <c r="AA77" s="8">
        <v>5.7383604459028597</v>
      </c>
      <c r="AB77" s="8">
        <v>5.7519058950041764</v>
      </c>
      <c r="AC77" s="8">
        <v>5.4051929874078679</v>
      </c>
      <c r="AD77" s="8">
        <v>5.0881619497440091</v>
      </c>
      <c r="AE77" s="8">
        <v>5.0967039399116949</v>
      </c>
      <c r="AF77" s="8">
        <v>5.0662912057643998</v>
      </c>
      <c r="AG77" s="8">
        <v>5.0969511589053846</v>
      </c>
      <c r="AH77" s="8">
        <v>5.3042888200081597</v>
      </c>
      <c r="AI77" s="8">
        <v>5.1991743922366362</v>
      </c>
      <c r="AJ77" s="8">
        <v>4.9961105906478904</v>
      </c>
      <c r="AK77" s="8">
        <v>5.099681770301201</v>
      </c>
      <c r="AL77" s="8">
        <v>5.4738302592153723</v>
      </c>
      <c r="AM77" s="8">
        <v>5.1771302614751269</v>
      </c>
      <c r="AN77" s="8">
        <v>5.3142983943264426</v>
      </c>
      <c r="AO77" s="8">
        <v>5.8136495684587377</v>
      </c>
      <c r="AP77" s="115">
        <v>5.1947001809362821</v>
      </c>
      <c r="AQ77" s="8">
        <v>5.0900971518223503</v>
      </c>
      <c r="AR77" s="8">
        <v>5.0266729247686737</v>
      </c>
      <c r="AS77" s="8">
        <v>4.5952332120582122</v>
      </c>
      <c r="AT77" s="8">
        <v>4.1923712615039488</v>
      </c>
      <c r="AU77" s="8">
        <v>5.1249341749698587</v>
      </c>
      <c r="AV77" s="8">
        <v>5.2518496251614541</v>
      </c>
      <c r="AW77" s="8">
        <v>4.9705712014855035</v>
      </c>
      <c r="AX77" s="8">
        <v>4.4734690553745935</v>
      </c>
      <c r="AY77" s="8">
        <v>4.7119002787050936</v>
      </c>
      <c r="AZ77" s="8">
        <v>4.5593194858410113</v>
      </c>
      <c r="BA77" s="8">
        <v>5.1981531793523859</v>
      </c>
      <c r="BB77" s="8">
        <v>5.0323202731847596</v>
      </c>
      <c r="BC77" s="8">
        <v>5.5513900388804451</v>
      </c>
      <c r="BD77" s="8">
        <v>5.8068817521788878</v>
      </c>
    </row>
    <row r="78" spans="3:56" x14ac:dyDescent="0.2">
      <c r="C78" s="5" t="s">
        <v>72</v>
      </c>
      <c r="D78" s="6" t="s">
        <v>58</v>
      </c>
      <c r="E78" s="8">
        <v>6.4289067652803116</v>
      </c>
      <c r="F78" s="8">
        <v>6.3342349454599791</v>
      </c>
      <c r="G78" s="8">
        <v>6.5356471146459398</v>
      </c>
      <c r="H78" s="8">
        <v>6.3993344539745349</v>
      </c>
      <c r="I78" s="8">
        <v>6.326873588023572</v>
      </c>
      <c r="J78" s="8">
        <v>6.2357273618656412</v>
      </c>
      <c r="K78" s="8">
        <v>6.5311304384033644</v>
      </c>
      <c r="L78" s="8">
        <v>6.7172711776527692</v>
      </c>
      <c r="M78" s="8">
        <v>6.9627270355352531</v>
      </c>
      <c r="N78" s="8">
        <v>7.5781603064425926</v>
      </c>
      <c r="O78" s="8">
        <v>8.061104235263933</v>
      </c>
      <c r="P78" s="8">
        <v>7.9201118566856721</v>
      </c>
      <c r="Q78" s="8">
        <v>7.8481047345373849</v>
      </c>
      <c r="R78" s="8">
        <v>8.4943983195351223</v>
      </c>
      <c r="S78" s="8">
        <v>8.616987723457509</v>
      </c>
      <c r="T78" s="8">
        <v>8.4570595324755455</v>
      </c>
      <c r="U78" s="8">
        <v>8.1706941764687926</v>
      </c>
      <c r="V78" s="8">
        <v>8.1017689271618227</v>
      </c>
      <c r="W78" s="17">
        <v>8.6797346431312352</v>
      </c>
      <c r="X78" s="8">
        <v>9.1229072531257209</v>
      </c>
      <c r="Y78" s="8">
        <v>9.2260060817841385</v>
      </c>
      <c r="Z78" s="8">
        <v>9.2215306216338906</v>
      </c>
      <c r="AA78" s="8">
        <v>8.5114725363563704</v>
      </c>
      <c r="AB78" s="8">
        <v>7.6521826501743035</v>
      </c>
      <c r="AC78" s="8">
        <v>7.8053529397035257</v>
      </c>
      <c r="AD78" s="8">
        <v>7.7864280532991774</v>
      </c>
      <c r="AE78" s="8">
        <v>6.9836920327382765</v>
      </c>
      <c r="AF78" s="8">
        <v>7.0282344718184664</v>
      </c>
      <c r="AG78" s="8">
        <v>6.7402106222357219</v>
      </c>
      <c r="AH78" s="8">
        <v>6.688499149542082</v>
      </c>
      <c r="AI78" s="8">
        <v>6.6235301313666408</v>
      </c>
      <c r="AJ78" s="8">
        <v>6.3909212415226966</v>
      </c>
      <c r="AK78" s="8">
        <v>6.7147197986635669</v>
      </c>
      <c r="AL78" s="8">
        <v>6.8851197296459601</v>
      </c>
      <c r="AM78" s="8">
        <v>7.2621490518246787</v>
      </c>
      <c r="AN78" s="8">
        <v>7.5917312177905227</v>
      </c>
      <c r="AO78" s="8">
        <v>7.9148976457666311</v>
      </c>
      <c r="AP78" s="8">
        <v>7.8243717812474456</v>
      </c>
      <c r="AQ78" s="8">
        <v>7.7297014049305108</v>
      </c>
      <c r="AR78" s="8">
        <v>8.2898700771828757</v>
      </c>
      <c r="AS78" s="8">
        <v>8.1053965294708163</v>
      </c>
      <c r="AT78" s="8">
        <v>8.1549329750090234</v>
      </c>
      <c r="AU78" s="8">
        <v>7.6960892277747623</v>
      </c>
      <c r="AV78" s="8">
        <v>7.3161487448322893</v>
      </c>
      <c r="AW78" s="8">
        <v>7.5079641258111156</v>
      </c>
      <c r="AX78" s="8">
        <v>7.3253889066186071</v>
      </c>
      <c r="AY78" s="8">
        <v>7.2087320905367074</v>
      </c>
      <c r="AZ78" s="8">
        <v>6.6031563331140788</v>
      </c>
      <c r="BA78" s="8">
        <v>6.7311297677191302</v>
      </c>
      <c r="BB78" s="8">
        <v>7.1840103694361872</v>
      </c>
      <c r="BC78" s="8">
        <v>7.3673339895692527</v>
      </c>
      <c r="BD78" s="8">
        <v>7.3350662539727258</v>
      </c>
    </row>
    <row r="79" spans="3:56" x14ac:dyDescent="0.2">
      <c r="C79" s="5" t="s">
        <v>73</v>
      </c>
      <c r="D79" s="6" t="s">
        <v>58</v>
      </c>
      <c r="E79" s="8">
        <v>5.3804793822603658</v>
      </c>
      <c r="F79" s="8">
        <v>4.8383640671993193</v>
      </c>
      <c r="G79" s="8">
        <v>5.2022338896714615</v>
      </c>
      <c r="H79" s="8">
        <v>5.3843471339623861</v>
      </c>
      <c r="I79" s="8">
        <v>5.4109253266211201</v>
      </c>
      <c r="J79" s="8">
        <v>5.3981741073464358</v>
      </c>
      <c r="K79" s="8">
        <v>5.2526613275046525</v>
      </c>
      <c r="L79" s="8">
        <v>5.0909866459627322</v>
      </c>
      <c r="M79" s="8">
        <v>6.5667631851085835</v>
      </c>
      <c r="N79" s="8">
        <v>6.9253861103912939</v>
      </c>
      <c r="O79" s="8">
        <v>6.5021156791141479</v>
      </c>
      <c r="P79" s="8">
        <v>6.7322756221830282</v>
      </c>
      <c r="Q79" s="8">
        <v>6.833658728406645</v>
      </c>
      <c r="R79" s="8">
        <v>6.5417318623702894</v>
      </c>
      <c r="S79" s="8">
        <v>5.830614167783204</v>
      </c>
      <c r="T79" s="8">
        <v>5.6750571938293639</v>
      </c>
      <c r="U79" s="8">
        <v>5.3981853863537257</v>
      </c>
      <c r="V79" s="8">
        <v>5.6905111088288667</v>
      </c>
      <c r="W79" s="17">
        <v>6.0929330156101704</v>
      </c>
      <c r="X79" s="8">
        <v>5.8512049347227215</v>
      </c>
      <c r="Y79" s="8">
        <v>5.276105660000499</v>
      </c>
      <c r="Z79" s="8">
        <v>5.1337362340747141</v>
      </c>
      <c r="AA79" s="8">
        <v>4.908880445910591</v>
      </c>
      <c r="AB79" s="8">
        <v>5.1087279999999993</v>
      </c>
      <c r="AC79" s="8">
        <v>5.5288705943922229</v>
      </c>
      <c r="AD79" s="8">
        <v>5.3210321339434286</v>
      </c>
      <c r="AE79" s="8">
        <v>5.5386591851520706</v>
      </c>
      <c r="AF79" s="8">
        <v>5.500033719480677</v>
      </c>
      <c r="AG79" s="8">
        <v>5.1025541769112008</v>
      </c>
      <c r="AH79" s="8">
        <v>4.8761805534868481</v>
      </c>
      <c r="AI79" s="8">
        <v>4.9912713847376429</v>
      </c>
      <c r="AJ79" s="8">
        <v>4.9231441913117306</v>
      </c>
      <c r="AK79" s="8">
        <v>4.700136719562054</v>
      </c>
      <c r="AL79" s="8">
        <v>4.8438201442810733</v>
      </c>
      <c r="AM79" s="8">
        <v>5.2942429076263995</v>
      </c>
      <c r="AN79" s="8">
        <v>4.7558329663834504</v>
      </c>
      <c r="AO79" s="8">
        <v>4.7876348535321096</v>
      </c>
      <c r="AP79" s="8">
        <v>4.5796162980555142</v>
      </c>
      <c r="AQ79" s="8">
        <v>4.5230382333248675</v>
      </c>
      <c r="AR79" s="8">
        <v>5.1560308186484267</v>
      </c>
      <c r="AS79" s="8">
        <v>4.836760581025259</v>
      </c>
      <c r="AT79" s="8">
        <v>5.1442800967937083</v>
      </c>
      <c r="AU79" s="8">
        <v>4.9614217892595107</v>
      </c>
      <c r="AV79" s="8">
        <v>4.6832387697089528</v>
      </c>
      <c r="AW79" s="8">
        <v>4.938794801411011</v>
      </c>
      <c r="AX79" s="8">
        <v>5.1008036598358091</v>
      </c>
      <c r="AY79" s="8">
        <v>5.1675013678858139</v>
      </c>
      <c r="AZ79" s="8">
        <v>5.2382155250212907</v>
      </c>
      <c r="BA79" s="8">
        <v>5.6512071346634443</v>
      </c>
      <c r="BB79" s="8">
        <v>4.975183339319031</v>
      </c>
      <c r="BC79" s="8">
        <v>5.7116752174024583</v>
      </c>
      <c r="BD79" s="8">
        <v>6.2499087652661727</v>
      </c>
    </row>
    <row r="80" spans="3:56" x14ac:dyDescent="0.2">
      <c r="C80" s="5" t="s">
        <v>74</v>
      </c>
      <c r="D80" s="6" t="s">
        <v>58</v>
      </c>
      <c r="E80" s="8">
        <v>1.5592692447201875</v>
      </c>
      <c r="F80" s="8">
        <v>1.5602069648820227</v>
      </c>
      <c r="G80" s="8">
        <v>1.5522047738240365</v>
      </c>
      <c r="H80" s="8">
        <v>1.5667114006200813</v>
      </c>
      <c r="I80" s="8">
        <v>1.5575152665515011</v>
      </c>
      <c r="J80" s="8">
        <v>1.5739734072542757</v>
      </c>
      <c r="K80" s="8">
        <v>1.5571915708967796</v>
      </c>
      <c r="L80" s="8">
        <v>1.5667960854011092</v>
      </c>
      <c r="M80" s="8">
        <v>1.5789126994137106</v>
      </c>
      <c r="N80" s="8">
        <v>1.5670323338142462</v>
      </c>
      <c r="O80" s="8">
        <v>1.5735937566799714</v>
      </c>
      <c r="P80" s="8">
        <v>1.5825018359069618</v>
      </c>
      <c r="Q80" s="8">
        <v>1.581730114513199</v>
      </c>
      <c r="R80" s="8">
        <v>1.5706921807504528</v>
      </c>
      <c r="S80" s="8">
        <v>1.5608919210420027</v>
      </c>
      <c r="T80" s="8">
        <v>1.5694215167758823</v>
      </c>
      <c r="U80" s="8">
        <v>1.5684236841899672</v>
      </c>
      <c r="V80" s="8">
        <v>1.5586364075314894</v>
      </c>
      <c r="W80" s="17">
        <v>1.575277385173357</v>
      </c>
      <c r="X80" s="8">
        <v>1.5634818555341712</v>
      </c>
      <c r="Y80" s="8">
        <v>1.5738371584574566</v>
      </c>
      <c r="Z80" s="8">
        <v>1.5643316719950073</v>
      </c>
      <c r="AA80" s="8">
        <v>1.5632471715811014</v>
      </c>
      <c r="AB80" s="8">
        <v>1.5711716089623979</v>
      </c>
      <c r="AC80" s="8">
        <v>1.5636554177482933</v>
      </c>
      <c r="AD80" s="8">
        <v>1.5481545994560528</v>
      </c>
      <c r="AE80" s="8">
        <v>1.5420091074182567</v>
      </c>
      <c r="AF80" s="8">
        <v>1.5410925830543394</v>
      </c>
      <c r="AG80" s="8">
        <v>1.5562257795251078</v>
      </c>
      <c r="AH80" s="8">
        <v>1.5524930059280291</v>
      </c>
      <c r="AI80" s="8">
        <v>1.5839028315604593</v>
      </c>
      <c r="AJ80" s="8">
        <v>1.6310734361763359</v>
      </c>
      <c r="AK80" s="8">
        <v>1.5952297452665221</v>
      </c>
      <c r="AL80" s="8">
        <v>1.6030690650470054</v>
      </c>
      <c r="AM80" s="8">
        <v>1.6150421784272817</v>
      </c>
      <c r="AN80" s="8">
        <v>1.6040682021048926</v>
      </c>
      <c r="AO80" s="8">
        <v>1.6152905673569062</v>
      </c>
      <c r="AP80" s="8">
        <v>1.59963008034098</v>
      </c>
      <c r="AQ80" s="8">
        <v>1.6034837657643393</v>
      </c>
      <c r="AR80" s="8">
        <v>1.5960509583871823</v>
      </c>
      <c r="AS80" s="8">
        <v>1.5977473935463531</v>
      </c>
      <c r="AT80" s="8">
        <v>1.5719372421345374</v>
      </c>
      <c r="AU80" s="8">
        <v>1.5787274464064482</v>
      </c>
      <c r="AV80" s="8">
        <v>1.5841373472166489</v>
      </c>
      <c r="AW80" s="8">
        <v>1.5804799939661991</v>
      </c>
      <c r="AX80" s="8">
        <v>1.5790298697011795</v>
      </c>
      <c r="AY80" s="8">
        <v>1.5938841668838251</v>
      </c>
      <c r="AZ80" s="8">
        <v>1.5919775173469233</v>
      </c>
      <c r="BA80" s="8">
        <v>1.5814231144724444</v>
      </c>
      <c r="BB80" s="8">
        <v>1.5814567316365302</v>
      </c>
      <c r="BC80" s="8">
        <v>1.5802123601445326</v>
      </c>
      <c r="BD80" s="8">
        <v>1.5636728734948639</v>
      </c>
    </row>
    <row r="81" spans="3:56" x14ac:dyDescent="0.2">
      <c r="C81" s="16" t="s">
        <v>78</v>
      </c>
      <c r="D81" s="6" t="s">
        <v>58</v>
      </c>
      <c r="E81" s="8">
        <v>0.27213918027116041</v>
      </c>
      <c r="F81" s="8">
        <v>0.25599327105675224</v>
      </c>
      <c r="G81" s="8">
        <v>0.26169368176165575</v>
      </c>
      <c r="H81" s="8">
        <v>0.26064851863080435</v>
      </c>
      <c r="I81" s="8">
        <v>0.25944001455862536</v>
      </c>
      <c r="J81" s="8">
        <v>0.26455852269289609</v>
      </c>
      <c r="K81" s="8">
        <v>0.26131387327296512</v>
      </c>
      <c r="L81" s="8">
        <v>0.26050690328374848</v>
      </c>
      <c r="M81" s="8">
        <v>0.26043819245732391</v>
      </c>
      <c r="N81" s="8">
        <v>0.26878574990960624</v>
      </c>
      <c r="O81" s="8">
        <v>0.26897021213172195</v>
      </c>
      <c r="P81" s="8">
        <v>0.26850480730795645</v>
      </c>
      <c r="Q81" s="8">
        <v>0.26909288065096798</v>
      </c>
      <c r="R81" s="8">
        <v>0.26579063741023501</v>
      </c>
      <c r="S81" s="8">
        <v>0.27374760445457086</v>
      </c>
      <c r="T81" s="8">
        <v>0.30201643246888682</v>
      </c>
      <c r="U81" s="8">
        <v>0.32491437955011987</v>
      </c>
      <c r="V81" s="8">
        <v>0.39979141594501372</v>
      </c>
      <c r="W81" s="8">
        <v>0.32425433154510214</v>
      </c>
      <c r="X81" s="8">
        <v>0.36269937983029527</v>
      </c>
      <c r="Y81" s="8">
        <v>0.3709548541869141</v>
      </c>
      <c r="Z81" s="8">
        <v>0.38935160195756924</v>
      </c>
      <c r="AA81" s="8">
        <v>0.38567079145905359</v>
      </c>
      <c r="AB81" s="8">
        <v>0.3944896857528436</v>
      </c>
      <c r="AC81" s="8">
        <v>0.37660417139128899</v>
      </c>
      <c r="AD81" s="8">
        <v>0.40208318851475155</v>
      </c>
      <c r="AE81" s="8">
        <v>0.39370674579067078</v>
      </c>
      <c r="AF81" s="8">
        <v>0.38482359763249008</v>
      </c>
      <c r="AG81" s="8">
        <v>0.3726399693513891</v>
      </c>
      <c r="AH81" s="8">
        <v>0.36899028586508942</v>
      </c>
      <c r="AI81" s="8">
        <v>0.36573171629632734</v>
      </c>
      <c r="AJ81" s="8">
        <v>0.34556785602908835</v>
      </c>
      <c r="AK81" s="8">
        <v>0.36678710317478441</v>
      </c>
      <c r="AL81" s="8">
        <v>0.36088015328647149</v>
      </c>
      <c r="AM81" s="8">
        <v>0.37819324948888478</v>
      </c>
      <c r="AN81" s="8">
        <v>0.36033372930386603</v>
      </c>
      <c r="AO81" s="8">
        <v>0.36851012439136993</v>
      </c>
      <c r="AP81" s="8">
        <v>0.3698501177733981</v>
      </c>
      <c r="AQ81" s="8">
        <v>0.3852729855084116</v>
      </c>
      <c r="AR81" s="8">
        <v>0.38772739563264974</v>
      </c>
      <c r="AS81" s="8">
        <v>0.38822665688122232</v>
      </c>
      <c r="AT81" s="8">
        <v>0.40174055955444549</v>
      </c>
      <c r="AU81" s="8">
        <v>0.40163610726641086</v>
      </c>
      <c r="AV81" s="8">
        <v>0.38961310389250603</v>
      </c>
      <c r="AW81" s="8">
        <v>0.40389114993174413</v>
      </c>
      <c r="AX81" s="8">
        <v>0.40111962587270306</v>
      </c>
      <c r="AY81" s="8">
        <v>0.42758297904544401</v>
      </c>
      <c r="AZ81" s="8">
        <v>0.44126890297289512</v>
      </c>
      <c r="BA81" s="8">
        <v>0.44511418825681004</v>
      </c>
      <c r="BB81" s="8">
        <v>0.43609508708322753</v>
      </c>
      <c r="BC81" s="8">
        <v>0.44893903022909126</v>
      </c>
      <c r="BD81" s="8">
        <v>0.45167672594924307</v>
      </c>
    </row>
    <row r="82" spans="3:56" x14ac:dyDescent="0.2">
      <c r="C82" s="16" t="s">
        <v>79</v>
      </c>
      <c r="D82" s="6" t="s">
        <v>58</v>
      </c>
      <c r="E82" s="8">
        <v>0.81343192333113024</v>
      </c>
      <c r="F82" s="8">
        <v>0.82730663691004547</v>
      </c>
      <c r="G82" s="8">
        <v>0.77874001927532444</v>
      </c>
      <c r="H82" s="8">
        <v>0.68020019985378655</v>
      </c>
      <c r="I82" s="8">
        <v>0.67726625033750532</v>
      </c>
      <c r="J82" s="8">
        <v>0.7003517560226844</v>
      </c>
      <c r="K82" s="8">
        <v>0.73528066268156378</v>
      </c>
      <c r="L82" s="8">
        <v>0.71262499822948677</v>
      </c>
      <c r="M82" s="8">
        <v>0.6409360169913384</v>
      </c>
      <c r="N82" s="8">
        <v>0.70628335775207995</v>
      </c>
      <c r="O82" s="8">
        <v>0.72899817699701686</v>
      </c>
      <c r="P82" s="8">
        <v>0.70175131689553449</v>
      </c>
      <c r="Q82" s="8">
        <v>0.57346220690916849</v>
      </c>
      <c r="R82" s="8">
        <v>0.70249422936175798</v>
      </c>
      <c r="S82" s="8">
        <v>0.71623452988502601</v>
      </c>
      <c r="T82" s="8">
        <v>0.62717825228435964</v>
      </c>
      <c r="U82" s="8">
        <v>0.64067523512041913</v>
      </c>
      <c r="V82" s="8">
        <v>0.65849207916644215</v>
      </c>
      <c r="W82" s="17">
        <v>0.71513243715115382</v>
      </c>
      <c r="X82" s="8">
        <v>0.67676492931782806</v>
      </c>
      <c r="Y82" s="8">
        <v>0.74158799035270362</v>
      </c>
      <c r="Z82" s="8">
        <v>0.8321256980456887</v>
      </c>
      <c r="AA82" s="8">
        <v>1.0288206462761718</v>
      </c>
      <c r="AB82" s="8">
        <v>1.0041117009106302</v>
      </c>
      <c r="AC82" s="40">
        <v>0.8744264848577703</v>
      </c>
      <c r="AD82" s="8">
        <v>0.90301637062611051</v>
      </c>
      <c r="AE82" s="8">
        <v>0.83019472990013476</v>
      </c>
      <c r="AF82" s="39">
        <v>0.75653915894355095</v>
      </c>
      <c r="AG82" s="39">
        <v>0.81658192638592408</v>
      </c>
      <c r="AH82" s="39">
        <v>0.92876187514137076</v>
      </c>
      <c r="AI82" s="39">
        <v>0.7463126377437681</v>
      </c>
      <c r="AJ82" s="8">
        <v>0.74664654920665818</v>
      </c>
      <c r="AK82" s="39">
        <v>0.6881553587856486</v>
      </c>
      <c r="AL82" s="8">
        <v>0.73438330245575312</v>
      </c>
      <c r="AM82" s="8">
        <v>0.69630413754237219</v>
      </c>
      <c r="AN82" s="8">
        <v>0.76910340050039006</v>
      </c>
      <c r="AO82" s="8">
        <v>0.73853943287201052</v>
      </c>
      <c r="AP82" s="8">
        <v>0.69295490170270313</v>
      </c>
      <c r="AQ82" s="8">
        <v>0.72249668252250776</v>
      </c>
      <c r="AR82" s="8">
        <v>0.79341295561689473</v>
      </c>
      <c r="AS82" s="8">
        <v>0.75398251169276354</v>
      </c>
      <c r="AT82" s="8">
        <v>0.79837020714431184</v>
      </c>
      <c r="AU82" s="8">
        <v>0.72207601351351347</v>
      </c>
      <c r="AV82" s="8">
        <v>0.75861353744559501</v>
      </c>
      <c r="AW82" s="8">
        <v>0.77463780733752852</v>
      </c>
      <c r="AX82" s="8">
        <v>0.73926219500187096</v>
      </c>
      <c r="AY82" s="8">
        <v>0.70681560525418852</v>
      </c>
      <c r="AZ82" s="8">
        <v>0.81842693549492318</v>
      </c>
      <c r="BA82" s="8">
        <v>0.75120587519272908</v>
      </c>
      <c r="BB82" s="8">
        <v>0.70728433006876423</v>
      </c>
      <c r="BC82" s="8">
        <v>0.73837990024910238</v>
      </c>
      <c r="BD82" s="8">
        <v>0.80208818021903194</v>
      </c>
    </row>
    <row r="83" spans="3:56" x14ac:dyDescent="0.2">
      <c r="C83" s="16" t="s">
        <v>80</v>
      </c>
      <c r="D83" s="6" t="s">
        <v>58</v>
      </c>
      <c r="E83" s="115">
        <v>0.88379288493952701</v>
      </c>
      <c r="F83" s="8">
        <v>1.0215895106459798</v>
      </c>
      <c r="G83" s="8">
        <v>1.2139762387079112</v>
      </c>
      <c r="H83" s="8">
        <v>0.95585434244200862</v>
      </c>
      <c r="I83" s="8">
        <v>0.67808177375772793</v>
      </c>
      <c r="J83" s="8">
        <v>1.2089013921730269</v>
      </c>
      <c r="K83" s="8">
        <v>1.0776275822942001</v>
      </c>
      <c r="L83" s="8">
        <v>0.81904319906442857</v>
      </c>
      <c r="M83" s="8">
        <v>0.82539964040792868</v>
      </c>
      <c r="N83" s="8">
        <v>0.77470020179511523</v>
      </c>
      <c r="O83" s="8">
        <v>0.68427879765766064</v>
      </c>
      <c r="P83" s="8">
        <v>0.80475378870363434</v>
      </c>
      <c r="Q83" s="8">
        <v>0.78412820018096663</v>
      </c>
      <c r="R83" s="8">
        <v>0.70832629348479492</v>
      </c>
      <c r="S83" s="8">
        <v>0.63199052256180555</v>
      </c>
      <c r="T83" s="8">
        <v>0.62066719854061259</v>
      </c>
      <c r="U83" s="8">
        <v>0.59602418167792415</v>
      </c>
      <c r="V83" s="8">
        <v>0.68144493151577856</v>
      </c>
      <c r="W83" s="17">
        <v>0.77666723424643214</v>
      </c>
      <c r="X83" s="8">
        <v>0.69159349865319897</v>
      </c>
      <c r="Y83" s="8">
        <v>0.66769830817660281</v>
      </c>
      <c r="Z83" s="8">
        <v>0.5484338217085214</v>
      </c>
      <c r="AA83" s="8">
        <v>0.52209944208871262</v>
      </c>
      <c r="AB83" s="8">
        <v>0.52614675154483592</v>
      </c>
      <c r="AC83" s="8">
        <v>0.49716478326867941</v>
      </c>
      <c r="AD83" s="8">
        <v>0.45442887485006961</v>
      </c>
      <c r="AE83" s="8">
        <v>0.40012867088566684</v>
      </c>
      <c r="AF83" s="39">
        <v>0.42580649690300049</v>
      </c>
      <c r="AG83" s="39">
        <v>0.38491348671750197</v>
      </c>
      <c r="AH83" s="8">
        <v>0.37816674147110468</v>
      </c>
      <c r="AI83" s="39">
        <v>0.34989702334068334</v>
      </c>
      <c r="AJ83" s="8">
        <v>0.37005643898021134</v>
      </c>
      <c r="AK83" s="39">
        <v>0.36707876222208868</v>
      </c>
      <c r="AL83" s="39">
        <v>0.47894903930608518</v>
      </c>
      <c r="AM83" s="8">
        <v>0.57613409056722131</v>
      </c>
      <c r="AN83" s="8">
        <v>0.70735155244732439</v>
      </c>
      <c r="AO83" s="8">
        <v>0.7119463597101966</v>
      </c>
      <c r="AP83" s="8">
        <v>0.72119987787502549</v>
      </c>
      <c r="AQ83" s="8">
        <v>0.72364284636160137</v>
      </c>
      <c r="AR83" s="8">
        <v>0.73621734578615317</v>
      </c>
      <c r="AS83" s="8">
        <v>0.96298051134994644</v>
      </c>
      <c r="AT83" s="8">
        <v>1.1388248654835003</v>
      </c>
      <c r="AU83" s="8">
        <v>1.3915098624448483</v>
      </c>
      <c r="AV83" s="8">
        <v>1.5180009321732952</v>
      </c>
      <c r="AW83" s="8">
        <v>1.9447125715825178</v>
      </c>
      <c r="AX83" s="8">
        <v>1.9310664101949051</v>
      </c>
      <c r="AY83" s="8">
        <v>1.4111277909542643</v>
      </c>
      <c r="AZ83" s="8">
        <v>1.3667362900575895</v>
      </c>
      <c r="BA83" s="8">
        <v>1.2158745579377797</v>
      </c>
      <c r="BB83" s="8">
        <v>0.98296995755559835</v>
      </c>
      <c r="BC83" s="8">
        <v>0.70129457070954238</v>
      </c>
      <c r="BD83" s="115">
        <v>0.60111529402771879</v>
      </c>
    </row>
    <row r="84" spans="3:56" x14ac:dyDescent="0.2">
      <c r="C84" s="16" t="s">
        <v>122</v>
      </c>
      <c r="D84" s="6" t="s">
        <v>58</v>
      </c>
      <c r="E84" s="8">
        <v>0.27315447244838414</v>
      </c>
      <c r="F84" s="8">
        <v>0.27339100772449199</v>
      </c>
      <c r="G84" s="8">
        <v>0.2697688432128289</v>
      </c>
      <c r="H84" s="8">
        <v>0.27183510517561521</v>
      </c>
      <c r="I84" s="8">
        <v>0.27060742896357509</v>
      </c>
      <c r="J84" s="8">
        <v>0.26883379753897951</v>
      </c>
      <c r="K84" s="8">
        <v>0.23532703939139524</v>
      </c>
      <c r="L84" s="8">
        <v>0.28827352937910888</v>
      </c>
      <c r="M84" s="8">
        <v>0.2883297211051023</v>
      </c>
      <c r="N84" s="8">
        <v>0.31905777772405358</v>
      </c>
      <c r="O84" s="8">
        <v>0.3220316134925541</v>
      </c>
      <c r="P84" s="8">
        <v>0.31801110244742631</v>
      </c>
      <c r="Q84" s="8">
        <v>0.30444913942966451</v>
      </c>
      <c r="R84" s="8">
        <v>0.31953563604849577</v>
      </c>
      <c r="S84" s="8">
        <v>0.34364905169070525</v>
      </c>
      <c r="T84" s="8">
        <v>0.36639530176858331</v>
      </c>
      <c r="U84" s="8">
        <v>0.39023221220988108</v>
      </c>
      <c r="V84" s="8">
        <v>0.39960720556101798</v>
      </c>
      <c r="W84" s="17">
        <v>0.38606744927503572</v>
      </c>
      <c r="X84" s="8">
        <v>0.41008868710800944</v>
      </c>
      <c r="Y84" s="8">
        <v>0.37955118643336311</v>
      </c>
      <c r="Z84" s="8">
        <v>0.39113719523240226</v>
      </c>
      <c r="AA84" s="8">
        <v>0.38636124868628269</v>
      </c>
      <c r="AB84" s="8">
        <v>0.39759883131678597</v>
      </c>
      <c r="AC84" s="8">
        <v>0.41421251794709563</v>
      </c>
      <c r="AD84" s="8">
        <v>0.4583642937882767</v>
      </c>
      <c r="AE84" s="8">
        <v>0.46177517734067763</v>
      </c>
      <c r="AF84" s="8">
        <v>0.48328350520222674</v>
      </c>
      <c r="AG84" s="8">
        <v>0.47403351886696476</v>
      </c>
      <c r="AH84" s="8">
        <v>0.46328301026625635</v>
      </c>
      <c r="AI84" s="8">
        <v>0.44211698877541017</v>
      </c>
      <c r="AJ84" s="8">
        <v>0.44443092087282926</v>
      </c>
      <c r="AK84" s="8">
        <v>0.43600107119133996</v>
      </c>
      <c r="AL84" s="8">
        <v>0.35721124789146896</v>
      </c>
      <c r="AM84" s="8">
        <v>0.34818735153193975</v>
      </c>
      <c r="AN84" s="8">
        <v>0.34139282916733976</v>
      </c>
      <c r="AO84" s="8">
        <v>0.33723991359116773</v>
      </c>
      <c r="AP84" s="8">
        <v>0.35274812839012026</v>
      </c>
      <c r="AQ84" s="8">
        <v>0.39181225835136335</v>
      </c>
      <c r="AR84" s="8">
        <v>0.3959982164657157</v>
      </c>
      <c r="AS84" s="8">
        <v>0.38267211915228561</v>
      </c>
      <c r="AT84" s="8">
        <v>0.39844659861196985</v>
      </c>
      <c r="AU84" s="8">
        <v>0.354288354214704</v>
      </c>
      <c r="AV84" s="8">
        <v>0.33894856673238971</v>
      </c>
      <c r="AW84" s="8">
        <v>0.33775591407892763</v>
      </c>
      <c r="AX84" s="8">
        <v>0.35018407670948265</v>
      </c>
      <c r="AY84" s="8">
        <v>0.34013165133335999</v>
      </c>
      <c r="AZ84" s="8">
        <v>0.36812352861990311</v>
      </c>
      <c r="BA84" s="8">
        <v>0.37168040976957967</v>
      </c>
      <c r="BB84" s="8">
        <v>0.39140283076878163</v>
      </c>
      <c r="BC84" s="8">
        <v>0.42412526033598397</v>
      </c>
      <c r="BD84" s="8">
        <v>0.43744143132566221</v>
      </c>
    </row>
    <row r="85" spans="3:56" x14ac:dyDescent="0.2">
      <c r="C85" s="16" t="s">
        <v>82</v>
      </c>
      <c r="D85" s="6" t="s">
        <v>58</v>
      </c>
      <c r="E85" s="8">
        <v>2.3747321208302248</v>
      </c>
      <c r="F85" s="8">
        <v>2.6756217809668792</v>
      </c>
      <c r="G85" s="8">
        <v>2.7423254938093091</v>
      </c>
      <c r="H85" s="8">
        <v>2.3927922608970129</v>
      </c>
      <c r="I85" s="8">
        <v>2.2927347578199186</v>
      </c>
      <c r="J85" s="8">
        <v>2.478674140600805</v>
      </c>
      <c r="K85" s="8">
        <v>2.2850991577069548</v>
      </c>
      <c r="L85" s="8">
        <v>2.3288821813973017</v>
      </c>
      <c r="M85" s="8">
        <v>2.4103456932195448</v>
      </c>
      <c r="N85" s="8">
        <v>3.0113344636851327</v>
      </c>
      <c r="O85" s="8">
        <v>3.1966931077141134</v>
      </c>
      <c r="P85" s="8">
        <v>3.0933845192093883</v>
      </c>
      <c r="Q85" s="8">
        <v>3.087367784190763</v>
      </c>
      <c r="R85" s="8">
        <v>2.6615510752939202</v>
      </c>
      <c r="S85" s="8">
        <v>2.6642891410914671</v>
      </c>
      <c r="T85" s="8">
        <v>2.6950044356732494</v>
      </c>
      <c r="U85" s="8">
        <v>2.6589382599422478</v>
      </c>
      <c r="V85" s="8">
        <v>2.4669822540933977</v>
      </c>
      <c r="W85" s="17">
        <v>2.4149259793004059</v>
      </c>
      <c r="X85" s="8">
        <v>2.3872607954035372</v>
      </c>
      <c r="Y85" s="8">
        <v>2.1945915497939619</v>
      </c>
      <c r="Z85" s="8">
        <v>2.1449675460703999</v>
      </c>
      <c r="AA85" s="8">
        <v>2.0306378078915528</v>
      </c>
      <c r="AB85" s="8">
        <v>1.953924888694893</v>
      </c>
      <c r="AC85" s="8">
        <v>2.0625246087134004</v>
      </c>
      <c r="AD85" s="8">
        <v>1.8217582507516856</v>
      </c>
      <c r="AE85" s="8">
        <v>1.9058267954895183</v>
      </c>
      <c r="AF85" s="8">
        <v>1.5983673430248171</v>
      </c>
      <c r="AG85" s="8">
        <v>1.5928569443755274</v>
      </c>
      <c r="AH85" s="8">
        <v>1.7656337208204573</v>
      </c>
      <c r="AI85" s="8">
        <v>1.7442968120594644</v>
      </c>
      <c r="AJ85" s="8">
        <v>1.4910001453567601</v>
      </c>
      <c r="AK85" s="8">
        <v>1.315648359531981</v>
      </c>
      <c r="AL85" s="8">
        <v>2.535770369033941</v>
      </c>
      <c r="AM85" s="8">
        <v>2.9867011527220084</v>
      </c>
      <c r="AN85" s="8">
        <v>2.9280897005053386</v>
      </c>
      <c r="AO85" s="8">
        <v>2.9762711075899007</v>
      </c>
      <c r="AP85" s="8">
        <v>2.1801025993589178</v>
      </c>
      <c r="AQ85" s="8">
        <v>1.9180953645124705</v>
      </c>
      <c r="AR85" s="8">
        <v>2.1435803552565291</v>
      </c>
      <c r="AS85" s="8">
        <v>2.4032509174205909</v>
      </c>
      <c r="AT85" s="8">
        <v>3.0059789276795574</v>
      </c>
      <c r="AU85" s="8">
        <v>3.5420353226796149</v>
      </c>
      <c r="AV85" s="8">
        <v>3.1685443779164393</v>
      </c>
      <c r="AW85" s="8">
        <v>3.6021361935222527</v>
      </c>
      <c r="AX85" s="8">
        <v>3.5264446437712631</v>
      </c>
      <c r="AY85" s="8">
        <v>2.5994136017349718</v>
      </c>
      <c r="AZ85" s="8">
        <v>2.4402225521354701</v>
      </c>
      <c r="BA85" s="8">
        <v>2.397118325813969</v>
      </c>
      <c r="BB85" s="8">
        <v>1.9669947764235172</v>
      </c>
      <c r="BC85" s="8">
        <v>1.8652547768460155</v>
      </c>
      <c r="BD85" s="8">
        <v>1.91</v>
      </c>
    </row>
    <row r="86" spans="3:56" x14ac:dyDescent="0.2">
      <c r="C86" s="16" t="s">
        <v>84</v>
      </c>
      <c r="D86" s="6" t="s">
        <v>85</v>
      </c>
      <c r="E86" s="8">
        <v>0.40859499751982442</v>
      </c>
      <c r="F86" s="8">
        <v>0.3968105912212373</v>
      </c>
      <c r="G86" s="8">
        <v>0.38298084716037828</v>
      </c>
      <c r="H86" s="8">
        <v>0.36782243665025938</v>
      </c>
      <c r="I86" s="8">
        <v>0.36071388247043312</v>
      </c>
      <c r="J86" s="8">
        <v>0.35759992902406446</v>
      </c>
      <c r="K86" s="8">
        <v>0.3924909021204947</v>
      </c>
      <c r="L86" s="8">
        <v>0.37660777138062052</v>
      </c>
      <c r="M86" s="8">
        <v>0.378495600732216</v>
      </c>
      <c r="N86" s="8">
        <v>0.35818860938392943</v>
      </c>
      <c r="O86" s="8">
        <v>0.37705805657748598</v>
      </c>
      <c r="P86" s="8">
        <v>0.37033739686061173</v>
      </c>
      <c r="Q86" s="8">
        <v>0.35464717524289313</v>
      </c>
      <c r="R86" s="8">
        <v>0.3577760094281261</v>
      </c>
      <c r="S86" s="8">
        <v>0.37781226948279795</v>
      </c>
      <c r="T86" s="8">
        <v>0.37626332714637201</v>
      </c>
      <c r="U86" s="8">
        <v>0.39333353680124039</v>
      </c>
      <c r="V86" s="8">
        <v>0.40626650976760936</v>
      </c>
      <c r="W86" s="17">
        <v>0.43326738657067948</v>
      </c>
      <c r="X86" s="8">
        <v>0.44219798530923166</v>
      </c>
      <c r="Y86" s="8">
        <v>0.43024824851693044</v>
      </c>
      <c r="Z86" s="8">
        <v>0.46631653894845443</v>
      </c>
      <c r="AA86" s="8">
        <v>0.45382690223046362</v>
      </c>
      <c r="AB86" s="8">
        <v>0.46517127869402836</v>
      </c>
      <c r="AC86" s="8">
        <v>0.43630653459395496</v>
      </c>
      <c r="AD86" s="8">
        <v>0.44324000700755356</v>
      </c>
      <c r="AE86" s="8">
        <v>0.39823520610185581</v>
      </c>
      <c r="AF86" s="8">
        <v>0.40256543388036609</v>
      </c>
      <c r="AG86" s="8">
        <v>0.41979712511790962</v>
      </c>
      <c r="AH86" s="8">
        <v>0.40632236200273691</v>
      </c>
      <c r="AI86" s="8">
        <v>0.41353495645031935</v>
      </c>
      <c r="AJ86" s="8">
        <v>0.41676748897628413</v>
      </c>
      <c r="AK86" s="8">
        <v>0.40274605813538605</v>
      </c>
      <c r="AL86" s="8">
        <v>0.39154265943199729</v>
      </c>
      <c r="AM86" s="8">
        <v>0.39297958681352851</v>
      </c>
      <c r="AN86" s="8">
        <v>0.42072210598613335</v>
      </c>
      <c r="AO86" s="8">
        <v>0.46710483502794903</v>
      </c>
      <c r="AP86" s="8">
        <v>0.47824301534601321</v>
      </c>
      <c r="AQ86" s="8">
        <v>0.55470930172300192</v>
      </c>
      <c r="AR86" s="8">
        <v>0.59524003590019736</v>
      </c>
      <c r="AS86" s="8">
        <v>0.65460166738233938</v>
      </c>
      <c r="AT86" s="8">
        <v>0.64936313842557636</v>
      </c>
      <c r="AU86" s="8">
        <v>0.62312870128920628</v>
      </c>
      <c r="AV86" s="8">
        <v>0.54028747340344907</v>
      </c>
      <c r="AW86" s="8">
        <v>0.59200139437996846</v>
      </c>
      <c r="AX86" s="8">
        <v>0.62900472063366253</v>
      </c>
      <c r="AY86" s="8">
        <v>0.60731521047201642</v>
      </c>
      <c r="AZ86" s="8">
        <v>0.55912085519396248</v>
      </c>
      <c r="BA86" s="8">
        <v>0.55919247805299266</v>
      </c>
      <c r="BB86" s="8">
        <v>0.53225430611255042</v>
      </c>
      <c r="BC86" s="8">
        <v>0.52487339921384235</v>
      </c>
      <c r="BD86" s="8">
        <v>0.53603366857007373</v>
      </c>
    </row>
    <row r="87" spans="3:56" x14ac:dyDescent="0.2">
      <c r="C87" s="16" t="s">
        <v>118</v>
      </c>
      <c r="D87" s="6" t="s">
        <v>58</v>
      </c>
      <c r="E87" s="8">
        <v>1.4879786519808071</v>
      </c>
      <c r="F87" s="8">
        <v>1.6089102034309819</v>
      </c>
      <c r="G87" s="8">
        <v>1.426826327297454</v>
      </c>
      <c r="H87" s="8">
        <v>1.3081543751561868</v>
      </c>
      <c r="I87" s="8">
        <v>1.3461859629763224</v>
      </c>
      <c r="J87" s="8">
        <v>1.4907626869062545</v>
      </c>
      <c r="K87" s="8">
        <v>1.522811955376058</v>
      </c>
      <c r="L87" s="8">
        <v>1.4485901145684499</v>
      </c>
      <c r="M87" s="8">
        <v>1.503268526889729</v>
      </c>
      <c r="N87" s="8">
        <v>1.6002451590455926</v>
      </c>
      <c r="O87" s="8">
        <v>1.5105951459226905</v>
      </c>
      <c r="P87" s="8">
        <v>1.5324343203141058</v>
      </c>
      <c r="Q87" s="8">
        <v>1.5302299655726179</v>
      </c>
      <c r="R87" s="8">
        <v>1.565873975114324</v>
      </c>
      <c r="S87" s="8">
        <v>1.3963748617059464</v>
      </c>
      <c r="T87" s="8">
        <v>1.2829407920533262</v>
      </c>
      <c r="U87" s="8">
        <v>1.423018505293782</v>
      </c>
      <c r="V87" s="8">
        <v>1.4777798472359343</v>
      </c>
      <c r="W87" s="17">
        <v>1.2020744186220214</v>
      </c>
      <c r="X87" s="8">
        <v>1.0448836646166764</v>
      </c>
      <c r="Y87" s="8">
        <v>1.1191856792232495</v>
      </c>
      <c r="Z87" s="8">
        <v>0.98407718750994688</v>
      </c>
      <c r="AA87" s="8">
        <v>0.94343309151979859</v>
      </c>
      <c r="AB87" s="8">
        <v>0.90072854150138459</v>
      </c>
      <c r="AC87" s="8">
        <v>0.82839186681281951</v>
      </c>
      <c r="AD87" s="8">
        <v>0.76577059139566339</v>
      </c>
      <c r="AE87" s="8">
        <v>0.86989706558289193</v>
      </c>
      <c r="AF87" s="8">
        <v>0.85823563783297974</v>
      </c>
      <c r="AG87" s="8">
        <v>0.78658012180517745</v>
      </c>
      <c r="AH87" s="8">
        <v>0.76059306285561945</v>
      </c>
      <c r="AI87" s="8">
        <v>0.78585131911409745</v>
      </c>
      <c r="AJ87" s="8">
        <v>0.74623308007810829</v>
      </c>
      <c r="AK87" s="8">
        <v>0.68819584583394078</v>
      </c>
      <c r="AL87" s="8">
        <v>0.69563290038735726</v>
      </c>
      <c r="AM87" s="8">
        <v>0.70114417467425938</v>
      </c>
      <c r="AN87" s="8">
        <v>0.68569454796529183</v>
      </c>
      <c r="AO87" s="8">
        <v>0.69670482123531507</v>
      </c>
      <c r="AP87" s="8">
        <v>0.70450863788844875</v>
      </c>
      <c r="AQ87" s="8">
        <v>0.81953693632449587</v>
      </c>
      <c r="AR87" s="8">
        <v>0.83908901529510127</v>
      </c>
      <c r="AS87" s="8">
        <v>0.97809735502716411</v>
      </c>
      <c r="AT87" s="8">
        <v>0.96951250020778279</v>
      </c>
      <c r="AU87" s="8">
        <v>0.89591498189201191</v>
      </c>
      <c r="AV87" s="8">
        <v>0.9213903156625024</v>
      </c>
      <c r="AW87" s="8">
        <v>1.085142669691032</v>
      </c>
      <c r="AX87" s="8">
        <v>1.0801881826798319</v>
      </c>
      <c r="AY87" s="8">
        <v>1.0647059336232192</v>
      </c>
      <c r="AZ87" s="8">
        <v>1.1412986721216491</v>
      </c>
      <c r="BA87" s="8">
        <v>1.1785972449347264</v>
      </c>
      <c r="BB87" s="8">
        <v>1.214032012255859</v>
      </c>
      <c r="BC87" s="8">
        <v>1.1273153098893147</v>
      </c>
      <c r="BD87" s="8">
        <v>1.171291965923714</v>
      </c>
    </row>
    <row r="88" spans="3:56" x14ac:dyDescent="0.2">
      <c r="C88" s="16" t="s">
        <v>104</v>
      </c>
      <c r="D88" s="6" t="s">
        <v>58</v>
      </c>
      <c r="E88" s="8">
        <v>1.2219387426590884</v>
      </c>
      <c r="F88" s="8">
        <v>1.0039004069791835</v>
      </c>
      <c r="G88" s="8">
        <v>0.92895544697474031</v>
      </c>
      <c r="H88" s="8">
        <v>0.91587578057616004</v>
      </c>
      <c r="I88" s="8">
        <v>0.94685705946659149</v>
      </c>
      <c r="J88" s="8">
        <v>0.95014238138906315</v>
      </c>
      <c r="K88" s="8">
        <v>0.9400597992205032</v>
      </c>
      <c r="L88" s="8">
        <v>0.94790383982589488</v>
      </c>
      <c r="M88" s="8">
        <v>0.96895097661566598</v>
      </c>
      <c r="N88" s="8">
        <v>0.966168164632904</v>
      </c>
      <c r="O88" s="8">
        <v>1.0058693402367247</v>
      </c>
      <c r="P88" s="8">
        <v>0.98583411472018334</v>
      </c>
      <c r="Q88" s="8">
        <v>1.1748235214565514</v>
      </c>
      <c r="R88" s="8">
        <v>1.193757107398568</v>
      </c>
      <c r="S88" s="8">
        <v>1.2543356592856045</v>
      </c>
      <c r="T88" s="8">
        <v>1.1179738226277398</v>
      </c>
      <c r="U88" s="8">
        <v>1.0917338060243387</v>
      </c>
      <c r="V88" s="8">
        <v>1.1241250194155183</v>
      </c>
      <c r="W88" s="17">
        <v>1.2034685559040852</v>
      </c>
      <c r="X88" s="8">
        <v>1.1780889691887535</v>
      </c>
      <c r="Y88" s="8">
        <v>1.0591499731184677</v>
      </c>
      <c r="Z88" s="8">
        <v>0.9416026064081694</v>
      </c>
      <c r="AA88" s="8">
        <v>0.88862461228854361</v>
      </c>
      <c r="AB88" s="8">
        <v>0.91244893667413995</v>
      </c>
      <c r="AC88" s="8">
        <v>1.0290708300909628</v>
      </c>
      <c r="AD88" s="8">
        <v>1.0393598493134655</v>
      </c>
      <c r="AE88" s="8">
        <v>0.76372024946749506</v>
      </c>
      <c r="AF88" s="8">
        <v>0.77997998409489511</v>
      </c>
      <c r="AG88" s="8">
        <v>0.78901544527751899</v>
      </c>
      <c r="AH88" s="8">
        <v>0.77835984103679867</v>
      </c>
      <c r="AI88" s="8">
        <v>0.71221012187171506</v>
      </c>
      <c r="AJ88" s="8">
        <v>0.80104300863463218</v>
      </c>
      <c r="AK88" s="8">
        <v>0.83652537223078804</v>
      </c>
      <c r="AL88" s="8">
        <v>0.80063483167420491</v>
      </c>
      <c r="AM88" s="8">
        <v>0.7485356302347983</v>
      </c>
      <c r="AN88" s="8">
        <v>0.78473001814872123</v>
      </c>
      <c r="AO88" s="8">
        <v>0.81615306084878347</v>
      </c>
      <c r="AP88" s="8">
        <v>0.92847185067007942</v>
      </c>
      <c r="AQ88" s="8">
        <v>1.31177493183779</v>
      </c>
      <c r="AR88" s="8">
        <v>1.2117242750341874</v>
      </c>
      <c r="AS88" s="8">
        <v>1.2128588422721096</v>
      </c>
      <c r="AT88" s="8">
        <v>1.1622344345378355</v>
      </c>
      <c r="AU88" s="8">
        <v>1.180730805407161</v>
      </c>
      <c r="AV88" s="8">
        <v>1.1352971023495895</v>
      </c>
      <c r="AW88" s="8">
        <v>1.3195930763391079</v>
      </c>
      <c r="AX88" s="8">
        <v>1.3301136740194184</v>
      </c>
      <c r="AY88" s="8">
        <v>1.3625309253688116</v>
      </c>
      <c r="AZ88" s="8">
        <v>1.3446579706926465</v>
      </c>
      <c r="BA88" s="8">
        <v>1.2925406231417642</v>
      </c>
      <c r="BB88" s="8">
        <v>1.2893715527539842</v>
      </c>
      <c r="BC88" s="8">
        <v>1.1232608240182498</v>
      </c>
      <c r="BD88" s="8">
        <v>1.0447139266784633</v>
      </c>
    </row>
    <row r="89" spans="3:56" x14ac:dyDescent="0.2">
      <c r="C89" s="16" t="s">
        <v>87</v>
      </c>
      <c r="D89" s="6" t="s">
        <v>58</v>
      </c>
      <c r="E89" s="8">
        <v>0.36883928523822135</v>
      </c>
      <c r="F89" s="8">
        <v>0.3637140070894837</v>
      </c>
      <c r="G89" s="8">
        <v>0.41054680459288312</v>
      </c>
      <c r="H89" s="8">
        <v>0.40822038937525268</v>
      </c>
      <c r="I89" s="8">
        <v>0.410763650187705</v>
      </c>
      <c r="J89" s="8">
        <v>0.40476745029398109</v>
      </c>
      <c r="K89" s="8">
        <v>0.40597735482041952</v>
      </c>
      <c r="L89" s="8">
        <v>0.41691627436583034</v>
      </c>
      <c r="M89" s="8">
        <v>0.40593562514850318</v>
      </c>
      <c r="N89" s="8">
        <v>0.38934932434114311</v>
      </c>
      <c r="O89" s="8">
        <v>0.45763566815068368</v>
      </c>
      <c r="P89" s="8">
        <v>0.54179199536974165</v>
      </c>
      <c r="Q89" s="8">
        <v>0.51966383749873657</v>
      </c>
      <c r="R89" s="8">
        <v>0.5406474238310689</v>
      </c>
      <c r="S89" s="8">
        <v>0.56597444652961015</v>
      </c>
      <c r="T89" s="8">
        <v>0.56196143027292766</v>
      </c>
      <c r="U89" s="8">
        <v>0.60807515305045379</v>
      </c>
      <c r="V89" s="8">
        <v>0.65422395063398353</v>
      </c>
      <c r="W89" s="17">
        <v>0.63999182122296694</v>
      </c>
      <c r="X89" s="8">
        <v>0.64826378405711249</v>
      </c>
      <c r="Y89" s="8">
        <v>0.67113799036024324</v>
      </c>
      <c r="Z89" s="8">
        <v>0.66993999088669787</v>
      </c>
      <c r="AA89" s="8">
        <v>0.69742869708995103</v>
      </c>
      <c r="AB89" s="8">
        <v>0.70322525401634373</v>
      </c>
      <c r="AC89" s="8">
        <v>0.67212114761622843</v>
      </c>
      <c r="AD89" s="8">
        <v>0.64741441803272604</v>
      </c>
      <c r="AE89" s="8">
        <v>0.55563040830658195</v>
      </c>
      <c r="AF89" s="8">
        <v>0.58644157801171037</v>
      </c>
      <c r="AG89" s="8">
        <v>0.56489162170724783</v>
      </c>
      <c r="AH89" s="8">
        <v>0.55593077712108629</v>
      </c>
      <c r="AI89" s="8">
        <v>0.53291180459661069</v>
      </c>
      <c r="AJ89" s="8">
        <v>0.45633423776829252</v>
      </c>
      <c r="AK89" s="8">
        <v>0.46848620764584314</v>
      </c>
      <c r="AL89" s="8">
        <v>0.4677127001831427</v>
      </c>
      <c r="AM89" s="8">
        <v>0.47192375477371612</v>
      </c>
      <c r="AN89" s="8">
        <v>0.47358996836286654</v>
      </c>
      <c r="AO89" s="8">
        <v>0.46305589697981098</v>
      </c>
      <c r="AP89" s="8">
        <v>0.52993657627342305</v>
      </c>
      <c r="AQ89" s="8">
        <v>0.56930360945326397</v>
      </c>
      <c r="AR89" s="8">
        <v>0.50840500042491366</v>
      </c>
      <c r="AS89" s="8">
        <v>0.51399113365960958</v>
      </c>
      <c r="AT89" s="8">
        <v>0.52433397078100752</v>
      </c>
      <c r="AU89" s="8">
        <v>0.50382382441766727</v>
      </c>
      <c r="AV89" s="8">
        <v>0.54031762612090284</v>
      </c>
      <c r="AW89" s="8">
        <v>0.57721767062724516</v>
      </c>
      <c r="AX89" s="8">
        <v>0.55314669057467036</v>
      </c>
      <c r="AY89" s="8">
        <v>0.53611060808305311</v>
      </c>
      <c r="AZ89" s="8">
        <v>0.53644701916237847</v>
      </c>
      <c r="BA89" s="8">
        <v>0.49594647740087838</v>
      </c>
      <c r="BB89" s="8">
        <v>0.48524872344097369</v>
      </c>
      <c r="BC89" s="8">
        <v>0.49180175648913949</v>
      </c>
      <c r="BD89" s="8">
        <v>0.48253249062172204</v>
      </c>
    </row>
    <row r="90" spans="3:56" x14ac:dyDescent="0.2">
      <c r="C90" s="16" t="s">
        <v>88</v>
      </c>
      <c r="D90" s="6" t="s">
        <v>58</v>
      </c>
      <c r="E90" s="17">
        <v>0.9479719893520967</v>
      </c>
      <c r="F90" s="17">
        <v>0.97804201236525434</v>
      </c>
      <c r="G90" s="17">
        <v>1.0733247970522628</v>
      </c>
      <c r="H90" s="17">
        <v>1.0370978718241428</v>
      </c>
      <c r="I90" s="17">
        <v>1.0075785028260702</v>
      </c>
      <c r="J90" s="17">
        <v>1.0525718574731684</v>
      </c>
      <c r="K90" s="17">
        <v>1.0226800477344919</v>
      </c>
      <c r="L90" s="17">
        <v>0.91064520602417298</v>
      </c>
      <c r="M90" s="17">
        <v>0.91194745559360846</v>
      </c>
      <c r="N90" s="17">
        <v>0.91374237713463291</v>
      </c>
      <c r="O90" s="17">
        <v>0.98486452725812701</v>
      </c>
      <c r="P90" s="17">
        <v>1.0378464485862859</v>
      </c>
      <c r="Q90" s="17">
        <v>1.0424661049913182</v>
      </c>
      <c r="R90" s="17">
        <v>1.0402129395047743</v>
      </c>
      <c r="S90" s="17">
        <v>1.0093167752222911</v>
      </c>
      <c r="T90" s="17">
        <v>1.0070219091808308</v>
      </c>
      <c r="U90" s="17">
        <v>0.89844218078885729</v>
      </c>
      <c r="V90" s="17">
        <v>0.92593103953714195</v>
      </c>
      <c r="W90" s="17">
        <v>0.99771075312642121</v>
      </c>
      <c r="X90" s="17">
        <v>1.0443669229164088</v>
      </c>
      <c r="Y90" s="17">
        <v>1.1891935289738458</v>
      </c>
      <c r="Z90" s="17">
        <v>1.2403944026863081</v>
      </c>
      <c r="AA90" s="17">
        <v>1.299001619553259</v>
      </c>
      <c r="AB90" s="17">
        <v>1.2799454452022363</v>
      </c>
      <c r="AC90" s="17">
        <v>1.2214615199807801</v>
      </c>
      <c r="AD90" s="17">
        <v>1.2650554838690307</v>
      </c>
      <c r="AE90" s="17">
        <v>1.3391214962901898</v>
      </c>
      <c r="AF90" s="17">
        <v>1.3428125952737235</v>
      </c>
      <c r="AG90" s="17">
        <v>1.3464758697278159</v>
      </c>
      <c r="AH90" s="17">
        <v>1.3279685648293982</v>
      </c>
      <c r="AI90" s="17">
        <v>1.4103191102100707</v>
      </c>
      <c r="AJ90" s="17">
        <v>1.3700698239822895</v>
      </c>
      <c r="AK90" s="17">
        <v>1.3862398063064509</v>
      </c>
      <c r="AL90" s="17">
        <v>1.4186159308905164</v>
      </c>
      <c r="AM90" s="17">
        <v>1.387404450902018</v>
      </c>
      <c r="AN90" s="17">
        <v>1.4453617555412761</v>
      </c>
      <c r="AO90" s="17">
        <v>1.4546911829525724</v>
      </c>
      <c r="AP90" s="17">
        <v>1.6472477710178866</v>
      </c>
      <c r="AQ90" s="17">
        <v>1.4423380122751697</v>
      </c>
      <c r="AR90" s="17">
        <v>1.3705264249790023</v>
      </c>
      <c r="AS90" s="17">
        <v>1.2409690615442897</v>
      </c>
      <c r="AT90" s="17">
        <v>1.2732166959452476</v>
      </c>
      <c r="AU90" s="17">
        <v>1.359533841148288</v>
      </c>
      <c r="AV90" s="17">
        <v>1.3065636208361737</v>
      </c>
      <c r="AW90" s="17">
        <v>1.1950479703426189</v>
      </c>
      <c r="AX90" s="17">
        <v>1.0449259511963516</v>
      </c>
      <c r="AY90" s="17">
        <v>0.98365190578606587</v>
      </c>
      <c r="AZ90" s="17">
        <v>0.87815498139610049</v>
      </c>
      <c r="BA90" s="17">
        <v>0.88123019884704323</v>
      </c>
      <c r="BB90" s="17">
        <v>0.90996285635290974</v>
      </c>
      <c r="BC90" s="17">
        <v>0.96598861924907287</v>
      </c>
      <c r="BD90" s="17">
        <v>0.94388976517239853</v>
      </c>
    </row>
    <row r="91" spans="3:56" x14ac:dyDescent="0.2">
      <c r="C91" s="18" t="s">
        <v>123</v>
      </c>
      <c r="D91" s="6" t="s">
        <v>58</v>
      </c>
      <c r="E91" s="17">
        <v>0.75456428541984422</v>
      </c>
      <c r="F91" s="17">
        <v>0.80580403941124812</v>
      </c>
      <c r="G91" s="17">
        <v>0.81421078590245222</v>
      </c>
      <c r="H91" s="17">
        <v>0.83300641481173332</v>
      </c>
      <c r="I91" s="17">
        <v>0.79945338577353686</v>
      </c>
      <c r="J91" s="17">
        <v>0.84781529661304422</v>
      </c>
      <c r="K91" s="17">
        <v>0.81499672235693688</v>
      </c>
      <c r="L91" s="17">
        <v>0.81740146479459896</v>
      </c>
      <c r="M91" s="17">
        <v>0.84719531325623643</v>
      </c>
      <c r="N91" s="17">
        <v>1.0053967784771496</v>
      </c>
      <c r="O91" s="17">
        <v>0.94179477179137816</v>
      </c>
      <c r="P91" s="17">
        <v>1.1135169102357321</v>
      </c>
      <c r="Q91" s="17">
        <v>1.1649813056688785</v>
      </c>
      <c r="R91" s="17">
        <v>1.2608540653851952</v>
      </c>
      <c r="S91" s="17">
        <v>1.2595909916440988</v>
      </c>
      <c r="T91" s="17">
        <v>1.2933784982763747</v>
      </c>
      <c r="U91" s="17">
        <v>1.3499878991311651</v>
      </c>
      <c r="V91" s="17">
        <v>1.2622459875296683</v>
      </c>
      <c r="W91" s="17">
        <v>1.1621320569753206</v>
      </c>
      <c r="X91" s="17">
        <v>1.0207234071430566</v>
      </c>
      <c r="Y91" s="17">
        <v>0.92391725842805539</v>
      </c>
      <c r="Z91" s="17">
        <v>0.79610387498136381</v>
      </c>
      <c r="AA91" s="17">
        <v>0.74822403733955656</v>
      </c>
      <c r="AB91" s="17">
        <v>0.71496521195819074</v>
      </c>
      <c r="AC91" s="17">
        <v>0.71434190130254727</v>
      </c>
      <c r="AD91" s="17">
        <v>0.73497739226723258</v>
      </c>
      <c r="AE91" s="17">
        <v>0.72143585373647612</v>
      </c>
      <c r="AF91" s="17">
        <v>0.72456584850884131</v>
      </c>
      <c r="AG91" s="17">
        <v>0.72455148205928233</v>
      </c>
      <c r="AH91" s="17">
        <v>0.85</v>
      </c>
      <c r="AI91" s="17">
        <v>0.85</v>
      </c>
      <c r="AJ91" s="17">
        <v>1.2590225982411223</v>
      </c>
      <c r="AK91" s="17">
        <v>1.250371581450654</v>
      </c>
      <c r="AL91" s="17">
        <v>1.1313978217438938</v>
      </c>
      <c r="AM91" s="17">
        <v>1.0725922759543545</v>
      </c>
      <c r="AN91" s="17">
        <v>1.023697585768742</v>
      </c>
      <c r="AO91" s="17">
        <v>1.0427968247656276</v>
      </c>
      <c r="AP91" s="17">
        <v>0.9836097740291242</v>
      </c>
      <c r="AQ91" s="17">
        <v>0.84326819958520183</v>
      </c>
      <c r="AR91" s="17">
        <v>0.90187101741765263</v>
      </c>
      <c r="AS91" s="17">
        <v>0.90318763657690793</v>
      </c>
      <c r="AT91" s="17">
        <v>0.90566079314362835</v>
      </c>
      <c r="AU91" s="17">
        <v>0.89207242710373058</v>
      </c>
      <c r="AV91" s="17">
        <v>1.0451243726649468</v>
      </c>
      <c r="AW91" s="17">
        <v>0.87516127665330767</v>
      </c>
      <c r="AX91" s="17">
        <v>0.91925922540146865</v>
      </c>
      <c r="AY91" s="17">
        <v>0.85762681755787296</v>
      </c>
      <c r="AZ91" s="17">
        <v>0.83862573034456711</v>
      </c>
      <c r="BA91" s="17">
        <v>0.85228008507885844</v>
      </c>
      <c r="BB91" s="17">
        <v>0.78711883430992124</v>
      </c>
      <c r="BC91" s="17">
        <v>0.61692476190291856</v>
      </c>
      <c r="BD91" s="17">
        <v>0.75535019389168623</v>
      </c>
    </row>
    <row r="92" spans="3:56" x14ac:dyDescent="0.2">
      <c r="C92" s="18" t="s">
        <v>100</v>
      </c>
      <c r="D92" s="6" t="s">
        <v>58</v>
      </c>
      <c r="E92" s="8">
        <v>0.82001698587560135</v>
      </c>
      <c r="F92" s="8">
        <v>0.74012496580041942</v>
      </c>
      <c r="G92" s="8">
        <v>0.79981456025595754</v>
      </c>
      <c r="H92" s="8">
        <v>0.7778735171462694</v>
      </c>
      <c r="I92" s="8">
        <v>0.83608513777095772</v>
      </c>
      <c r="J92" s="8">
        <v>0.7710893369333307</v>
      </c>
      <c r="K92" s="8">
        <v>0.76771112192601987</v>
      </c>
      <c r="L92" s="8">
        <v>0.74279897891909918</v>
      </c>
      <c r="M92" s="8">
        <v>0.72951317820443595</v>
      </c>
      <c r="N92" s="8">
        <v>0.70457902616593526</v>
      </c>
      <c r="O92" s="8">
        <v>0.69270055300158884</v>
      </c>
      <c r="P92" s="8">
        <v>0.77101494345362198</v>
      </c>
      <c r="Q92" s="8">
        <v>0.7891559415608721</v>
      </c>
      <c r="R92" s="8">
        <v>0.79012407581195687</v>
      </c>
      <c r="S92" s="8">
        <v>0.71992759632893666</v>
      </c>
      <c r="T92" s="8">
        <v>0.76047859535732343</v>
      </c>
      <c r="U92" s="8">
        <v>0.72195105885147137</v>
      </c>
      <c r="V92" s="8">
        <v>0.72054645966570741</v>
      </c>
      <c r="W92" s="17">
        <v>0.69577319510044866</v>
      </c>
      <c r="X92" s="8">
        <v>0.70485048382096083</v>
      </c>
      <c r="Y92" s="8">
        <v>0.73270241851776041</v>
      </c>
      <c r="Z92" s="8">
        <v>0.70133005526562742</v>
      </c>
      <c r="AA92" s="8">
        <v>0.73593797269852701</v>
      </c>
      <c r="AB92" s="8">
        <v>0.73416051720853392</v>
      </c>
      <c r="AC92" s="8">
        <v>0.75311270377553596</v>
      </c>
      <c r="AD92" s="8">
        <v>0.71630858246547069</v>
      </c>
      <c r="AE92" s="8">
        <v>0.74700546949752122</v>
      </c>
      <c r="AF92" s="8">
        <v>0.70284400215782183</v>
      </c>
      <c r="AG92" s="8">
        <v>0.7212423511966306</v>
      </c>
      <c r="AH92" s="8">
        <v>0.75655686612521045</v>
      </c>
      <c r="AI92" s="8">
        <v>0.76018695032002881</v>
      </c>
      <c r="AJ92" s="8">
        <v>0.74279670886878257</v>
      </c>
      <c r="AK92" s="8">
        <v>0.74268699952682071</v>
      </c>
      <c r="AL92" s="8">
        <v>0.91132009923551005</v>
      </c>
      <c r="AM92" s="8">
        <v>1.0060228528237354</v>
      </c>
      <c r="AN92" s="8">
        <v>1.0180130058794703</v>
      </c>
      <c r="AO92" s="8">
        <v>1.025518513725074</v>
      </c>
      <c r="AP92" s="8">
        <v>0.96683013451201294</v>
      </c>
      <c r="AQ92" s="8">
        <v>0.93652357731193503</v>
      </c>
      <c r="AR92" s="8">
        <v>0.95440786892050433</v>
      </c>
      <c r="AS92" s="8">
        <v>0.89622572399171019</v>
      </c>
      <c r="AT92" s="8">
        <v>0.84895308848282303</v>
      </c>
      <c r="AU92" s="8">
        <v>0.77754198785972561</v>
      </c>
      <c r="AV92" s="8">
        <v>0.72859943290324691</v>
      </c>
      <c r="AW92" s="8">
        <v>0.74828348035541192</v>
      </c>
      <c r="AX92" s="8">
        <v>0.78585447304148837</v>
      </c>
      <c r="AY92" s="8">
        <v>0.79625392771099579</v>
      </c>
      <c r="AZ92" s="8">
        <v>0.80753487215495645</v>
      </c>
      <c r="BA92" s="8">
        <v>0.8251525927178408</v>
      </c>
      <c r="BB92" s="8">
        <v>0.77429917160336403</v>
      </c>
      <c r="BC92" s="8">
        <v>0.7356635251508209</v>
      </c>
      <c r="BD92" s="8">
        <v>0.73843747052650333</v>
      </c>
    </row>
    <row r="93" spans="3:56" x14ac:dyDescent="0.2">
      <c r="C93" s="16" t="s">
        <v>89</v>
      </c>
      <c r="D93" s="6" t="s">
        <v>58</v>
      </c>
      <c r="E93" s="8">
        <v>0.83394520016231766</v>
      </c>
      <c r="F93" s="8">
        <v>0.85068852835699604</v>
      </c>
      <c r="G93" s="8">
        <v>0.84272357808501264</v>
      </c>
      <c r="H93" s="8">
        <v>0.88505154193397384</v>
      </c>
      <c r="I93" s="8">
        <v>0.98463583059636983</v>
      </c>
      <c r="J93" s="8">
        <v>1.0018873305506337</v>
      </c>
      <c r="K93" s="8">
        <v>1.0411237685455834</v>
      </c>
      <c r="L93" s="8">
        <v>1.0238968160345596</v>
      </c>
      <c r="M93" s="8">
        <v>1.0127002766395574</v>
      </c>
      <c r="N93" s="8">
        <v>1.0603217582748601</v>
      </c>
      <c r="O93" s="8">
        <v>1.082363845108822</v>
      </c>
      <c r="P93" s="8">
        <v>1.2175285839113523</v>
      </c>
      <c r="Q93" s="8">
        <v>1.1818251569751426</v>
      </c>
      <c r="R93" s="8">
        <v>1.2437659450319321</v>
      </c>
      <c r="S93" s="8">
        <v>1.1899148484923441</v>
      </c>
      <c r="T93" s="8">
        <v>1.1310627845715662</v>
      </c>
      <c r="U93" s="8">
        <v>1.1519051948623438</v>
      </c>
      <c r="V93" s="8">
        <v>1.1642392301107165</v>
      </c>
      <c r="W93" s="17">
        <v>1.2278305221102292</v>
      </c>
      <c r="X93" s="8">
        <v>1.1752364708607566</v>
      </c>
      <c r="Y93" s="8">
        <v>1.192582188400557</v>
      </c>
      <c r="Z93" s="8">
        <v>1.2288594314713208</v>
      </c>
      <c r="AA93" s="8">
        <v>1.2981393847248621</v>
      </c>
      <c r="AB93" s="8">
        <v>1.3022640643986232</v>
      </c>
      <c r="AC93" s="8">
        <v>1.3388498816607508</v>
      </c>
      <c r="AD93" s="8">
        <v>1.406311972254594</v>
      </c>
      <c r="AE93" s="8">
        <v>1.3861457613316794</v>
      </c>
      <c r="AF93" s="8">
        <v>1.3657853150693569</v>
      </c>
      <c r="AG93" s="8">
        <v>1.4153390554750491</v>
      </c>
      <c r="AH93" s="8">
        <v>1.4682374835382415</v>
      </c>
      <c r="AI93" s="8">
        <v>1.5241867987405537</v>
      </c>
      <c r="AJ93" s="8">
        <v>1.580596344849498</v>
      </c>
      <c r="AK93" s="8">
        <v>1.5904934966278814</v>
      </c>
      <c r="AL93" s="8">
        <v>1.4973971153993533</v>
      </c>
      <c r="AM93" s="8">
        <v>1.4701357546744571</v>
      </c>
      <c r="AN93" s="17">
        <v>1.4960935894094187</v>
      </c>
      <c r="AO93" s="8">
        <v>1.3817410858585359</v>
      </c>
      <c r="AP93" s="8">
        <v>1.2354138018193281</v>
      </c>
      <c r="AQ93" s="8">
        <v>1.1708154778593376</v>
      </c>
      <c r="AR93" s="8">
        <v>1.0151225156019412</v>
      </c>
      <c r="AS93" s="8">
        <v>0.97328988417714701</v>
      </c>
      <c r="AT93" s="8">
        <v>0.95989738526509749</v>
      </c>
      <c r="AU93" s="8">
        <v>0.95748210515597443</v>
      </c>
      <c r="AV93" s="8">
        <v>0.95557869128149164</v>
      </c>
      <c r="AW93" s="8">
        <v>0.92034683524255267</v>
      </c>
      <c r="AX93" s="8">
        <v>0.89099864532212103</v>
      </c>
      <c r="AY93" s="8">
        <v>0.9210969353207874</v>
      </c>
      <c r="AZ93" s="8">
        <v>0.86763120972965679</v>
      </c>
      <c r="BA93" s="8">
        <v>0.88212185489486139</v>
      </c>
      <c r="BB93" s="8">
        <v>0.87827834313599651</v>
      </c>
      <c r="BC93" s="8">
        <v>0.86950213039829893</v>
      </c>
      <c r="BD93" s="8">
        <v>0.8854190662532736</v>
      </c>
    </row>
    <row r="94" spans="3:56" x14ac:dyDescent="0.2">
      <c r="C94" s="16" t="s">
        <v>95</v>
      </c>
      <c r="D94" s="6" t="s">
        <v>58</v>
      </c>
      <c r="E94" s="8">
        <v>1.2818370801558034</v>
      </c>
      <c r="F94" s="8">
        <v>1.09459146393699</v>
      </c>
      <c r="G94" s="8">
        <v>1.0571642821055116</v>
      </c>
      <c r="H94" s="8">
        <v>1.0524818555572624</v>
      </c>
      <c r="I94" s="8">
        <v>1.157881414086533</v>
      </c>
      <c r="J94" s="8">
        <v>1.1617391380919675</v>
      </c>
      <c r="K94" s="8">
        <v>1.2123057797805346</v>
      </c>
      <c r="L94" s="8">
        <v>1.205294567644597</v>
      </c>
      <c r="M94" s="8">
        <v>1.2171485071219197</v>
      </c>
      <c r="N94" s="8">
        <v>1.087473861946008</v>
      </c>
      <c r="O94" s="8">
        <v>1.1151978065844486</v>
      </c>
      <c r="P94" s="8">
        <v>1.3032535167046873</v>
      </c>
      <c r="Q94" s="8">
        <v>1.2735627455422511</v>
      </c>
      <c r="R94" s="8">
        <v>1.3192679784845791</v>
      </c>
      <c r="S94" s="8">
        <v>1.268708357685564</v>
      </c>
      <c r="T94" s="8">
        <v>1.2510274534542305</v>
      </c>
      <c r="U94" s="8">
        <v>1.2662876187253989</v>
      </c>
      <c r="V94" s="8">
        <v>1.3098732688035377</v>
      </c>
      <c r="W94" s="17">
        <v>1.2731679013156814</v>
      </c>
      <c r="X94" s="8">
        <v>1.3007418003669533</v>
      </c>
      <c r="Y94" s="8">
        <v>1.3079380460434802</v>
      </c>
      <c r="Z94" s="8">
        <v>1.2940262853487725</v>
      </c>
      <c r="AA94" s="8">
        <v>1.3584000979109196</v>
      </c>
      <c r="AB94" s="8">
        <v>1.4716670260742379</v>
      </c>
      <c r="AC94" s="8">
        <v>1.3146163875926433</v>
      </c>
      <c r="AD94" s="8">
        <v>1.2689723378069508</v>
      </c>
      <c r="AE94" s="8">
        <v>1.1336233602608761</v>
      </c>
      <c r="AF94" s="8">
        <v>1.1716264686956313</v>
      </c>
      <c r="AG94" s="8">
        <v>1.1876564890574073</v>
      </c>
      <c r="AH94" s="8">
        <v>1.1275350212055006</v>
      </c>
      <c r="AI94" s="8">
        <v>1.2874177086697736</v>
      </c>
      <c r="AJ94" s="8">
        <v>1.2922950623917846</v>
      </c>
      <c r="AK94" s="8">
        <v>1.2345366793896038</v>
      </c>
      <c r="AL94" s="8">
        <v>1.320624210367396</v>
      </c>
      <c r="AM94" s="8">
        <v>1.2466785645659986</v>
      </c>
      <c r="AN94" s="8">
        <v>1.2085253574735111</v>
      </c>
      <c r="AO94" s="8">
        <v>1.1804557283235122</v>
      </c>
      <c r="AP94" s="8">
        <v>1.0903135273111682</v>
      </c>
      <c r="AQ94" s="8">
        <v>1.1637644149065309</v>
      </c>
      <c r="AR94" s="8">
        <v>1.0475097226044918</v>
      </c>
      <c r="AS94" s="8">
        <v>1.0306761836874478</v>
      </c>
      <c r="AT94" s="8">
        <v>1.0800998025684219</v>
      </c>
      <c r="AU94" s="8">
        <v>1.1479349207077525</v>
      </c>
      <c r="AV94" s="8">
        <v>1.0563239225325254</v>
      </c>
      <c r="AW94" s="8">
        <v>1.0622594150425981</v>
      </c>
      <c r="AX94" s="8">
        <v>1.06448873675615</v>
      </c>
      <c r="AY94" s="8">
        <v>1.1327689416350537</v>
      </c>
      <c r="AZ94" s="8">
        <v>1.1275177620445518</v>
      </c>
      <c r="BA94" s="8">
        <v>1.123423563754838</v>
      </c>
      <c r="BB94" s="8">
        <v>1.0901536160780596</v>
      </c>
      <c r="BC94" s="8">
        <v>1.0691823774504838</v>
      </c>
      <c r="BD94" s="8">
        <v>1.0760234282522798</v>
      </c>
    </row>
    <row r="95" spans="3:56" x14ac:dyDescent="0.2">
      <c r="C95" s="23" t="s">
        <v>96</v>
      </c>
      <c r="D95" s="6" t="s">
        <v>58</v>
      </c>
      <c r="E95" s="17">
        <v>1.0245370246360119</v>
      </c>
      <c r="F95" s="17">
        <v>0.96839882754546525</v>
      </c>
      <c r="G95" s="17">
        <v>0.96761246118818489</v>
      </c>
      <c r="H95" s="17">
        <v>0.94420804793835311</v>
      </c>
      <c r="I95" s="17">
        <v>0.93656659479084126</v>
      </c>
      <c r="J95" s="17">
        <v>0.95996405311143718</v>
      </c>
      <c r="K95" s="17">
        <v>0.92936093436179568</v>
      </c>
      <c r="L95" s="17">
        <v>0.99709343468019607</v>
      </c>
      <c r="M95" s="17">
        <v>1.0303043880585383</v>
      </c>
      <c r="N95" s="17">
        <v>1.1104268632144014</v>
      </c>
      <c r="O95" s="17">
        <v>1.1506268017710808</v>
      </c>
      <c r="P95" s="17">
        <v>1.1495223351386288</v>
      </c>
      <c r="Q95" s="17">
        <v>1.1438137328177298</v>
      </c>
      <c r="R95" s="17">
        <v>1.131214463934602</v>
      </c>
      <c r="S95" s="17">
        <v>1.0683455561014963</v>
      </c>
      <c r="T95" s="17">
        <v>1.1129993193264194</v>
      </c>
      <c r="U95" s="17">
        <v>1.1387233105677006</v>
      </c>
      <c r="V95" s="17">
        <v>1.2354752538653526</v>
      </c>
      <c r="W95" s="17">
        <v>1.3752143142454367</v>
      </c>
      <c r="X95" s="17">
        <v>1.4364895482071485</v>
      </c>
      <c r="Y95" s="17">
        <v>1.5331016380159421</v>
      </c>
      <c r="Z95" s="17">
        <v>1.5788154477771734</v>
      </c>
      <c r="AA95" s="17">
        <v>1.6545486488993524</v>
      </c>
      <c r="AB95" s="17">
        <v>1.7366033791059106</v>
      </c>
      <c r="AC95" s="17">
        <v>1.8035684995942847</v>
      </c>
      <c r="AD95" s="17">
        <v>1.7831110259735157</v>
      </c>
      <c r="AE95" s="17">
        <v>1.9929740997698497</v>
      </c>
      <c r="AF95" s="17">
        <v>1.9255126563443552</v>
      </c>
      <c r="AG95" s="17">
        <v>1.7848108473514386</v>
      </c>
      <c r="AH95" s="17">
        <v>1.649471163408075</v>
      </c>
      <c r="AI95" s="17">
        <v>1.6191889624077149</v>
      </c>
      <c r="AJ95" s="17">
        <v>1.4874403645417038</v>
      </c>
      <c r="AK95" s="17">
        <v>1.6244191621852051</v>
      </c>
      <c r="AL95" s="17">
        <v>1.6286707828147413</v>
      </c>
      <c r="AM95" s="17">
        <v>1.6033858592570336</v>
      </c>
      <c r="AN95" s="17">
        <v>1.4756766144101567</v>
      </c>
      <c r="AO95" s="17">
        <v>1.4811002197446972</v>
      </c>
      <c r="AP95" s="17">
        <v>1.4370149211257006</v>
      </c>
      <c r="AQ95" s="17">
        <v>1.4059559230736223</v>
      </c>
      <c r="AR95" s="17">
        <v>1.37463588135799</v>
      </c>
      <c r="AS95" s="17">
        <v>1.3604760683071315</v>
      </c>
      <c r="AT95" s="17">
        <v>1.2732232075201311</v>
      </c>
      <c r="AU95" s="17">
        <v>1.297453809073418</v>
      </c>
      <c r="AV95" s="17">
        <v>1.1676190300823468</v>
      </c>
      <c r="AW95" s="17">
        <v>1.1648668804521889</v>
      </c>
      <c r="AX95" s="17">
        <v>1.1642128436085524</v>
      </c>
      <c r="AY95" s="17">
        <v>1.1854296778757731</v>
      </c>
      <c r="AZ95" s="17">
        <v>1.2368109974429773</v>
      </c>
      <c r="BA95" s="17">
        <v>1.3316468438616194</v>
      </c>
      <c r="BB95" s="17">
        <v>1.3516348220482157</v>
      </c>
      <c r="BC95" s="17">
        <v>1.4214678808575902</v>
      </c>
      <c r="BD95" s="17">
        <v>1.4453513100527258</v>
      </c>
    </row>
    <row r="96" spans="3:56" x14ac:dyDescent="0.2">
      <c r="C96" s="67"/>
      <c r="D96" s="64"/>
      <c r="E96" s="65"/>
      <c r="F96" s="65"/>
      <c r="G96" s="65"/>
      <c r="H96" s="65"/>
      <c r="J96" s="121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G96" s="65"/>
      <c r="AH96" s="65"/>
      <c r="AO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6" x14ac:dyDescent="0.2">
      <c r="D97" s="64"/>
      <c r="E97" s="65"/>
      <c r="F97" s="65"/>
      <c r="G97" s="65"/>
      <c r="H97" s="65"/>
      <c r="M97" s="65"/>
      <c r="N97" s="65"/>
      <c r="O97" s="92"/>
      <c r="P97" s="65"/>
      <c r="Q97" s="65"/>
      <c r="R97" s="65"/>
      <c r="S97" s="65"/>
      <c r="T97" s="65"/>
      <c r="U97" s="65"/>
      <c r="V97" s="65"/>
      <c r="W97" s="65"/>
      <c r="X97" s="65"/>
      <c r="Y97" s="65"/>
      <c r="Z97" s="65"/>
      <c r="AA97" s="65"/>
      <c r="AB97" s="65"/>
      <c r="AC97" s="65"/>
      <c r="AD97" s="65"/>
      <c r="AE97" s="65"/>
      <c r="AG97" s="65"/>
      <c r="AH97" s="65"/>
      <c r="AO97" s="65"/>
      <c r="AQ97" s="65"/>
      <c r="AR97" s="65"/>
      <c r="AS97" s="65"/>
      <c r="AT97" s="65"/>
      <c r="AU97" s="65"/>
      <c r="AW97" s="65"/>
      <c r="AX97" s="65"/>
      <c r="AY97" s="65"/>
      <c r="AZ97" s="65"/>
      <c r="BA97" s="65"/>
      <c r="BB97" s="65"/>
      <c r="BC97" s="65"/>
    </row>
    <row r="98" spans="3:56" x14ac:dyDescent="0.2">
      <c r="D98" s="64"/>
      <c r="E98" s="65"/>
      <c r="F98" s="65"/>
      <c r="G98" s="65"/>
      <c r="K98" s="65"/>
      <c r="M98" s="65"/>
      <c r="N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99" spans="3:56" x14ac:dyDescent="0.2">
      <c r="C99" s="23" t="s">
        <v>106</v>
      </c>
      <c r="D99" s="6" t="s">
        <v>58</v>
      </c>
      <c r="E99" s="62">
        <v>6.83</v>
      </c>
      <c r="F99" s="17">
        <v>7.72</v>
      </c>
      <c r="G99" s="17">
        <v>7.14</v>
      </c>
      <c r="H99" s="17">
        <v>7.58</v>
      </c>
      <c r="I99" s="17">
        <v>7.18</v>
      </c>
      <c r="J99" s="17">
        <v>6.88</v>
      </c>
      <c r="K99" s="17">
        <v>7.08</v>
      </c>
      <c r="L99" s="17">
        <v>7.47</v>
      </c>
      <c r="M99" s="17">
        <v>7.26</v>
      </c>
      <c r="N99" s="17">
        <v>6.98</v>
      </c>
      <c r="O99" s="17">
        <v>7.17</v>
      </c>
      <c r="P99" s="17">
        <v>7.06</v>
      </c>
      <c r="Q99" s="17">
        <v>7.09</v>
      </c>
      <c r="R99" s="17">
        <v>7.21</v>
      </c>
      <c r="S99" s="17">
        <v>7.28</v>
      </c>
      <c r="T99" s="17">
        <v>7.03</v>
      </c>
      <c r="U99" s="17">
        <v>7.08</v>
      </c>
      <c r="V99" s="17">
        <v>7.05</v>
      </c>
      <c r="W99" s="17">
        <v>7.34</v>
      </c>
      <c r="X99" s="17">
        <v>7.44</v>
      </c>
      <c r="Y99" s="17">
        <v>7.33</v>
      </c>
      <c r="Z99" s="17">
        <v>7.13</v>
      </c>
      <c r="AA99" s="17">
        <v>7.13</v>
      </c>
      <c r="AB99" s="17">
        <v>7.28</v>
      </c>
      <c r="AC99" s="17">
        <v>7.42</v>
      </c>
      <c r="AD99" s="17">
        <v>7.35</v>
      </c>
      <c r="AE99" s="17">
        <v>6.68</v>
      </c>
      <c r="AF99" s="17">
        <v>7.19</v>
      </c>
      <c r="AG99" s="17">
        <v>6.99</v>
      </c>
      <c r="AH99" s="17">
        <v>6.87</v>
      </c>
      <c r="AI99" s="17">
        <v>6.82</v>
      </c>
      <c r="AJ99" s="17">
        <v>6.7</v>
      </c>
      <c r="AK99" s="17">
        <v>6.85</v>
      </c>
      <c r="AL99" s="105">
        <v>6.63</v>
      </c>
      <c r="AM99" s="17">
        <v>6.61</v>
      </c>
      <c r="AN99" s="17">
        <v>6.68</v>
      </c>
      <c r="AO99" s="17">
        <v>7.35</v>
      </c>
      <c r="AP99" s="17">
        <v>6.87</v>
      </c>
      <c r="AQ99" s="17">
        <v>6.72</v>
      </c>
      <c r="AR99" s="17">
        <v>6.82</v>
      </c>
      <c r="AS99" s="17">
        <v>7.49</v>
      </c>
      <c r="AT99" s="17">
        <v>7.23</v>
      </c>
      <c r="AU99" s="17">
        <v>6.87</v>
      </c>
      <c r="AV99" s="17">
        <v>7.8</v>
      </c>
      <c r="AW99" s="17">
        <v>7.08</v>
      </c>
      <c r="AX99" s="17">
        <v>6.91</v>
      </c>
      <c r="AY99" s="17">
        <v>7.4</v>
      </c>
      <c r="AZ99" s="17">
        <v>6.97</v>
      </c>
      <c r="BA99" s="17">
        <v>7.02</v>
      </c>
      <c r="BB99" s="17">
        <v>7.06</v>
      </c>
      <c r="BC99" s="17">
        <v>7.5</v>
      </c>
      <c r="BD99" s="17">
        <v>7.27</v>
      </c>
    </row>
    <row r="100" spans="3:56" x14ac:dyDescent="0.2">
      <c r="D100" s="64"/>
      <c r="E100" s="65"/>
      <c r="F100" s="65"/>
      <c r="G100" s="65"/>
      <c r="H100" s="65"/>
      <c r="K100" s="65"/>
      <c r="L100" s="65"/>
      <c r="M100" s="65"/>
      <c r="N100" s="65"/>
      <c r="O100" s="65"/>
      <c r="P100" s="65"/>
      <c r="Q100" s="65"/>
      <c r="R100" s="65"/>
      <c r="S100" s="65"/>
      <c r="T100" s="65"/>
      <c r="U100" s="65"/>
      <c r="V100" s="65"/>
      <c r="W100" s="65"/>
      <c r="X100" s="65"/>
      <c r="Y100" s="65"/>
      <c r="Z100" s="65"/>
      <c r="AA100" s="65"/>
      <c r="AB100" s="65"/>
      <c r="AC100" s="65"/>
      <c r="AD100" s="65"/>
      <c r="AE100" s="65"/>
      <c r="AF100" s="65"/>
      <c r="AG100" s="65"/>
      <c r="AH100" s="65"/>
      <c r="AI100" s="65"/>
      <c r="AJ100" s="65"/>
      <c r="AK100" s="65"/>
      <c r="AL100" s="65"/>
      <c r="AM100" s="65"/>
      <c r="AN100" s="65"/>
      <c r="AO100" s="65"/>
      <c r="AP100" s="65"/>
      <c r="AQ100" s="65"/>
      <c r="AR100" s="65"/>
      <c r="AS100" s="65"/>
      <c r="AT100" s="65"/>
      <c r="AU100" s="65"/>
      <c r="AV100" s="65"/>
      <c r="AW100" s="65"/>
      <c r="AX100" s="65"/>
      <c r="AY100" s="65"/>
      <c r="AZ100" s="65"/>
      <c r="BA100" s="65"/>
      <c r="BB100" s="65"/>
      <c r="BC100" s="65"/>
    </row>
    <row r="104" spans="3:56" x14ac:dyDescent="0.2">
      <c r="C104" s="1" t="s">
        <v>97</v>
      </c>
      <c r="E104" s="2">
        <v>2018</v>
      </c>
      <c r="F104" s="1"/>
      <c r="G104" s="1"/>
      <c r="H104" s="1"/>
      <c r="I104" s="1"/>
      <c r="J104" s="1"/>
      <c r="K104" s="1"/>
      <c r="L104" s="1"/>
      <c r="M104" s="1"/>
    </row>
    <row r="105" spans="3:56" x14ac:dyDescent="0.2">
      <c r="C105" s="3" t="s">
        <v>2</v>
      </c>
      <c r="D105" s="3" t="s">
        <v>3</v>
      </c>
      <c r="E105" s="4" t="s">
        <v>15</v>
      </c>
      <c r="F105" s="4" t="s">
        <v>16</v>
      </c>
      <c r="G105" s="4" t="s">
        <v>17</v>
      </c>
      <c r="H105" s="4" t="s">
        <v>18</v>
      </c>
      <c r="I105" s="4" t="s">
        <v>19</v>
      </c>
      <c r="J105" s="4" t="s">
        <v>20</v>
      </c>
      <c r="K105" s="4" t="s">
        <v>21</v>
      </c>
      <c r="L105" s="4" t="s">
        <v>22</v>
      </c>
      <c r="M105" s="4" t="s">
        <v>23</v>
      </c>
      <c r="N105" s="4" t="s">
        <v>24</v>
      </c>
      <c r="O105" s="4" t="s">
        <v>25</v>
      </c>
      <c r="P105" s="4" t="s">
        <v>26</v>
      </c>
      <c r="Q105" s="4" t="s">
        <v>27</v>
      </c>
      <c r="R105" s="4" t="s">
        <v>28</v>
      </c>
      <c r="S105" s="4" t="s">
        <v>29</v>
      </c>
      <c r="T105" s="4" t="s">
        <v>30</v>
      </c>
      <c r="U105" s="4" t="s">
        <v>31</v>
      </c>
      <c r="V105" s="4" t="s">
        <v>32</v>
      </c>
      <c r="W105" s="4" t="s">
        <v>33</v>
      </c>
      <c r="X105" s="4" t="s">
        <v>34</v>
      </c>
      <c r="Y105" s="4" t="s">
        <v>35</v>
      </c>
      <c r="Z105" s="4" t="s">
        <v>36</v>
      </c>
      <c r="AA105" s="4" t="s">
        <v>37</v>
      </c>
      <c r="AB105" s="4" t="s">
        <v>38</v>
      </c>
      <c r="AC105" s="26" t="s">
        <v>39</v>
      </c>
      <c r="AD105" s="4" t="s">
        <v>40</v>
      </c>
      <c r="AE105" s="4" t="s">
        <v>41</v>
      </c>
      <c r="AF105" s="4" t="s">
        <v>42</v>
      </c>
      <c r="AG105" s="4" t="s">
        <v>43</v>
      </c>
      <c r="AH105" s="4" t="s">
        <v>44</v>
      </c>
      <c r="AI105" s="4" t="s">
        <v>45</v>
      </c>
      <c r="AJ105" s="4" t="s">
        <v>46</v>
      </c>
      <c r="AK105" s="4" t="s">
        <v>47</v>
      </c>
      <c r="AL105" s="4" t="s">
        <v>48</v>
      </c>
      <c r="AM105" s="4" t="s">
        <v>49</v>
      </c>
      <c r="AN105" s="4" t="s">
        <v>50</v>
      </c>
      <c r="AO105" s="4" t="s">
        <v>51</v>
      </c>
      <c r="AP105" s="4" t="s">
        <v>52</v>
      </c>
      <c r="AQ105" s="4" t="s">
        <v>53</v>
      </c>
      <c r="AR105" s="4" t="s">
        <v>54</v>
      </c>
      <c r="AS105" s="4" t="s">
        <v>55</v>
      </c>
      <c r="AT105" s="4" t="s">
        <v>4</v>
      </c>
      <c r="AU105" s="4" t="s">
        <v>5</v>
      </c>
      <c r="AV105" s="4" t="s">
        <v>6</v>
      </c>
      <c r="AW105" s="4" t="s">
        <v>7</v>
      </c>
      <c r="AX105" s="4" t="s">
        <v>8</v>
      </c>
      <c r="AY105" s="4" t="s">
        <v>9</v>
      </c>
      <c r="AZ105" s="4" t="s">
        <v>10</v>
      </c>
      <c r="BA105" s="4" t="s">
        <v>11</v>
      </c>
      <c r="BB105" s="4" t="s">
        <v>12</v>
      </c>
      <c r="BC105" s="4" t="s">
        <v>13</v>
      </c>
      <c r="BD105" s="4" t="s">
        <v>14</v>
      </c>
    </row>
    <row r="106" spans="3:56" x14ac:dyDescent="0.2">
      <c r="C106" s="5" t="s">
        <v>57</v>
      </c>
      <c r="D106" s="6" t="s">
        <v>58</v>
      </c>
      <c r="E106" s="8">
        <v>16.101214343956517</v>
      </c>
      <c r="F106" s="8">
        <v>16.010000000000002</v>
      </c>
      <c r="G106" s="8">
        <v>15.99</v>
      </c>
      <c r="H106" s="8">
        <v>16</v>
      </c>
      <c r="I106" s="8">
        <v>16.010000000000002</v>
      </c>
      <c r="J106" s="8">
        <v>16.010000000000002</v>
      </c>
      <c r="K106" s="8">
        <v>16.010000000000002</v>
      </c>
      <c r="L106" s="8">
        <v>15.94</v>
      </c>
      <c r="M106" s="8">
        <v>16.11</v>
      </c>
      <c r="N106" s="8">
        <v>16.16</v>
      </c>
      <c r="O106" s="8">
        <v>16.170000000000002</v>
      </c>
      <c r="P106" s="8">
        <v>16.14</v>
      </c>
      <c r="Q106" s="8">
        <v>16.149999999999999</v>
      </c>
      <c r="R106" s="8">
        <v>16.010000000000002</v>
      </c>
      <c r="S106" s="8">
        <v>16.02</v>
      </c>
      <c r="T106" s="8">
        <v>16.02</v>
      </c>
      <c r="U106" s="8">
        <v>16.02</v>
      </c>
      <c r="V106" s="8">
        <v>16</v>
      </c>
      <c r="W106" s="17">
        <v>15.75</v>
      </c>
      <c r="X106" s="8">
        <v>15.8</v>
      </c>
      <c r="Y106" s="8">
        <v>15.8</v>
      </c>
      <c r="Z106" s="8">
        <v>15.86</v>
      </c>
      <c r="AA106" s="8">
        <v>15.85</v>
      </c>
      <c r="AB106" s="8">
        <v>15.84</v>
      </c>
      <c r="AC106" s="8">
        <v>15.85</v>
      </c>
      <c r="AD106" s="8">
        <v>15.86</v>
      </c>
      <c r="AE106" s="8">
        <v>15.75</v>
      </c>
      <c r="AF106" s="8">
        <v>15.75</v>
      </c>
      <c r="AG106" s="8">
        <v>15.75</v>
      </c>
      <c r="AH106" s="8">
        <v>15.78</v>
      </c>
      <c r="AI106" s="8">
        <v>15.85</v>
      </c>
      <c r="AJ106" s="8">
        <v>15.85</v>
      </c>
      <c r="AK106" s="8">
        <v>15.85</v>
      </c>
      <c r="AL106" s="8">
        <v>15.86</v>
      </c>
      <c r="AM106" s="8">
        <v>15.91</v>
      </c>
      <c r="AN106" s="8">
        <v>15.9</v>
      </c>
      <c r="AO106" s="8">
        <v>15.83</v>
      </c>
      <c r="AP106" s="8">
        <v>15.82</v>
      </c>
      <c r="AQ106" s="8">
        <v>15.81</v>
      </c>
      <c r="AR106" s="8">
        <v>15.81</v>
      </c>
      <c r="AS106" s="8">
        <v>15.87</v>
      </c>
      <c r="AT106" s="8">
        <v>15.91</v>
      </c>
      <c r="AU106" s="8">
        <v>15.89</v>
      </c>
      <c r="AV106" s="8">
        <v>15.89</v>
      </c>
      <c r="AW106" s="8">
        <v>15.93</v>
      </c>
      <c r="AX106" s="8">
        <v>15.95</v>
      </c>
      <c r="AY106" s="8">
        <v>15.97</v>
      </c>
      <c r="AZ106" s="8">
        <v>16.05</v>
      </c>
      <c r="BA106" s="8">
        <v>16.07</v>
      </c>
      <c r="BB106" s="8">
        <v>16.100000000000001</v>
      </c>
      <c r="BC106" s="8">
        <v>16.149999999999999</v>
      </c>
      <c r="BD106" s="8">
        <v>16.16</v>
      </c>
    </row>
    <row r="107" spans="3:56" x14ac:dyDescent="0.2">
      <c r="C107" s="5" t="s">
        <v>59</v>
      </c>
      <c r="D107" s="6" t="s">
        <v>58</v>
      </c>
      <c r="E107" s="8">
        <v>11.28</v>
      </c>
      <c r="F107" s="8">
        <v>11.16</v>
      </c>
      <c r="G107" s="8">
        <v>11.08</v>
      </c>
      <c r="H107" s="8">
        <v>11.03</v>
      </c>
      <c r="I107" s="8">
        <v>10.89</v>
      </c>
      <c r="J107" s="8">
        <v>10.9</v>
      </c>
      <c r="K107" s="8">
        <v>10.93</v>
      </c>
      <c r="L107" s="8">
        <v>10.81</v>
      </c>
      <c r="M107" s="8">
        <v>10.73</v>
      </c>
      <c r="N107" s="8">
        <v>10.7</v>
      </c>
      <c r="O107" s="8">
        <v>10.65</v>
      </c>
      <c r="P107" s="8">
        <v>10.62</v>
      </c>
      <c r="Q107" s="8">
        <v>10.62</v>
      </c>
      <c r="R107" s="8">
        <v>10.68</v>
      </c>
      <c r="S107" s="8">
        <v>10.69</v>
      </c>
      <c r="T107" s="8">
        <v>10.65</v>
      </c>
      <c r="U107" s="8">
        <v>10.56</v>
      </c>
      <c r="V107" s="8">
        <v>10.57</v>
      </c>
      <c r="W107" s="17">
        <v>10.55</v>
      </c>
      <c r="X107" s="8">
        <v>10.6</v>
      </c>
      <c r="Y107" s="8">
        <v>10.65</v>
      </c>
      <c r="Z107" s="8">
        <v>10.67</v>
      </c>
      <c r="AA107" s="8">
        <v>10.64</v>
      </c>
      <c r="AB107" s="8">
        <v>10.72</v>
      </c>
      <c r="AC107" s="8">
        <v>10.77</v>
      </c>
      <c r="AD107" s="8">
        <v>10.54</v>
      </c>
      <c r="AE107" s="8">
        <v>10.51</v>
      </c>
      <c r="AF107" s="8">
        <v>10.46</v>
      </c>
      <c r="AG107" s="8">
        <v>10.53</v>
      </c>
      <c r="AH107" s="8">
        <v>10.51</v>
      </c>
      <c r="AI107" s="8">
        <v>10.59</v>
      </c>
      <c r="AJ107" s="8">
        <v>10.57</v>
      </c>
      <c r="AK107" s="8">
        <v>10.59</v>
      </c>
      <c r="AL107" s="8">
        <v>10.58</v>
      </c>
      <c r="AM107" s="8">
        <v>10.6</v>
      </c>
      <c r="AN107" s="8">
        <v>10.63</v>
      </c>
      <c r="AO107" s="8">
        <v>10.67</v>
      </c>
      <c r="AP107" s="8">
        <v>10.64</v>
      </c>
      <c r="AQ107" s="8">
        <v>10.67</v>
      </c>
      <c r="AR107" s="8">
        <v>10.7</v>
      </c>
      <c r="AS107" s="8">
        <v>10.68</v>
      </c>
      <c r="AT107" s="8">
        <v>10.67</v>
      </c>
      <c r="AU107" s="8">
        <v>10.68</v>
      </c>
      <c r="AV107" s="8">
        <v>10.69</v>
      </c>
      <c r="AW107" s="8">
        <v>10.71</v>
      </c>
      <c r="AX107" s="8">
        <v>10.74</v>
      </c>
      <c r="AY107" s="8">
        <v>10.65</v>
      </c>
      <c r="AZ107" s="8">
        <v>10.72</v>
      </c>
      <c r="BA107" s="8">
        <v>10.74</v>
      </c>
      <c r="BB107" s="8">
        <v>10.78</v>
      </c>
      <c r="BC107" s="8">
        <v>10.8</v>
      </c>
      <c r="BD107" s="8">
        <v>10.81</v>
      </c>
    </row>
    <row r="108" spans="3:56" x14ac:dyDescent="0.2">
      <c r="C108" s="5" t="s">
        <v>60</v>
      </c>
      <c r="D108" s="6" t="s">
        <v>58</v>
      </c>
      <c r="E108" s="8">
        <v>5.4822092385492942</v>
      </c>
      <c r="F108" s="8">
        <v>5.46</v>
      </c>
      <c r="G108" s="8">
        <v>5.44</v>
      </c>
      <c r="H108" s="8">
        <v>5.44</v>
      </c>
      <c r="I108" s="8">
        <v>5.43</v>
      </c>
      <c r="J108" s="8">
        <v>5.42</v>
      </c>
      <c r="K108" s="8">
        <v>5.41</v>
      </c>
      <c r="L108" s="8">
        <v>5.39</v>
      </c>
      <c r="M108" s="8">
        <v>5.38</v>
      </c>
      <c r="N108" s="8">
        <v>5.4</v>
      </c>
      <c r="O108" s="8">
        <v>5.39</v>
      </c>
      <c r="P108" s="8">
        <v>5.38</v>
      </c>
      <c r="Q108" s="8">
        <v>5.38</v>
      </c>
      <c r="R108" s="8">
        <v>5.41</v>
      </c>
      <c r="S108" s="8">
        <v>5.42</v>
      </c>
      <c r="T108" s="8">
        <v>5.43</v>
      </c>
      <c r="U108" s="8">
        <v>5.42</v>
      </c>
      <c r="V108" s="8">
        <v>5.43</v>
      </c>
      <c r="W108" s="17">
        <v>5.4</v>
      </c>
      <c r="X108" s="8">
        <v>5.4</v>
      </c>
      <c r="Y108" s="8">
        <v>5.41</v>
      </c>
      <c r="Z108" s="8">
        <v>5.39</v>
      </c>
      <c r="AA108" s="8">
        <v>5.39</v>
      </c>
      <c r="AB108" s="8">
        <v>5.4</v>
      </c>
      <c r="AC108" s="8">
        <v>5.39</v>
      </c>
      <c r="AD108" s="8">
        <v>5.4</v>
      </c>
      <c r="AE108" s="8">
        <v>5.37</v>
      </c>
      <c r="AF108" s="8">
        <v>5.39</v>
      </c>
      <c r="AG108" s="8">
        <v>5.37</v>
      </c>
      <c r="AH108" s="8">
        <v>5.37</v>
      </c>
      <c r="AI108" s="8">
        <v>5.36</v>
      </c>
      <c r="AJ108" s="8">
        <v>5.36</v>
      </c>
      <c r="AK108" s="8">
        <v>5.36</v>
      </c>
      <c r="AL108" s="8">
        <v>5.37</v>
      </c>
      <c r="AM108" s="8">
        <v>5.36</v>
      </c>
      <c r="AN108" s="8" t="s">
        <v>166</v>
      </c>
      <c r="AO108" s="8">
        <v>5.37</v>
      </c>
      <c r="AP108" s="8">
        <v>5.39</v>
      </c>
      <c r="AQ108" s="8">
        <v>5.39</v>
      </c>
      <c r="AR108" s="8">
        <v>5.4</v>
      </c>
      <c r="AS108" s="8">
        <v>5.4</v>
      </c>
      <c r="AT108" s="8">
        <v>5.37</v>
      </c>
      <c r="AU108" s="8">
        <v>5.37</v>
      </c>
      <c r="AV108" s="8">
        <v>5.38</v>
      </c>
      <c r="AW108" s="8">
        <v>5.38</v>
      </c>
      <c r="AX108" s="8">
        <v>5.38</v>
      </c>
      <c r="AY108" s="8">
        <v>5.37</v>
      </c>
      <c r="AZ108" s="8">
        <v>5.39</v>
      </c>
      <c r="BA108" s="8">
        <v>5.41</v>
      </c>
      <c r="BB108" s="8">
        <v>5.41</v>
      </c>
      <c r="BC108" s="8">
        <v>5.42</v>
      </c>
      <c r="BD108" s="8">
        <v>5.42</v>
      </c>
    </row>
    <row r="109" spans="3:56" x14ac:dyDescent="0.2">
      <c r="C109" s="5" t="s">
        <v>61</v>
      </c>
      <c r="D109" s="6" t="s">
        <v>58</v>
      </c>
      <c r="E109" s="8">
        <v>3.0015109316812385</v>
      </c>
      <c r="F109" s="8">
        <v>3</v>
      </c>
      <c r="G109" s="8">
        <v>3</v>
      </c>
      <c r="H109" s="8">
        <v>3</v>
      </c>
      <c r="I109" s="8">
        <v>3</v>
      </c>
      <c r="J109" s="8">
        <v>3</v>
      </c>
      <c r="K109" s="8">
        <v>2.99</v>
      </c>
      <c r="L109" s="8">
        <v>2.99</v>
      </c>
      <c r="M109" s="8">
        <v>3.01</v>
      </c>
      <c r="N109" s="8">
        <v>3.02</v>
      </c>
      <c r="O109" s="8">
        <v>3.03</v>
      </c>
      <c r="P109" s="8">
        <v>3.03</v>
      </c>
      <c r="Q109" s="8">
        <v>3.02</v>
      </c>
      <c r="R109" s="8">
        <v>3.04</v>
      </c>
      <c r="S109" s="8">
        <v>3.03</v>
      </c>
      <c r="T109" s="8">
        <v>3.03</v>
      </c>
      <c r="U109" s="8">
        <v>3.04</v>
      </c>
      <c r="V109" s="8">
        <v>3.05</v>
      </c>
      <c r="W109" s="17">
        <v>3.08</v>
      </c>
      <c r="X109" s="8">
        <v>3.08</v>
      </c>
      <c r="Y109" s="8">
        <v>3.08</v>
      </c>
      <c r="Z109" s="8">
        <v>3.06</v>
      </c>
      <c r="AA109" s="8">
        <v>3.07</v>
      </c>
      <c r="AB109" s="8">
        <v>3.07</v>
      </c>
      <c r="AC109" s="8">
        <v>3.08</v>
      </c>
      <c r="AD109" s="8">
        <v>3.08</v>
      </c>
      <c r="AE109" s="8">
        <v>3.09</v>
      </c>
      <c r="AF109" s="8">
        <v>3.09</v>
      </c>
      <c r="AG109" s="8">
        <v>3.08</v>
      </c>
      <c r="AH109" s="8">
        <v>3.08</v>
      </c>
      <c r="AI109" s="8">
        <v>3.08</v>
      </c>
      <c r="AJ109" s="8">
        <v>3.09</v>
      </c>
      <c r="AK109" s="8">
        <v>3.09</v>
      </c>
      <c r="AL109" s="8">
        <v>3.1</v>
      </c>
      <c r="AM109" s="8">
        <v>3.1</v>
      </c>
      <c r="AN109" s="8">
        <v>3.1</v>
      </c>
      <c r="AO109" s="8">
        <v>3.11</v>
      </c>
      <c r="AP109" s="8">
        <v>3.1</v>
      </c>
      <c r="AQ109" s="8">
        <v>3.1</v>
      </c>
      <c r="AR109" s="8">
        <v>3.1</v>
      </c>
      <c r="AS109" s="8">
        <v>3.1</v>
      </c>
      <c r="AT109" s="8">
        <v>3.1</v>
      </c>
      <c r="AU109" s="8">
        <v>3.11</v>
      </c>
      <c r="AV109" s="8">
        <v>3.11</v>
      </c>
      <c r="AW109" s="8">
        <v>3.09</v>
      </c>
      <c r="AX109" s="8">
        <v>3.1</v>
      </c>
      <c r="AY109" s="8">
        <v>3.1</v>
      </c>
      <c r="AZ109" s="8">
        <v>3.11</v>
      </c>
      <c r="BA109" s="8">
        <v>3.09</v>
      </c>
      <c r="BB109" s="8">
        <v>3.08</v>
      </c>
      <c r="BC109" s="8">
        <v>3.09</v>
      </c>
      <c r="BD109" s="8">
        <v>3.1</v>
      </c>
    </row>
    <row r="110" spans="3:56" x14ac:dyDescent="0.2">
      <c r="C110" s="5" t="s">
        <v>62</v>
      </c>
      <c r="D110" s="6" t="s">
        <v>58</v>
      </c>
      <c r="E110" s="8">
        <v>5.6756509028399975</v>
      </c>
      <c r="F110" s="8">
        <v>5.65</v>
      </c>
      <c r="G110" s="8">
        <v>5.66</v>
      </c>
      <c r="H110" s="8">
        <v>5.66</v>
      </c>
      <c r="I110" s="8">
        <v>5.63</v>
      </c>
      <c r="J110" s="8">
        <v>5.63</v>
      </c>
      <c r="K110" s="8">
        <v>5.62</v>
      </c>
      <c r="L110" s="8">
        <v>5.61</v>
      </c>
      <c r="M110" s="8">
        <v>5.61</v>
      </c>
      <c r="N110" s="8">
        <v>5.61</v>
      </c>
      <c r="O110" s="8">
        <v>5.61</v>
      </c>
      <c r="P110" s="8">
        <v>5.58</v>
      </c>
      <c r="Q110" s="8">
        <v>5.59</v>
      </c>
      <c r="R110" s="8">
        <v>5.6</v>
      </c>
      <c r="S110" s="8">
        <v>5.59</v>
      </c>
      <c r="T110" s="8">
        <v>5.6</v>
      </c>
      <c r="U110" s="8">
        <v>5.61</v>
      </c>
      <c r="V110" s="8">
        <v>5.62</v>
      </c>
      <c r="W110" s="17">
        <v>5.68</v>
      </c>
      <c r="X110" s="8">
        <v>5.69</v>
      </c>
      <c r="Y110" s="8">
        <v>5.69</v>
      </c>
      <c r="Z110" s="8">
        <v>5.7</v>
      </c>
      <c r="AA110" s="8">
        <v>5.69</v>
      </c>
      <c r="AB110" s="8">
        <v>5.71</v>
      </c>
      <c r="AC110" s="8">
        <v>5.71</v>
      </c>
      <c r="AD110" s="8">
        <v>5.71</v>
      </c>
      <c r="AE110" s="8">
        <v>5.7</v>
      </c>
      <c r="AF110" s="8">
        <v>5.69</v>
      </c>
      <c r="AG110" s="8">
        <v>5.69</v>
      </c>
      <c r="AH110" s="8">
        <v>5.68</v>
      </c>
      <c r="AI110" s="8">
        <v>5.66</v>
      </c>
      <c r="AJ110" s="8">
        <v>5.68</v>
      </c>
      <c r="AK110" s="8">
        <v>5.68</v>
      </c>
      <c r="AL110" s="8">
        <v>5.69</v>
      </c>
      <c r="AM110" s="8">
        <v>5.7</v>
      </c>
      <c r="AN110" s="8">
        <v>5.72</v>
      </c>
      <c r="AO110" s="8">
        <v>5.68</v>
      </c>
      <c r="AP110" s="8">
        <v>5.66</v>
      </c>
      <c r="AQ110" s="8">
        <v>5.7</v>
      </c>
      <c r="AR110" s="8">
        <v>5.71</v>
      </c>
      <c r="AS110" s="8">
        <v>5.74</v>
      </c>
      <c r="AT110" s="8">
        <v>5.78</v>
      </c>
      <c r="AU110" s="8">
        <v>5.8</v>
      </c>
      <c r="AV110" s="8">
        <v>5.81</v>
      </c>
      <c r="AW110" s="8">
        <v>5.85</v>
      </c>
      <c r="AX110" s="8">
        <v>5.85</v>
      </c>
      <c r="AY110" s="8">
        <v>5.88</v>
      </c>
      <c r="AZ110" s="8">
        <v>5.88</v>
      </c>
      <c r="BA110" s="8">
        <v>5.9</v>
      </c>
      <c r="BB110" s="8">
        <v>5.92</v>
      </c>
      <c r="BC110" s="8">
        <v>5.96</v>
      </c>
      <c r="BD110" s="8">
        <v>5.96</v>
      </c>
    </row>
    <row r="111" spans="3:56" x14ac:dyDescent="0.2">
      <c r="C111" s="5" t="s">
        <v>75</v>
      </c>
      <c r="D111" s="20" t="s">
        <v>76</v>
      </c>
      <c r="E111" s="8">
        <v>1.3985277840104045</v>
      </c>
      <c r="F111" s="8">
        <v>1.4</v>
      </c>
      <c r="G111" s="8">
        <v>1.41</v>
      </c>
      <c r="H111" s="8">
        <v>1.41</v>
      </c>
      <c r="I111" s="8">
        <v>1.41</v>
      </c>
      <c r="J111" s="8">
        <v>1.42</v>
      </c>
      <c r="K111" s="8">
        <v>1.42</v>
      </c>
      <c r="L111" s="8">
        <v>1.42</v>
      </c>
      <c r="M111" s="8">
        <v>1.42</v>
      </c>
      <c r="N111" s="8">
        <v>1.42</v>
      </c>
      <c r="O111" s="8">
        <v>1.42</v>
      </c>
      <c r="P111" s="8">
        <v>1.43</v>
      </c>
      <c r="Q111" s="8">
        <v>1.43</v>
      </c>
      <c r="R111" s="8">
        <v>1.43</v>
      </c>
      <c r="S111" s="8">
        <v>1.43</v>
      </c>
      <c r="T111" s="8">
        <v>1.42</v>
      </c>
      <c r="U111" s="8">
        <v>1.42</v>
      </c>
      <c r="V111" s="8">
        <v>1.43</v>
      </c>
      <c r="W111" s="17">
        <v>1.43</v>
      </c>
      <c r="X111" s="8">
        <v>1.43</v>
      </c>
      <c r="Y111" s="8">
        <v>1.43</v>
      </c>
      <c r="Z111" s="8">
        <v>1.43</v>
      </c>
      <c r="AA111" s="8">
        <v>1.44</v>
      </c>
      <c r="AB111" s="8">
        <v>1.44</v>
      </c>
      <c r="AC111" s="8">
        <v>1.44</v>
      </c>
      <c r="AD111" s="8">
        <v>1.44</v>
      </c>
      <c r="AE111" s="8">
        <v>1.44</v>
      </c>
      <c r="AF111" s="8">
        <v>1.44</v>
      </c>
      <c r="AG111" s="8">
        <v>1.44</v>
      </c>
      <c r="AH111" s="8">
        <v>1.44</v>
      </c>
      <c r="AI111" s="8">
        <v>1.45</v>
      </c>
      <c r="AJ111" s="8">
        <v>1.45</v>
      </c>
      <c r="AK111" s="8">
        <v>1.44</v>
      </c>
      <c r="AL111" s="8">
        <v>1.44</v>
      </c>
      <c r="AM111" s="8">
        <v>1.44</v>
      </c>
      <c r="AN111" s="8">
        <v>1.44</v>
      </c>
      <c r="AO111" s="8">
        <v>1.44</v>
      </c>
      <c r="AP111" s="8">
        <v>1.44</v>
      </c>
      <c r="AQ111" s="8">
        <v>1.44</v>
      </c>
      <c r="AR111" s="8">
        <v>1.44</v>
      </c>
      <c r="AS111" s="8">
        <v>1.43</v>
      </c>
      <c r="AT111" s="8">
        <v>1.44</v>
      </c>
      <c r="AU111" s="8">
        <v>1.44</v>
      </c>
      <c r="AV111" s="8">
        <v>1.44</v>
      </c>
      <c r="AW111" s="8">
        <v>1.44</v>
      </c>
      <c r="AX111" s="8">
        <v>1.44</v>
      </c>
      <c r="AY111" s="8">
        <v>1.44</v>
      </c>
      <c r="AZ111" s="8">
        <v>1.44</v>
      </c>
      <c r="BA111" s="8">
        <v>1.45</v>
      </c>
      <c r="BB111" s="8">
        <v>1.44</v>
      </c>
      <c r="BC111" s="8">
        <v>1.44</v>
      </c>
      <c r="BD111" s="8">
        <v>1.44</v>
      </c>
    </row>
    <row r="112" spans="3:56" x14ac:dyDescent="0.2">
      <c r="C112" s="5" t="s">
        <v>63</v>
      </c>
      <c r="D112" s="6" t="s">
        <v>58</v>
      </c>
      <c r="E112" s="8">
        <v>17.62967242163699</v>
      </c>
      <c r="F112" s="8">
        <v>18.2</v>
      </c>
      <c r="G112" s="8">
        <v>18.25</v>
      </c>
      <c r="H112" s="8">
        <v>16.98</v>
      </c>
      <c r="I112" s="8">
        <v>16.32</v>
      </c>
      <c r="J112" s="8">
        <v>16.12</v>
      </c>
      <c r="K112" s="8">
        <v>16.100000000000001</v>
      </c>
      <c r="L112" s="8">
        <v>15.96</v>
      </c>
      <c r="M112" s="8">
        <v>15.89</v>
      </c>
      <c r="N112" s="8">
        <v>15.49</v>
      </c>
      <c r="O112" s="8">
        <v>15.48</v>
      </c>
      <c r="P112" s="8">
        <v>15.55</v>
      </c>
      <c r="Q112" s="8">
        <v>15.65</v>
      </c>
      <c r="R112" s="8">
        <v>15.65</v>
      </c>
      <c r="S112" s="8">
        <v>15.85</v>
      </c>
      <c r="T112" s="8">
        <v>16.010000000000002</v>
      </c>
      <c r="U112" s="8">
        <v>15.59</v>
      </c>
      <c r="V112" s="8">
        <v>15.52</v>
      </c>
      <c r="W112" s="17">
        <v>15.6</v>
      </c>
      <c r="X112" s="8">
        <v>15.59</v>
      </c>
      <c r="Y112" s="8">
        <v>15.63</v>
      </c>
      <c r="Z112" s="8">
        <v>15.42</v>
      </c>
      <c r="AA112" s="8">
        <v>15.16</v>
      </c>
      <c r="AB112" s="8">
        <v>15.04</v>
      </c>
      <c r="AC112" s="8">
        <v>14.9</v>
      </c>
      <c r="AD112" s="8">
        <v>15.11</v>
      </c>
      <c r="AE112" s="8">
        <v>15.7</v>
      </c>
      <c r="AF112" s="8">
        <v>16.11</v>
      </c>
      <c r="AG112" s="8">
        <v>15.95</v>
      </c>
      <c r="AH112" s="8">
        <v>15.83</v>
      </c>
      <c r="AI112" s="8">
        <v>15.8</v>
      </c>
      <c r="AJ112" s="8">
        <v>15.75</v>
      </c>
      <c r="AK112" s="8">
        <v>15.9</v>
      </c>
      <c r="AL112" s="8">
        <v>15.81</v>
      </c>
      <c r="AM112" s="8">
        <v>15.79</v>
      </c>
      <c r="AN112" s="8">
        <v>16.14</v>
      </c>
      <c r="AO112" s="8">
        <v>16.48</v>
      </c>
      <c r="AP112" s="8">
        <v>16.37</v>
      </c>
      <c r="AQ112" s="8">
        <v>16.34</v>
      </c>
      <c r="AR112" s="8">
        <v>16.62</v>
      </c>
      <c r="AS112" s="8">
        <v>16.7</v>
      </c>
      <c r="AT112" s="8">
        <v>16.75</v>
      </c>
      <c r="AU112" s="8">
        <v>16.71</v>
      </c>
      <c r="AV112" s="8">
        <v>16.75</v>
      </c>
      <c r="AW112" s="8">
        <v>16.75</v>
      </c>
      <c r="AX112" s="8">
        <v>16.940000000000001</v>
      </c>
      <c r="AY112" s="8">
        <v>17.059999999999999</v>
      </c>
      <c r="AZ112" s="8">
        <v>17.25</v>
      </c>
      <c r="BA112" s="8">
        <v>17.23</v>
      </c>
      <c r="BB112" s="8">
        <v>17.88</v>
      </c>
      <c r="BC112" s="8">
        <v>19.329999999999998</v>
      </c>
      <c r="BD112" s="8">
        <v>19.309999999999999</v>
      </c>
    </row>
    <row r="113" spans="3:56" x14ac:dyDescent="0.2">
      <c r="C113" s="5" t="s">
        <v>64</v>
      </c>
      <c r="D113" s="6" t="s">
        <v>58</v>
      </c>
      <c r="E113" s="8">
        <v>12.394250956500054</v>
      </c>
      <c r="F113" s="8">
        <v>13.34</v>
      </c>
      <c r="G113" s="8">
        <v>12.46</v>
      </c>
      <c r="H113" s="8">
        <v>11.54</v>
      </c>
      <c r="I113" s="8">
        <v>10.84</v>
      </c>
      <c r="J113" s="8">
        <v>10.69</v>
      </c>
      <c r="K113" s="8">
        <v>10.4</v>
      </c>
      <c r="L113" s="8">
        <v>10.41</v>
      </c>
      <c r="M113" s="8">
        <v>10.19</v>
      </c>
      <c r="N113" s="8">
        <v>10.23</v>
      </c>
      <c r="O113" s="8">
        <v>10.4</v>
      </c>
      <c r="P113" s="8">
        <v>10.57</v>
      </c>
      <c r="Q113" s="8">
        <v>10.59</v>
      </c>
      <c r="R113" s="8">
        <v>10.3</v>
      </c>
      <c r="S113" s="8">
        <v>10.41</v>
      </c>
      <c r="T113" s="8">
        <v>10.43</v>
      </c>
      <c r="U113" s="8">
        <v>10.35</v>
      </c>
      <c r="V113" s="8">
        <v>10.07</v>
      </c>
      <c r="W113" s="17">
        <v>10.15</v>
      </c>
      <c r="X113" s="8">
        <v>10.130000000000001</v>
      </c>
      <c r="Y113" s="8">
        <v>9.8800000000000008</v>
      </c>
      <c r="Z113" s="8">
        <v>9.7100000000000009</v>
      </c>
      <c r="AA113" s="8">
        <v>9.7100000000000009</v>
      </c>
      <c r="AB113" s="8">
        <v>9.6999999999999993</v>
      </c>
      <c r="AC113" s="8">
        <v>9.68</v>
      </c>
      <c r="AD113" s="8">
        <v>9.5299999999999994</v>
      </c>
      <c r="AE113" s="8">
        <v>9.7100000000000009</v>
      </c>
      <c r="AF113" s="8">
        <v>9.77</v>
      </c>
      <c r="AG113" s="8">
        <v>9.58</v>
      </c>
      <c r="AH113" s="8">
        <v>9.52</v>
      </c>
      <c r="AI113" s="8">
        <v>9.39</v>
      </c>
      <c r="AJ113" s="8">
        <v>9.6199999999999992</v>
      </c>
      <c r="AK113" s="8">
        <v>9.66</v>
      </c>
      <c r="AL113" s="8">
        <v>9.58</v>
      </c>
      <c r="AM113" s="8">
        <v>9.52</v>
      </c>
      <c r="AN113" s="8">
        <v>9.9700000000000006</v>
      </c>
      <c r="AO113" s="8">
        <v>9.94</v>
      </c>
      <c r="AP113" s="8">
        <v>9.85</v>
      </c>
      <c r="AQ113" s="8">
        <v>9.92</v>
      </c>
      <c r="AR113" s="8">
        <v>10.18</v>
      </c>
      <c r="AS113" s="8">
        <v>10.34</v>
      </c>
      <c r="AT113" s="8">
        <v>10.47</v>
      </c>
      <c r="AU113" s="8">
        <v>10.42</v>
      </c>
      <c r="AV113" s="8">
        <v>10.27</v>
      </c>
      <c r="AW113" s="8">
        <v>10.33</v>
      </c>
      <c r="AX113" s="8">
        <v>10.52</v>
      </c>
      <c r="AY113" s="8">
        <v>10.74</v>
      </c>
      <c r="AZ113" s="8">
        <v>10.8</v>
      </c>
      <c r="BA113" s="8">
        <v>10.76</v>
      </c>
      <c r="BB113" s="8">
        <v>11.18</v>
      </c>
      <c r="BC113" s="8">
        <v>12.1</v>
      </c>
      <c r="BD113" s="8">
        <v>12.29</v>
      </c>
    </row>
    <row r="114" spans="3:56" x14ac:dyDescent="0.2">
      <c r="C114" s="5" t="s">
        <v>65</v>
      </c>
      <c r="D114" s="6" t="s">
        <v>58</v>
      </c>
      <c r="E114" s="8">
        <v>6.168409236428765</v>
      </c>
      <c r="F114" s="8">
        <v>5.97</v>
      </c>
      <c r="G114" s="8">
        <v>5.85</v>
      </c>
      <c r="H114" s="8">
        <v>5.71</v>
      </c>
      <c r="I114" s="8">
        <v>5.68</v>
      </c>
      <c r="J114" s="8">
        <v>5.85</v>
      </c>
      <c r="K114" s="8">
        <v>5.95</v>
      </c>
      <c r="L114" s="8">
        <v>5.77</v>
      </c>
      <c r="M114" s="8">
        <v>5.89</v>
      </c>
      <c r="N114" s="8">
        <v>5.96</v>
      </c>
      <c r="O114" s="8">
        <v>5.97</v>
      </c>
      <c r="P114" s="8">
        <v>6.17</v>
      </c>
      <c r="Q114" s="8">
        <v>6.11</v>
      </c>
      <c r="R114" s="8">
        <v>6.19</v>
      </c>
      <c r="S114" s="8">
        <v>6.14</v>
      </c>
      <c r="T114" s="8">
        <v>5.96</v>
      </c>
      <c r="U114" s="8">
        <v>5.87</v>
      </c>
      <c r="V114" s="8">
        <v>5.8</v>
      </c>
      <c r="W114" s="17">
        <v>5.75</v>
      </c>
      <c r="X114" s="8">
        <v>5.91</v>
      </c>
      <c r="Y114" s="8">
        <v>5.76</v>
      </c>
      <c r="Z114" s="8">
        <v>5.92</v>
      </c>
      <c r="AA114" s="8">
        <v>5.84</v>
      </c>
      <c r="AB114" s="8">
        <v>5.78</v>
      </c>
      <c r="AC114" s="8">
        <v>5.84</v>
      </c>
      <c r="AD114" s="8">
        <v>5.92</v>
      </c>
      <c r="AE114" s="8">
        <v>5.96</v>
      </c>
      <c r="AF114" s="8">
        <v>6.02</v>
      </c>
      <c r="AG114" s="8">
        <v>6.14</v>
      </c>
      <c r="AH114" s="8">
        <v>6.22</v>
      </c>
      <c r="AI114" s="8">
        <v>6.27</v>
      </c>
      <c r="AJ114" s="8">
        <v>6.4</v>
      </c>
      <c r="AK114" s="8">
        <v>6.37</v>
      </c>
      <c r="AL114" s="8">
        <v>6.28</v>
      </c>
      <c r="AM114" s="8">
        <v>6.34</v>
      </c>
      <c r="AN114" s="8">
        <v>6.39</v>
      </c>
      <c r="AO114" s="8">
        <v>6.18</v>
      </c>
      <c r="AP114" s="8">
        <v>6.17</v>
      </c>
      <c r="AQ114" s="8">
        <v>6.14</v>
      </c>
      <c r="AR114" s="8">
        <v>6.18</v>
      </c>
      <c r="AS114" s="8">
        <v>6.11</v>
      </c>
      <c r="AT114" s="8">
        <v>6.09</v>
      </c>
      <c r="AU114" s="8">
        <v>5.97</v>
      </c>
      <c r="AV114" s="8">
        <v>6.02</v>
      </c>
      <c r="AW114" s="8">
        <v>6.05</v>
      </c>
      <c r="AX114" s="8">
        <v>6.03</v>
      </c>
      <c r="AY114" s="8">
        <v>5.92</v>
      </c>
      <c r="AZ114" s="8">
        <v>6.11</v>
      </c>
      <c r="BA114" s="8">
        <v>6.07</v>
      </c>
      <c r="BB114" s="8">
        <v>6</v>
      </c>
      <c r="BC114" s="8">
        <v>6.22</v>
      </c>
      <c r="BD114" s="8">
        <v>6.22</v>
      </c>
    </row>
    <row r="115" spans="3:56" x14ac:dyDescent="0.2">
      <c r="C115" s="5" t="s">
        <v>66</v>
      </c>
      <c r="D115" s="6" t="s">
        <v>58</v>
      </c>
      <c r="E115" s="8">
        <v>6.7189172055388218</v>
      </c>
      <c r="F115" s="8">
        <v>6.95</v>
      </c>
      <c r="G115" s="8">
        <v>6.76</v>
      </c>
      <c r="H115" s="8">
        <v>6.13</v>
      </c>
      <c r="I115" s="8">
        <v>5.98</v>
      </c>
      <c r="J115" s="8">
        <v>6.61</v>
      </c>
      <c r="K115" s="8">
        <v>6.84</v>
      </c>
      <c r="L115" s="8">
        <v>6.27</v>
      </c>
      <c r="M115" s="8">
        <v>6.33</v>
      </c>
      <c r="N115" s="8">
        <v>6.55</v>
      </c>
      <c r="O115" s="8">
        <v>6.51</v>
      </c>
      <c r="P115" s="8">
        <v>7.24</v>
      </c>
      <c r="Q115" s="8">
        <v>7.23</v>
      </c>
      <c r="R115" s="8">
        <v>7.11</v>
      </c>
      <c r="S115" s="8">
        <v>7.31</v>
      </c>
      <c r="T115" s="8">
        <v>6.63</v>
      </c>
      <c r="U115" s="8">
        <v>6.14</v>
      </c>
      <c r="V115" s="8">
        <v>5.97</v>
      </c>
      <c r="W115" s="17">
        <v>5.82</v>
      </c>
      <c r="X115" s="8">
        <v>5.61</v>
      </c>
      <c r="Y115" s="8">
        <v>5.33</v>
      </c>
      <c r="Z115" s="8">
        <v>5.45</v>
      </c>
      <c r="AA115" s="8">
        <v>5.75</v>
      </c>
      <c r="AB115" s="8">
        <v>5.8</v>
      </c>
      <c r="AC115" s="8">
        <v>5.71</v>
      </c>
      <c r="AD115" s="8">
        <v>5.82</v>
      </c>
      <c r="AE115" s="8">
        <v>5.84</v>
      </c>
      <c r="AF115" s="8">
        <v>5.83</v>
      </c>
      <c r="AG115" s="8">
        <v>5.92</v>
      </c>
      <c r="AH115" s="8">
        <v>5.86</v>
      </c>
      <c r="AI115" s="8">
        <v>5.79</v>
      </c>
      <c r="AJ115" s="8">
        <v>5.72</v>
      </c>
      <c r="AK115" s="8">
        <v>5.79</v>
      </c>
      <c r="AL115" s="8">
        <v>5.8</v>
      </c>
      <c r="AM115" s="8">
        <v>5.88</v>
      </c>
      <c r="AN115" s="8">
        <v>5.88</v>
      </c>
      <c r="AO115" s="8">
        <v>5.84</v>
      </c>
      <c r="AP115" s="8">
        <v>5.9</v>
      </c>
      <c r="AQ115" s="8">
        <v>5.91</v>
      </c>
      <c r="AR115" s="8">
        <v>5.86</v>
      </c>
      <c r="AS115" s="8">
        <v>5.85</v>
      </c>
      <c r="AT115" s="8">
        <v>5.96</v>
      </c>
      <c r="AU115" s="8">
        <v>5.87</v>
      </c>
      <c r="AV115" s="8">
        <v>6.08</v>
      </c>
      <c r="AW115" s="8">
        <v>6.34</v>
      </c>
      <c r="AX115" s="8">
        <v>6.46</v>
      </c>
      <c r="AY115" s="8">
        <v>6.71</v>
      </c>
      <c r="AZ115" s="8">
        <v>6.64</v>
      </c>
      <c r="BA115" s="8">
        <v>6.65</v>
      </c>
      <c r="BB115" s="8">
        <v>6.88</v>
      </c>
      <c r="BC115" s="8">
        <v>6.93</v>
      </c>
      <c r="BD115" s="8">
        <v>6.93</v>
      </c>
    </row>
    <row r="116" spans="3:56" x14ac:dyDescent="0.2">
      <c r="C116" s="5" t="s">
        <v>116</v>
      </c>
      <c r="D116" s="6" t="s">
        <v>58</v>
      </c>
      <c r="E116" s="8">
        <v>12.601702301417792</v>
      </c>
      <c r="F116" s="8">
        <v>13.1</v>
      </c>
      <c r="G116" s="8">
        <v>13.34</v>
      </c>
      <c r="H116" s="8">
        <v>13.46</v>
      </c>
      <c r="I116" s="8">
        <v>13.1</v>
      </c>
      <c r="J116" s="8">
        <v>12.38</v>
      </c>
      <c r="K116" s="8">
        <v>12.15</v>
      </c>
      <c r="L116" s="8">
        <v>12.08</v>
      </c>
      <c r="M116" s="8">
        <v>12.01</v>
      </c>
      <c r="N116" s="8">
        <v>11.88</v>
      </c>
      <c r="O116" s="8">
        <v>11.78</v>
      </c>
      <c r="P116" s="8">
        <v>11.63</v>
      </c>
      <c r="Q116" s="8">
        <v>11.58</v>
      </c>
      <c r="R116" s="8">
        <v>11.47</v>
      </c>
      <c r="S116" s="8">
        <v>11.55</v>
      </c>
      <c r="T116" s="8">
        <v>11.49</v>
      </c>
      <c r="U116" s="8">
        <v>11.57</v>
      </c>
      <c r="V116" s="8">
        <v>11.61</v>
      </c>
      <c r="W116" s="17">
        <v>11.37</v>
      </c>
      <c r="X116" s="8">
        <v>11.38</v>
      </c>
      <c r="Y116" s="8">
        <v>11.54</v>
      </c>
      <c r="Z116" s="8">
        <v>11.45</v>
      </c>
      <c r="AA116" s="8">
        <v>11.33</v>
      </c>
      <c r="AB116" s="8">
        <v>11.13</v>
      </c>
      <c r="AC116" s="8">
        <v>10.82</v>
      </c>
      <c r="AD116" s="8">
        <v>10.85</v>
      </c>
      <c r="AE116" s="8">
        <v>10.93</v>
      </c>
      <c r="AF116" s="8">
        <v>10.98</v>
      </c>
      <c r="AG116" s="8">
        <v>11.09</v>
      </c>
      <c r="AH116" s="8">
        <v>10.98</v>
      </c>
      <c r="AI116" s="8">
        <v>10.88</v>
      </c>
      <c r="AJ116" s="8">
        <v>10.92</v>
      </c>
      <c r="AK116" s="8">
        <v>10.91</v>
      </c>
      <c r="AL116" s="8">
        <v>10.95</v>
      </c>
      <c r="AM116" s="8">
        <v>10.98</v>
      </c>
      <c r="AN116" s="8">
        <v>11.17</v>
      </c>
      <c r="AO116" s="8">
        <v>11.21</v>
      </c>
      <c r="AP116" s="8">
        <v>11.27</v>
      </c>
      <c r="AQ116" s="8">
        <v>11.17</v>
      </c>
      <c r="AR116" s="8">
        <v>11.51</v>
      </c>
      <c r="AS116" s="8">
        <v>11.52</v>
      </c>
      <c r="AT116" s="8">
        <v>11.45</v>
      </c>
      <c r="AU116" s="8">
        <v>11.69</v>
      </c>
      <c r="AV116" s="8">
        <v>11.65</v>
      </c>
      <c r="AW116" s="8">
        <v>11.65</v>
      </c>
      <c r="AX116" s="8">
        <v>11.82</v>
      </c>
      <c r="AY116" s="8">
        <v>11.91</v>
      </c>
      <c r="AZ116" s="8">
        <v>11.99</v>
      </c>
      <c r="BA116" s="8">
        <v>11.96</v>
      </c>
      <c r="BB116" s="8">
        <v>12.23</v>
      </c>
      <c r="BC116" s="8">
        <v>12.46</v>
      </c>
      <c r="BD116" s="8">
        <v>12.55</v>
      </c>
    </row>
    <row r="117" spans="3:56" x14ac:dyDescent="0.2">
      <c r="C117" s="5" t="s">
        <v>68</v>
      </c>
      <c r="D117" s="6" t="s">
        <v>58</v>
      </c>
      <c r="E117" s="8">
        <v>5.2254742507687846</v>
      </c>
      <c r="F117" s="8">
        <v>5.29</v>
      </c>
      <c r="G117" s="8">
        <v>5.33</v>
      </c>
      <c r="H117" s="8">
        <v>5.3</v>
      </c>
      <c r="I117" s="8">
        <v>5.28</v>
      </c>
      <c r="J117" s="8">
        <v>5.27</v>
      </c>
      <c r="K117" s="8">
        <v>5.48</v>
      </c>
      <c r="L117" s="8">
        <v>5.53</v>
      </c>
      <c r="M117" s="8">
        <v>5.48</v>
      </c>
      <c r="N117" s="8">
        <v>5.47</v>
      </c>
      <c r="O117" s="8">
        <v>5.51</v>
      </c>
      <c r="P117" s="8">
        <v>5.53</v>
      </c>
      <c r="Q117" s="8">
        <v>5.57</v>
      </c>
      <c r="R117" s="8">
        <v>5.59</v>
      </c>
      <c r="S117" s="8">
        <v>5.58</v>
      </c>
      <c r="T117" s="8">
        <v>5.59</v>
      </c>
      <c r="U117" s="8">
        <v>5.54</v>
      </c>
      <c r="V117" s="8">
        <v>5.58</v>
      </c>
      <c r="W117" s="17">
        <v>5.53</v>
      </c>
      <c r="X117" s="8">
        <v>5.49</v>
      </c>
      <c r="Y117" s="8">
        <v>5.39</v>
      </c>
      <c r="Z117" s="8">
        <v>5.49</v>
      </c>
      <c r="AA117" s="8">
        <v>5.36</v>
      </c>
      <c r="AB117" s="8">
        <v>5.57</v>
      </c>
      <c r="AC117" s="8">
        <v>5.55</v>
      </c>
      <c r="AD117" s="8">
        <v>5.53</v>
      </c>
      <c r="AE117" s="8">
        <v>5.32</v>
      </c>
      <c r="AF117" s="8">
        <v>5.38</v>
      </c>
      <c r="AG117" s="8">
        <v>5.21</v>
      </c>
      <c r="AH117" s="8">
        <v>5.26</v>
      </c>
      <c r="AI117" s="8">
        <v>5.26</v>
      </c>
      <c r="AJ117" s="8">
        <v>5.24</v>
      </c>
      <c r="AK117" s="8">
        <v>5.23</v>
      </c>
      <c r="AL117" s="8">
        <v>5.16</v>
      </c>
      <c r="AM117" s="8">
        <v>5.19</v>
      </c>
      <c r="AN117" s="8">
        <v>5.15</v>
      </c>
      <c r="AO117" s="8">
        <v>5.03</v>
      </c>
      <c r="AP117" s="8">
        <v>5.23</v>
      </c>
      <c r="AQ117" s="8">
        <v>5.29</v>
      </c>
      <c r="AR117" s="8">
        <v>5.22</v>
      </c>
      <c r="AS117" s="8">
        <v>5.04</v>
      </c>
      <c r="AT117" s="8">
        <v>5.04</v>
      </c>
      <c r="AU117" s="8">
        <v>5.21</v>
      </c>
      <c r="AV117" s="8">
        <v>5.24</v>
      </c>
      <c r="AW117" s="8">
        <v>5.16</v>
      </c>
      <c r="AX117" s="8">
        <v>5.16</v>
      </c>
      <c r="AY117" s="8">
        <v>5.0199999999999996</v>
      </c>
      <c r="AZ117" s="8">
        <v>5.0999999999999996</v>
      </c>
      <c r="BA117" s="8">
        <v>5.04</v>
      </c>
      <c r="BB117" s="8">
        <v>5.0999999999999996</v>
      </c>
      <c r="BC117" s="8">
        <v>5.08</v>
      </c>
      <c r="BD117" s="8">
        <v>5.1100000000000003</v>
      </c>
    </row>
    <row r="118" spans="3:56" x14ac:dyDescent="0.2">
      <c r="C118" s="5" t="s">
        <v>69</v>
      </c>
      <c r="D118" s="6" t="s">
        <v>58</v>
      </c>
      <c r="E118" s="8">
        <v>4.3218441470692213</v>
      </c>
      <c r="F118" s="8">
        <v>4.55</v>
      </c>
      <c r="G118" s="8">
        <v>4.59</v>
      </c>
      <c r="H118" s="8">
        <v>4.62</v>
      </c>
      <c r="I118" s="8">
        <v>4.3099999999999996</v>
      </c>
      <c r="J118" s="8">
        <v>4.37</v>
      </c>
      <c r="K118" s="8">
        <v>4.34</v>
      </c>
      <c r="L118" s="8">
        <v>4.2300000000000004</v>
      </c>
      <c r="M118" s="8">
        <v>3.98</v>
      </c>
      <c r="N118" s="8">
        <v>4.13</v>
      </c>
      <c r="O118" s="8">
        <v>4.2</v>
      </c>
      <c r="P118" s="8">
        <v>4.28</v>
      </c>
      <c r="Q118" s="8">
        <v>4.29</v>
      </c>
      <c r="R118" s="8">
        <v>4.1900000000000004</v>
      </c>
      <c r="S118" s="8">
        <v>4.1900000000000004</v>
      </c>
      <c r="T118" s="8">
        <v>4.09</v>
      </c>
      <c r="U118" s="8">
        <v>4.09</v>
      </c>
      <c r="V118" s="8">
        <v>4</v>
      </c>
      <c r="W118" s="17">
        <v>4.08</v>
      </c>
      <c r="X118" s="8">
        <v>3.95</v>
      </c>
      <c r="Y118" s="8">
        <v>3.91</v>
      </c>
      <c r="Z118" s="8">
        <v>3.94</v>
      </c>
      <c r="AA118" s="8">
        <v>3.97</v>
      </c>
      <c r="AB118" s="8">
        <v>3.95</v>
      </c>
      <c r="AC118" s="8">
        <v>3.9</v>
      </c>
      <c r="AD118" s="8">
        <v>3.92</v>
      </c>
      <c r="AE118" s="8">
        <v>3.96</v>
      </c>
      <c r="AF118" s="8">
        <v>3.95</v>
      </c>
      <c r="AG118" s="8">
        <v>3.93</v>
      </c>
      <c r="AH118" s="8">
        <v>3.91</v>
      </c>
      <c r="AI118" s="40">
        <v>3.87</v>
      </c>
      <c r="AJ118" s="40">
        <v>3.93</v>
      </c>
      <c r="AK118" s="40">
        <v>3.96</v>
      </c>
      <c r="AL118" s="40">
        <v>3.98</v>
      </c>
      <c r="AM118" s="8">
        <v>3.98</v>
      </c>
      <c r="AN118" s="8">
        <v>4.1900000000000004</v>
      </c>
      <c r="AO118" s="8">
        <v>4.33</v>
      </c>
      <c r="AP118" s="8">
        <v>4.51</v>
      </c>
      <c r="AQ118" s="8">
        <v>4.5199999999999996</v>
      </c>
      <c r="AR118" s="8">
        <v>4.46</v>
      </c>
      <c r="AS118" s="8">
        <v>4.3899999999999997</v>
      </c>
      <c r="AT118" s="8">
        <v>4.46</v>
      </c>
      <c r="AU118" s="8">
        <v>4.5199999999999996</v>
      </c>
      <c r="AV118" s="8">
        <v>4.49</v>
      </c>
      <c r="AW118" s="8">
        <v>4.5</v>
      </c>
      <c r="AX118" s="8">
        <v>4.6100000000000003</v>
      </c>
      <c r="AY118" s="8">
        <v>4.57</v>
      </c>
      <c r="AZ118" s="8">
        <v>4.6100000000000003</v>
      </c>
      <c r="BA118" s="8">
        <v>4.63</v>
      </c>
      <c r="BB118" s="8">
        <v>4.6399999999999997</v>
      </c>
      <c r="BC118" s="8">
        <v>4.74</v>
      </c>
      <c r="BD118" s="8">
        <v>4.8</v>
      </c>
    </row>
    <row r="119" spans="3:56" x14ac:dyDescent="0.2">
      <c r="C119" s="5" t="s">
        <v>70</v>
      </c>
      <c r="D119" s="6" t="s">
        <v>58</v>
      </c>
      <c r="E119" s="8">
        <v>5.5322311243913385</v>
      </c>
      <c r="F119" s="8">
        <v>5.7</v>
      </c>
      <c r="G119" s="8">
        <v>5.78</v>
      </c>
      <c r="H119" s="8">
        <v>5.62</v>
      </c>
      <c r="I119" s="8">
        <v>5.64</v>
      </c>
      <c r="J119" s="8">
        <v>5.78</v>
      </c>
      <c r="K119" s="8">
        <v>5.75</v>
      </c>
      <c r="L119" s="8">
        <v>5.7</v>
      </c>
      <c r="M119" s="8">
        <v>5.74</v>
      </c>
      <c r="N119" s="8">
        <v>5.68</v>
      </c>
      <c r="O119" s="8">
        <v>5.12</v>
      </c>
      <c r="P119" s="8">
        <v>4.8</v>
      </c>
      <c r="Q119" s="8">
        <v>4.74</v>
      </c>
      <c r="R119" s="8">
        <v>4.7300000000000004</v>
      </c>
      <c r="S119" s="8">
        <v>4.66</v>
      </c>
      <c r="T119" s="8">
        <v>4.46</v>
      </c>
      <c r="U119" s="8">
        <v>4.5599999999999996</v>
      </c>
      <c r="V119" s="8">
        <v>4.58</v>
      </c>
      <c r="W119" s="17">
        <v>4.82</v>
      </c>
      <c r="X119" s="8">
        <v>5.05</v>
      </c>
      <c r="Y119" s="8">
        <v>5.14</v>
      </c>
      <c r="Z119" s="8">
        <v>5.26</v>
      </c>
      <c r="AA119" s="8">
        <v>5.39</v>
      </c>
      <c r="AB119" s="8">
        <v>5.39</v>
      </c>
      <c r="AC119" s="8">
        <v>5.44</v>
      </c>
      <c r="AD119" s="8">
        <v>5.48</v>
      </c>
      <c r="AE119" s="8">
        <v>5.43</v>
      </c>
      <c r="AF119" s="8">
        <v>5.46</v>
      </c>
      <c r="AG119" s="8">
        <v>5.38</v>
      </c>
      <c r="AH119" s="8">
        <v>5.37</v>
      </c>
      <c r="AI119" s="8">
        <v>5.41</v>
      </c>
      <c r="AJ119" s="8">
        <v>5.42</v>
      </c>
      <c r="AK119" s="8">
        <v>5.37</v>
      </c>
      <c r="AL119" s="8">
        <v>5.33</v>
      </c>
      <c r="AM119" s="8">
        <v>5.34</v>
      </c>
      <c r="AN119" s="8">
        <v>5.36</v>
      </c>
      <c r="AO119" s="8">
        <v>5.42</v>
      </c>
      <c r="AP119" s="8">
        <v>5.27</v>
      </c>
      <c r="AQ119" s="8">
        <v>5.28</v>
      </c>
      <c r="AR119" s="8">
        <v>5.29</v>
      </c>
      <c r="AS119" s="8">
        <v>5.22</v>
      </c>
      <c r="AT119" s="8">
        <v>5.16</v>
      </c>
      <c r="AU119" s="8">
        <v>5.1100000000000003</v>
      </c>
      <c r="AV119" s="8">
        <v>5.12</v>
      </c>
      <c r="AW119" s="8">
        <v>5.28</v>
      </c>
      <c r="AX119" s="8">
        <v>5.21</v>
      </c>
      <c r="AY119" s="8">
        <v>5.2</v>
      </c>
      <c r="AZ119" s="8">
        <v>5.21</v>
      </c>
      <c r="BA119" s="8">
        <v>5.19</v>
      </c>
      <c r="BB119" s="8">
        <v>5.0999999999999996</v>
      </c>
      <c r="BC119" s="8">
        <v>5.15</v>
      </c>
      <c r="BD119" s="8">
        <v>5.15</v>
      </c>
    </row>
    <row r="120" spans="3:56" x14ac:dyDescent="0.2">
      <c r="C120" s="5" t="s">
        <v>101</v>
      </c>
      <c r="D120" s="6" t="s">
        <v>58</v>
      </c>
      <c r="E120" s="8">
        <v>11.882063364930531</v>
      </c>
      <c r="F120" s="8">
        <v>12.23</v>
      </c>
      <c r="G120" s="8">
        <v>12.13</v>
      </c>
      <c r="H120" s="8">
        <v>12.25</v>
      </c>
      <c r="I120" s="8">
        <v>12.27</v>
      </c>
      <c r="J120" s="8">
        <v>12.54</v>
      </c>
      <c r="K120" s="8">
        <v>12.81</v>
      </c>
      <c r="L120" s="8">
        <v>13.08</v>
      </c>
      <c r="M120" s="8">
        <v>13.15</v>
      </c>
      <c r="N120" s="8">
        <v>13.01</v>
      </c>
      <c r="O120" s="8">
        <v>12.82</v>
      </c>
      <c r="P120" s="8">
        <v>12.91</v>
      </c>
      <c r="Q120" s="8">
        <v>12.98</v>
      </c>
      <c r="R120" s="8">
        <v>12.99</v>
      </c>
      <c r="S120" s="8">
        <v>13.33</v>
      </c>
      <c r="T120" s="8">
        <v>13.39</v>
      </c>
      <c r="U120" s="8">
        <v>13.38</v>
      </c>
      <c r="V120" s="8">
        <v>12.69</v>
      </c>
      <c r="W120" s="17">
        <v>12.73</v>
      </c>
      <c r="X120" s="8">
        <v>12.85</v>
      </c>
      <c r="Y120" s="8">
        <v>13.39</v>
      </c>
      <c r="Z120" s="8">
        <v>13.08</v>
      </c>
      <c r="AA120" s="8">
        <v>13.29</v>
      </c>
      <c r="AB120" s="8">
        <v>13.27</v>
      </c>
      <c r="AC120" s="8">
        <v>13.39</v>
      </c>
      <c r="AD120" s="8">
        <v>13.52</v>
      </c>
      <c r="AE120" s="8">
        <v>12.75</v>
      </c>
      <c r="AF120" s="8">
        <v>13.57</v>
      </c>
      <c r="AG120" s="8">
        <v>13.01</v>
      </c>
      <c r="AH120" s="8">
        <v>12.72</v>
      </c>
      <c r="AI120" s="8">
        <v>12.29</v>
      </c>
      <c r="AJ120" s="8">
        <v>12.33</v>
      </c>
      <c r="AK120" s="8">
        <v>12.37</v>
      </c>
      <c r="AL120" s="8">
        <v>12.23</v>
      </c>
      <c r="AM120" s="8">
        <v>12.67</v>
      </c>
      <c r="AN120" s="8">
        <v>12.95</v>
      </c>
      <c r="AO120" s="8">
        <v>13.15</v>
      </c>
      <c r="AP120" s="8">
        <v>13.13</v>
      </c>
      <c r="AQ120" s="8">
        <v>13.32</v>
      </c>
      <c r="AR120" s="8">
        <v>13.6</v>
      </c>
      <c r="AS120" s="8">
        <v>13.69</v>
      </c>
      <c r="AT120" s="8">
        <v>13.73</v>
      </c>
      <c r="AU120" s="8">
        <v>13.55</v>
      </c>
      <c r="AV120" s="8">
        <v>13.35</v>
      </c>
      <c r="AW120" s="8">
        <v>14.35</v>
      </c>
      <c r="AX120" s="8">
        <v>14.05</v>
      </c>
      <c r="AY120" s="8">
        <v>14.25</v>
      </c>
      <c r="AZ120" s="8">
        <v>14.43</v>
      </c>
      <c r="BA120" s="8">
        <v>14.7</v>
      </c>
      <c r="BB120" s="8">
        <v>14.8</v>
      </c>
      <c r="BC120" s="8">
        <v>14.8</v>
      </c>
      <c r="BD120" s="8">
        <v>14.81</v>
      </c>
    </row>
    <row r="121" spans="3:56" x14ac:dyDescent="0.2">
      <c r="C121" s="5" t="s">
        <v>71</v>
      </c>
      <c r="D121" s="6" t="s">
        <v>58</v>
      </c>
      <c r="E121" s="8">
        <v>6.5610220472553218</v>
      </c>
      <c r="F121" s="8">
        <v>6.56</v>
      </c>
      <c r="G121" s="8">
        <v>6.66</v>
      </c>
      <c r="H121" s="8">
        <v>6.69</v>
      </c>
      <c r="I121" s="8">
        <v>6.68</v>
      </c>
      <c r="J121" s="8">
        <v>6.72</v>
      </c>
      <c r="K121" s="8">
        <v>6.68</v>
      </c>
      <c r="L121" s="8">
        <v>6.63</v>
      </c>
      <c r="M121" s="8">
        <v>6.65</v>
      </c>
      <c r="N121" s="8">
        <v>6.68</v>
      </c>
      <c r="O121" s="8">
        <v>6.61</v>
      </c>
      <c r="P121" s="8">
        <v>6.69</v>
      </c>
      <c r="Q121" s="8">
        <v>6.7</v>
      </c>
      <c r="R121" s="8">
        <v>6.72</v>
      </c>
      <c r="S121" s="8">
        <v>6.66</v>
      </c>
      <c r="T121" s="8">
        <v>6.67</v>
      </c>
      <c r="U121" s="8">
        <v>6.73</v>
      </c>
      <c r="V121" s="8">
        <v>6.6</v>
      </c>
      <c r="W121" s="17">
        <v>6.64</v>
      </c>
      <c r="X121" s="8">
        <v>6.67</v>
      </c>
      <c r="Y121" s="8">
        <v>6.7</v>
      </c>
      <c r="Z121" s="8">
        <v>6.7</v>
      </c>
      <c r="AA121" s="8">
        <v>6.69</v>
      </c>
      <c r="AB121" s="8">
        <v>6.65</v>
      </c>
      <c r="AC121" s="8">
        <v>6.57</v>
      </c>
      <c r="AD121" s="8">
        <v>6.67</v>
      </c>
      <c r="AE121" s="8">
        <v>6.74</v>
      </c>
      <c r="AF121" s="8">
        <v>6.82</v>
      </c>
      <c r="AG121" s="8">
        <v>6.94</v>
      </c>
      <c r="AH121" s="8">
        <v>6.87</v>
      </c>
      <c r="AI121" s="8">
        <v>6.85</v>
      </c>
      <c r="AJ121" s="8">
        <v>6.87</v>
      </c>
      <c r="AK121" s="8">
        <v>6.87</v>
      </c>
      <c r="AL121" s="8">
        <v>6.94</v>
      </c>
      <c r="AM121" s="8">
        <v>6.91</v>
      </c>
      <c r="AN121" s="8">
        <v>6.82</v>
      </c>
      <c r="AO121" s="8">
        <v>6.82</v>
      </c>
      <c r="AP121" s="8">
        <v>6.86</v>
      </c>
      <c r="AQ121" s="8">
        <v>6.86</v>
      </c>
      <c r="AR121" s="8">
        <v>6.71</v>
      </c>
      <c r="AS121" s="8">
        <v>6.72</v>
      </c>
      <c r="AT121" s="8">
        <v>6.7</v>
      </c>
      <c r="AU121" s="8">
        <v>6.8</v>
      </c>
      <c r="AV121" s="8">
        <v>6.78</v>
      </c>
      <c r="AW121" s="8">
        <v>6.68</v>
      </c>
      <c r="AX121" s="8">
        <v>6.68</v>
      </c>
      <c r="AY121" s="8">
        <v>6.67</v>
      </c>
      <c r="AZ121" s="8">
        <v>6.67</v>
      </c>
      <c r="BA121" s="8">
        <v>6.7</v>
      </c>
      <c r="BB121" s="8">
        <v>6.73</v>
      </c>
      <c r="BC121" s="8">
        <v>6.76</v>
      </c>
      <c r="BD121" s="8">
        <v>6.75</v>
      </c>
    </row>
    <row r="122" spans="3:56" x14ac:dyDescent="0.2">
      <c r="C122" s="5" t="s">
        <v>102</v>
      </c>
      <c r="D122" s="6" t="s">
        <v>58</v>
      </c>
      <c r="E122" s="17">
        <v>10.467233512639023</v>
      </c>
      <c r="F122" s="17">
        <v>10.3</v>
      </c>
      <c r="G122" s="17">
        <v>10.19</v>
      </c>
      <c r="H122" s="17">
        <v>10.1</v>
      </c>
      <c r="I122" s="17">
        <v>10.1</v>
      </c>
      <c r="J122" s="17">
        <v>10.23</v>
      </c>
      <c r="K122" s="17">
        <v>10.199999999999999</v>
      </c>
      <c r="L122" s="17">
        <v>10.15</v>
      </c>
      <c r="M122" s="17">
        <v>10.29</v>
      </c>
      <c r="N122" s="17">
        <v>10.31</v>
      </c>
      <c r="O122" s="17">
        <v>10.28</v>
      </c>
      <c r="P122" s="17">
        <v>10.220000000000001</v>
      </c>
      <c r="Q122" s="17">
        <v>10.199999999999999</v>
      </c>
      <c r="R122" s="17">
        <v>10.15</v>
      </c>
      <c r="S122" s="17">
        <v>10.15</v>
      </c>
      <c r="T122" s="17">
        <v>10.17</v>
      </c>
      <c r="U122" s="17">
        <v>10.1</v>
      </c>
      <c r="V122" s="17">
        <v>9.9600000000000009</v>
      </c>
      <c r="W122" s="17">
        <v>9.99</v>
      </c>
      <c r="X122" s="17">
        <v>10.07</v>
      </c>
      <c r="Y122" s="17">
        <v>10.130000000000001</v>
      </c>
      <c r="Z122" s="17">
        <v>10.1</v>
      </c>
      <c r="AA122" s="17">
        <v>10.029999999999999</v>
      </c>
      <c r="AB122" s="17">
        <v>10.029999999999999</v>
      </c>
      <c r="AC122" s="17">
        <v>10</v>
      </c>
      <c r="AD122" s="17">
        <v>10.039999999999999</v>
      </c>
      <c r="AE122" s="17">
        <v>10.08</v>
      </c>
      <c r="AF122" s="17">
        <v>10.08</v>
      </c>
      <c r="AG122" s="17">
        <v>10.09</v>
      </c>
      <c r="AH122" s="17">
        <v>10.11</v>
      </c>
      <c r="AI122" s="17">
        <v>10.11</v>
      </c>
      <c r="AJ122" s="17">
        <v>10.1</v>
      </c>
      <c r="AK122" s="17">
        <v>10.17</v>
      </c>
      <c r="AL122" s="17">
        <v>10.220000000000001</v>
      </c>
      <c r="AM122" s="17">
        <v>10.19</v>
      </c>
      <c r="AN122" s="17">
        <v>10.29</v>
      </c>
      <c r="AO122" s="17">
        <v>10.35</v>
      </c>
      <c r="AP122" s="17">
        <v>10.39</v>
      </c>
      <c r="AQ122" s="17">
        <v>10.41</v>
      </c>
      <c r="AR122" s="17">
        <v>10.43</v>
      </c>
      <c r="AS122" s="17">
        <v>10.45</v>
      </c>
      <c r="AT122" s="17">
        <v>10.29</v>
      </c>
      <c r="AU122" s="17">
        <v>10.33</v>
      </c>
      <c r="AV122" s="17">
        <v>10.33</v>
      </c>
      <c r="AW122" s="17">
        <v>10.38</v>
      </c>
      <c r="AX122" s="17">
        <v>10.47</v>
      </c>
      <c r="AY122" s="17">
        <v>10.56</v>
      </c>
      <c r="AZ122" s="17">
        <v>10.57</v>
      </c>
      <c r="BA122" s="17">
        <v>10.58</v>
      </c>
      <c r="BB122" s="17">
        <v>10.83</v>
      </c>
      <c r="BC122" s="17">
        <v>11.21</v>
      </c>
      <c r="BD122" s="17">
        <v>11.23</v>
      </c>
    </row>
    <row r="123" spans="3:56" x14ac:dyDescent="0.2">
      <c r="C123" s="5" t="s">
        <v>164</v>
      </c>
      <c r="D123" s="6" t="s">
        <v>58</v>
      </c>
      <c r="E123" s="8">
        <v>13.65198233697487</v>
      </c>
      <c r="F123" s="8">
        <v>13.73</v>
      </c>
      <c r="G123" s="8">
        <v>13.79</v>
      </c>
      <c r="H123" s="8">
        <v>13.68</v>
      </c>
      <c r="I123" s="8">
        <v>13.73</v>
      </c>
      <c r="J123" s="8">
        <v>13.77</v>
      </c>
      <c r="K123" s="8">
        <v>13.72</v>
      </c>
      <c r="L123" s="8">
        <v>13.68</v>
      </c>
      <c r="M123" s="8">
        <v>13.76</v>
      </c>
      <c r="N123" s="8">
        <v>13.89</v>
      </c>
      <c r="O123" s="8">
        <v>14.15</v>
      </c>
      <c r="P123" s="8">
        <v>14.07</v>
      </c>
      <c r="Q123" s="8">
        <v>14.05</v>
      </c>
      <c r="R123" s="8">
        <v>14.34</v>
      </c>
      <c r="S123" s="8">
        <v>14.3</v>
      </c>
      <c r="T123" s="8">
        <v>14.41</v>
      </c>
      <c r="U123" s="8">
        <v>14.43</v>
      </c>
      <c r="V123" s="8">
        <v>14.44</v>
      </c>
      <c r="W123" s="17">
        <v>14.72</v>
      </c>
      <c r="X123" s="8">
        <v>14.75</v>
      </c>
      <c r="Y123" s="8">
        <v>14.7</v>
      </c>
      <c r="Z123" s="8">
        <v>14.83</v>
      </c>
      <c r="AA123" s="8">
        <v>14.74</v>
      </c>
      <c r="AB123" s="8">
        <v>14.53</v>
      </c>
      <c r="AC123" s="8">
        <v>14.53</v>
      </c>
      <c r="AD123" s="8">
        <v>14.46</v>
      </c>
      <c r="AE123" s="8">
        <v>14.39</v>
      </c>
      <c r="AF123" s="8">
        <v>14.24</v>
      </c>
      <c r="AG123" s="8">
        <v>14.22</v>
      </c>
      <c r="AH123" s="8">
        <v>14.19</v>
      </c>
      <c r="AI123" s="8">
        <v>14.2</v>
      </c>
      <c r="AJ123" s="8">
        <v>14.13</v>
      </c>
      <c r="AK123" s="8">
        <v>14.12</v>
      </c>
      <c r="AL123" s="8">
        <v>14.12</v>
      </c>
      <c r="AM123" s="8">
        <v>14.07</v>
      </c>
      <c r="AN123" s="8">
        <v>14.04</v>
      </c>
      <c r="AO123" s="8">
        <v>14.16</v>
      </c>
      <c r="AP123" s="8">
        <v>14.34</v>
      </c>
      <c r="AQ123" s="8">
        <v>14.32</v>
      </c>
      <c r="AR123" s="8">
        <v>14.26</v>
      </c>
      <c r="AS123" s="8">
        <v>14.09</v>
      </c>
      <c r="AT123" s="8">
        <v>14.17</v>
      </c>
      <c r="AU123" s="8">
        <v>14.21</v>
      </c>
      <c r="AV123" s="8">
        <v>14.07</v>
      </c>
      <c r="AW123" s="8">
        <v>13.96</v>
      </c>
      <c r="AX123" s="8">
        <v>14</v>
      </c>
      <c r="AY123" s="8">
        <v>13.98</v>
      </c>
      <c r="AZ123" s="8">
        <v>13.96</v>
      </c>
      <c r="BA123" s="8">
        <v>13.95</v>
      </c>
      <c r="BB123" s="8">
        <v>13.94</v>
      </c>
      <c r="BC123" s="8">
        <v>14.05</v>
      </c>
      <c r="BD123" s="8">
        <v>14.11</v>
      </c>
    </row>
    <row r="124" spans="3:56" x14ac:dyDescent="0.2">
      <c r="C124" s="5" t="s">
        <v>73</v>
      </c>
      <c r="D124" s="6" t="s">
        <v>58</v>
      </c>
      <c r="E124" s="8">
        <v>10.660558622559657</v>
      </c>
      <c r="F124" s="8">
        <v>10.66</v>
      </c>
      <c r="G124" s="8">
        <v>10.41</v>
      </c>
      <c r="H124" s="8">
        <v>10.28</v>
      </c>
      <c r="I124" s="8">
        <v>10.24</v>
      </c>
      <c r="J124" s="8">
        <v>10.16</v>
      </c>
      <c r="K124" s="8">
        <v>10.039999999999999</v>
      </c>
      <c r="L124" s="8">
        <v>10.15</v>
      </c>
      <c r="M124" s="8">
        <v>10.18</v>
      </c>
      <c r="N124" s="8">
        <v>10.52</v>
      </c>
      <c r="O124" s="8">
        <v>10.39</v>
      </c>
      <c r="P124" s="8">
        <v>10.39</v>
      </c>
      <c r="Q124" s="8">
        <v>10.43</v>
      </c>
      <c r="R124" s="8">
        <v>10.34</v>
      </c>
      <c r="S124" s="8">
        <v>10.23</v>
      </c>
      <c r="T124" s="8">
        <v>10.039999999999999</v>
      </c>
      <c r="U124" s="8">
        <v>10.19</v>
      </c>
      <c r="V124" s="8">
        <v>10.210000000000001</v>
      </c>
      <c r="W124" s="17">
        <v>10.27</v>
      </c>
      <c r="X124" s="8">
        <v>10.23</v>
      </c>
      <c r="Y124" s="8">
        <v>10.14</v>
      </c>
      <c r="Z124" s="8">
        <v>10.09</v>
      </c>
      <c r="AA124" s="8">
        <v>10.050000000000001</v>
      </c>
      <c r="AB124" s="8">
        <v>9.99</v>
      </c>
      <c r="AC124" s="8">
        <v>10.01</v>
      </c>
      <c r="AD124" s="8">
        <v>10.07</v>
      </c>
      <c r="AE124" s="8">
        <v>10.18</v>
      </c>
      <c r="AF124" s="8">
        <v>10.1</v>
      </c>
      <c r="AG124" s="8">
        <v>10.09</v>
      </c>
      <c r="AH124" s="8">
        <v>10.09</v>
      </c>
      <c r="AI124" s="8">
        <v>10.02</v>
      </c>
      <c r="AJ124" s="8">
        <v>10.050000000000001</v>
      </c>
      <c r="AK124" s="8">
        <v>10.16</v>
      </c>
      <c r="AL124" s="8">
        <v>10.19</v>
      </c>
      <c r="AM124" s="8">
        <v>10.11</v>
      </c>
      <c r="AN124" s="8">
        <v>9.92</v>
      </c>
      <c r="AO124" s="8">
        <v>10</v>
      </c>
      <c r="AP124" s="8">
        <v>10.07</v>
      </c>
      <c r="AQ124" s="8">
        <v>10</v>
      </c>
      <c r="AR124" s="8">
        <v>10</v>
      </c>
      <c r="AS124" s="8">
        <v>10.02</v>
      </c>
      <c r="AT124" s="8">
        <v>10.01</v>
      </c>
      <c r="AU124" s="8">
        <v>10.050000000000001</v>
      </c>
      <c r="AV124" s="8">
        <v>10.050000000000001</v>
      </c>
      <c r="AW124" s="8">
        <v>10.210000000000001</v>
      </c>
      <c r="AX124" s="8">
        <v>10.16</v>
      </c>
      <c r="AY124" s="8">
        <v>10.09</v>
      </c>
      <c r="AZ124" s="8">
        <v>10.08</v>
      </c>
      <c r="BA124" s="8">
        <v>10.11</v>
      </c>
      <c r="BB124" s="8">
        <v>10.11</v>
      </c>
      <c r="BC124" s="8">
        <v>10.17</v>
      </c>
      <c r="BD124" s="8">
        <v>10.220000000000001</v>
      </c>
    </row>
    <row r="125" spans="3:56" x14ac:dyDescent="0.2">
      <c r="C125" s="5" t="s">
        <v>74</v>
      </c>
      <c r="D125" s="6" t="s">
        <v>58</v>
      </c>
      <c r="E125" s="8">
        <v>3.0972209754755884</v>
      </c>
      <c r="F125" s="8">
        <v>3.09</v>
      </c>
      <c r="G125" s="8">
        <v>3.12</v>
      </c>
      <c r="H125" s="8">
        <v>3.12</v>
      </c>
      <c r="I125" s="8">
        <v>3.08</v>
      </c>
      <c r="J125" s="8">
        <v>3.1</v>
      </c>
      <c r="K125" s="8">
        <v>3.09</v>
      </c>
      <c r="L125" s="8">
        <v>3.1</v>
      </c>
      <c r="M125" s="8">
        <v>3.1</v>
      </c>
      <c r="N125" s="8">
        <v>3.15</v>
      </c>
      <c r="O125" s="8">
        <v>3.11</v>
      </c>
      <c r="P125" s="8">
        <v>3.08</v>
      </c>
      <c r="Q125" s="8">
        <v>3.05</v>
      </c>
      <c r="R125" s="8">
        <v>3.05</v>
      </c>
      <c r="S125" s="8">
        <v>3.08</v>
      </c>
      <c r="T125" s="8">
        <v>3.11</v>
      </c>
      <c r="U125" s="8">
        <v>3.11</v>
      </c>
      <c r="V125" s="8">
        <v>3.11</v>
      </c>
      <c r="W125" s="17">
        <v>3.12</v>
      </c>
      <c r="X125" s="8">
        <v>3.15</v>
      </c>
      <c r="Y125" s="8">
        <v>3.11</v>
      </c>
      <c r="Z125" s="8">
        <v>3.12</v>
      </c>
      <c r="AA125" s="8">
        <v>3.14</v>
      </c>
      <c r="AB125" s="8">
        <v>3.14</v>
      </c>
      <c r="AC125" s="8">
        <v>3.14</v>
      </c>
      <c r="AD125" s="8">
        <v>3.16</v>
      </c>
      <c r="AE125" s="8">
        <v>3.18</v>
      </c>
      <c r="AF125" s="8">
        <v>3.19</v>
      </c>
      <c r="AG125" s="8">
        <v>3.18</v>
      </c>
      <c r="AH125" s="8">
        <v>3.19</v>
      </c>
      <c r="AI125" s="8">
        <v>3.2</v>
      </c>
      <c r="AJ125" s="8">
        <v>3.18</v>
      </c>
      <c r="AK125" s="8">
        <v>3.18</v>
      </c>
      <c r="AL125" s="8">
        <v>3.17</v>
      </c>
      <c r="AM125" s="8">
        <v>3.18</v>
      </c>
      <c r="AN125" s="8">
        <v>3.17</v>
      </c>
      <c r="AO125" s="8">
        <v>3.16</v>
      </c>
      <c r="AP125" s="8">
        <v>3.17</v>
      </c>
      <c r="AQ125" s="8">
        <v>3.15</v>
      </c>
      <c r="AR125" s="8">
        <v>3.15</v>
      </c>
      <c r="AS125" s="8">
        <v>3.08</v>
      </c>
      <c r="AT125" s="8">
        <v>3.1</v>
      </c>
      <c r="AU125" s="8">
        <v>3.1</v>
      </c>
      <c r="AV125" s="8">
        <v>3.12</v>
      </c>
      <c r="AW125" s="8">
        <v>3.13</v>
      </c>
      <c r="AX125" s="8">
        <v>3.15</v>
      </c>
      <c r="AY125" s="8">
        <v>3.12</v>
      </c>
      <c r="AZ125" s="8">
        <v>3.13</v>
      </c>
      <c r="BA125" s="8">
        <v>3.14</v>
      </c>
      <c r="BB125" s="8">
        <v>3.14</v>
      </c>
      <c r="BC125" s="8">
        <v>3.16</v>
      </c>
      <c r="BD125" s="8">
        <v>3.16</v>
      </c>
    </row>
    <row r="126" spans="3:56" x14ac:dyDescent="0.2">
      <c r="C126" s="16" t="s">
        <v>78</v>
      </c>
      <c r="D126" s="6" t="s">
        <v>58</v>
      </c>
      <c r="E126" s="8">
        <v>0.99</v>
      </c>
      <c r="F126" s="8">
        <v>1</v>
      </c>
      <c r="G126" s="8">
        <v>1</v>
      </c>
      <c r="H126" s="118">
        <v>0.99</v>
      </c>
      <c r="I126" s="8">
        <v>0.99</v>
      </c>
      <c r="J126" s="118">
        <v>0.99</v>
      </c>
      <c r="K126" s="8">
        <v>1</v>
      </c>
      <c r="L126" s="118">
        <v>1</v>
      </c>
      <c r="M126" s="118">
        <v>0.99</v>
      </c>
      <c r="N126" s="118">
        <v>0.99</v>
      </c>
      <c r="O126" s="118">
        <v>1</v>
      </c>
      <c r="P126" s="8">
        <v>1</v>
      </c>
      <c r="Q126" s="8">
        <v>1</v>
      </c>
      <c r="R126" s="8">
        <v>1</v>
      </c>
      <c r="S126" s="8">
        <v>1</v>
      </c>
      <c r="T126" s="118">
        <v>1</v>
      </c>
      <c r="U126" s="118">
        <v>0.99</v>
      </c>
      <c r="V126" s="118">
        <v>1</v>
      </c>
      <c r="W126" s="17">
        <v>1.01</v>
      </c>
      <c r="X126" s="118">
        <v>1.01</v>
      </c>
      <c r="Y126" s="118">
        <v>1.01</v>
      </c>
      <c r="Z126" s="8">
        <v>1.01</v>
      </c>
      <c r="AA126" s="8">
        <v>1.02</v>
      </c>
      <c r="AB126" s="8">
        <v>1.05</v>
      </c>
      <c r="AC126" s="118">
        <v>1.06</v>
      </c>
      <c r="AD126" s="8">
        <v>1.07</v>
      </c>
      <c r="AE126" s="8">
        <v>1.08</v>
      </c>
      <c r="AF126" s="8">
        <v>1.08</v>
      </c>
      <c r="AG126" s="8">
        <v>1.08</v>
      </c>
      <c r="AH126" s="8">
        <v>1.08</v>
      </c>
      <c r="AI126" s="8">
        <v>1.07</v>
      </c>
      <c r="AJ126" s="8">
        <v>1.07</v>
      </c>
      <c r="AK126" s="8">
        <v>1.08</v>
      </c>
      <c r="AL126" s="8">
        <v>1.08</v>
      </c>
      <c r="AM126" s="118">
        <v>1.06</v>
      </c>
      <c r="AN126" s="118">
        <v>1.06</v>
      </c>
      <c r="AO126" s="118">
        <v>1.06</v>
      </c>
      <c r="AP126" s="118">
        <v>1.06</v>
      </c>
      <c r="AQ126" s="118">
        <v>1.06</v>
      </c>
      <c r="AR126" s="118">
        <v>1.06</v>
      </c>
      <c r="AS126" s="118">
        <v>1.06</v>
      </c>
      <c r="AT126" s="8">
        <v>1.07</v>
      </c>
      <c r="AU126" s="8">
        <v>1.06</v>
      </c>
      <c r="AV126" s="8">
        <v>1.05</v>
      </c>
      <c r="AW126" s="8">
        <v>1.05</v>
      </c>
      <c r="AX126" s="8">
        <v>1.06</v>
      </c>
      <c r="AY126" s="8">
        <v>1.06</v>
      </c>
      <c r="AZ126" s="8">
        <v>1.06</v>
      </c>
      <c r="BA126" s="8">
        <v>1.06</v>
      </c>
      <c r="BB126" s="8">
        <v>1.07</v>
      </c>
      <c r="BC126" s="8">
        <v>1.07</v>
      </c>
      <c r="BD126" s="8">
        <v>1.07</v>
      </c>
    </row>
    <row r="127" spans="3:56" x14ac:dyDescent="0.2">
      <c r="C127" s="16" t="s">
        <v>79</v>
      </c>
      <c r="D127" s="6" t="s">
        <v>58</v>
      </c>
      <c r="E127" s="8">
        <v>2.0299999999999998</v>
      </c>
      <c r="F127" s="8">
        <v>2.06</v>
      </c>
      <c r="G127" s="8">
        <v>2.04</v>
      </c>
      <c r="H127" s="8">
        <v>2.0299999999999998</v>
      </c>
      <c r="I127" s="8">
        <v>2.04</v>
      </c>
      <c r="J127" s="8">
        <v>2.0299999999999998</v>
      </c>
      <c r="K127" s="8">
        <v>2.0099999999999998</v>
      </c>
      <c r="L127" s="8">
        <v>2.0099999999999998</v>
      </c>
      <c r="M127" s="8">
        <v>1.99</v>
      </c>
      <c r="N127" s="8">
        <v>2</v>
      </c>
      <c r="O127" s="8">
        <v>1.99</v>
      </c>
      <c r="P127" s="8">
        <v>2</v>
      </c>
      <c r="Q127" s="8">
        <v>1.99</v>
      </c>
      <c r="R127" s="8">
        <v>2.02</v>
      </c>
      <c r="S127" s="8">
        <v>2.04</v>
      </c>
      <c r="T127" s="8">
        <v>2.04</v>
      </c>
      <c r="U127" s="8">
        <v>2.0299999999999998</v>
      </c>
      <c r="V127" s="8">
        <v>2.0299999999999998</v>
      </c>
      <c r="W127" s="17">
        <v>1.97</v>
      </c>
      <c r="X127" s="8">
        <v>1.97</v>
      </c>
      <c r="Y127" s="8">
        <v>2</v>
      </c>
      <c r="Z127" s="8">
        <v>1.98</v>
      </c>
      <c r="AA127" s="8">
        <v>2</v>
      </c>
      <c r="AB127" s="8">
        <v>2.0099999999999998</v>
      </c>
      <c r="AC127" s="8">
        <v>2.0299999999999998</v>
      </c>
      <c r="AD127" s="8">
        <v>2.02</v>
      </c>
      <c r="AE127" s="8">
        <v>2</v>
      </c>
      <c r="AF127" s="8">
        <v>2.02</v>
      </c>
      <c r="AG127" s="8">
        <v>2.04</v>
      </c>
      <c r="AH127" s="8">
        <v>2.0299999999999998</v>
      </c>
      <c r="AI127" s="8">
        <v>2.0699999999999998</v>
      </c>
      <c r="AJ127" s="8">
        <v>2.04</v>
      </c>
      <c r="AK127" s="8">
        <v>2.06</v>
      </c>
      <c r="AL127" s="8">
        <v>2.06</v>
      </c>
      <c r="AM127" s="8">
        <v>2.06</v>
      </c>
      <c r="AN127" s="8">
        <v>2.06</v>
      </c>
      <c r="AO127" s="8">
        <v>2.08</v>
      </c>
      <c r="AP127" s="8">
        <v>2.09</v>
      </c>
      <c r="AQ127" s="8">
        <v>2.08</v>
      </c>
      <c r="AR127" s="8">
        <v>2.09</v>
      </c>
      <c r="AS127" s="8">
        <v>2.09</v>
      </c>
      <c r="AT127" s="8">
        <v>2.14</v>
      </c>
      <c r="AU127" s="8">
        <v>2.16</v>
      </c>
      <c r="AV127" s="8">
        <v>2.16</v>
      </c>
      <c r="AW127" s="8">
        <v>2.16</v>
      </c>
      <c r="AX127" s="8">
        <v>2.1800000000000002</v>
      </c>
      <c r="AY127" s="8">
        <v>2.17</v>
      </c>
      <c r="AZ127" s="8">
        <v>2.19</v>
      </c>
      <c r="BA127" s="8">
        <v>2.19</v>
      </c>
      <c r="BB127" s="8">
        <v>2.2000000000000002</v>
      </c>
      <c r="BC127" s="8">
        <v>2.21</v>
      </c>
      <c r="BD127" s="8">
        <v>2.21</v>
      </c>
    </row>
    <row r="128" spans="3:56" x14ac:dyDescent="0.2">
      <c r="C128" s="16" t="s">
        <v>80</v>
      </c>
      <c r="D128" s="6" t="s">
        <v>58</v>
      </c>
      <c r="E128" s="115">
        <v>1.8</v>
      </c>
      <c r="F128" s="8">
        <v>1.71</v>
      </c>
      <c r="G128" s="8">
        <v>1.78</v>
      </c>
      <c r="H128" s="8">
        <v>1.84</v>
      </c>
      <c r="I128" s="8">
        <v>1.74</v>
      </c>
      <c r="J128" s="8">
        <v>1.77</v>
      </c>
      <c r="K128" s="8">
        <v>1.86</v>
      </c>
      <c r="L128" s="8">
        <v>1.79</v>
      </c>
      <c r="M128" s="8">
        <v>1.75</v>
      </c>
      <c r="N128" s="8">
        <v>1.7</v>
      </c>
      <c r="O128" s="8">
        <v>1.67</v>
      </c>
      <c r="P128" s="8">
        <v>1.66</v>
      </c>
      <c r="Q128" s="8">
        <v>1.65</v>
      </c>
      <c r="R128" s="8">
        <v>1.65</v>
      </c>
      <c r="S128" s="8">
        <v>1.59</v>
      </c>
      <c r="T128" s="8">
        <v>1.59</v>
      </c>
      <c r="U128" s="8">
        <v>1.52</v>
      </c>
      <c r="V128" s="8">
        <v>1.52</v>
      </c>
      <c r="W128" s="17">
        <v>1.55</v>
      </c>
      <c r="X128" s="8">
        <v>1.55</v>
      </c>
      <c r="Y128" s="8">
        <v>1.53</v>
      </c>
      <c r="Z128" s="8">
        <v>1.53</v>
      </c>
      <c r="AA128" s="8">
        <v>1.48</v>
      </c>
      <c r="AB128" s="8">
        <v>1.43</v>
      </c>
      <c r="AC128" s="8">
        <v>1.43</v>
      </c>
      <c r="AD128" s="8">
        <v>1.43</v>
      </c>
      <c r="AE128" s="8">
        <v>1.39</v>
      </c>
      <c r="AF128" s="8">
        <v>1.38</v>
      </c>
      <c r="AG128" s="8">
        <v>1.38</v>
      </c>
      <c r="AH128" s="8">
        <v>1.38</v>
      </c>
      <c r="AI128" s="8">
        <v>1.38</v>
      </c>
      <c r="AJ128" s="8">
        <v>1.38</v>
      </c>
      <c r="AK128" s="8">
        <v>1.38</v>
      </c>
      <c r="AL128" s="8">
        <v>1.38</v>
      </c>
      <c r="AM128" s="8">
        <v>1.4</v>
      </c>
      <c r="AN128" s="8">
        <v>1.47</v>
      </c>
      <c r="AO128" s="8">
        <v>1.51</v>
      </c>
      <c r="AP128" s="8">
        <v>1.5</v>
      </c>
      <c r="AQ128" s="8">
        <v>1.48</v>
      </c>
      <c r="AR128" s="8">
        <v>1.46</v>
      </c>
      <c r="AS128" s="8">
        <v>1.51</v>
      </c>
      <c r="AT128" s="8">
        <v>1.58</v>
      </c>
      <c r="AU128" s="8">
        <v>1.73</v>
      </c>
      <c r="AV128" s="8">
        <v>1.78</v>
      </c>
      <c r="AW128" s="8">
        <v>1.88</v>
      </c>
      <c r="AX128" s="8">
        <v>1.99</v>
      </c>
      <c r="AY128" s="8">
        <v>1.99</v>
      </c>
      <c r="AZ128" s="8">
        <v>2.0099999999999998</v>
      </c>
      <c r="BA128" s="8">
        <v>2.02</v>
      </c>
      <c r="BB128" s="8">
        <v>1.96</v>
      </c>
      <c r="BC128" s="8">
        <v>1.93</v>
      </c>
      <c r="BD128" s="115">
        <v>1.93</v>
      </c>
    </row>
    <row r="129" spans="3:56" x14ac:dyDescent="0.2">
      <c r="C129" s="16" t="s">
        <v>122</v>
      </c>
      <c r="D129" s="6" t="s">
        <v>58</v>
      </c>
      <c r="E129" s="8">
        <v>1.1100000000000001</v>
      </c>
      <c r="F129" s="8">
        <v>1.1299999999999999</v>
      </c>
      <c r="G129" s="8">
        <v>1.1399999999999999</v>
      </c>
      <c r="H129" s="8">
        <v>1.1299999999999999</v>
      </c>
      <c r="I129" s="8">
        <v>1.1399999999999999</v>
      </c>
      <c r="J129" s="8">
        <v>1.1499999999999999</v>
      </c>
      <c r="K129" s="8">
        <v>1.1499999999999999</v>
      </c>
      <c r="L129" s="8">
        <v>1.1399999999999999</v>
      </c>
      <c r="M129" s="8">
        <v>1.1399999999999999</v>
      </c>
      <c r="N129" s="8">
        <v>1.1499999999999999</v>
      </c>
      <c r="O129" s="8">
        <v>1.1599999999999999</v>
      </c>
      <c r="P129" s="8">
        <v>1.1599999999999999</v>
      </c>
      <c r="Q129" s="8">
        <v>1.1599999999999999</v>
      </c>
      <c r="R129" s="8">
        <v>1.17</v>
      </c>
      <c r="S129" s="8">
        <v>1.17</v>
      </c>
      <c r="T129" s="8">
        <v>1.18</v>
      </c>
      <c r="U129" s="8">
        <v>1.18</v>
      </c>
      <c r="V129" s="8">
        <v>1.18</v>
      </c>
      <c r="W129" s="17">
        <v>1.19</v>
      </c>
      <c r="X129" s="8">
        <v>1.19</v>
      </c>
      <c r="Y129" s="8">
        <v>1.18</v>
      </c>
      <c r="Z129" s="8">
        <v>1.18</v>
      </c>
      <c r="AA129" s="8">
        <v>1.17</v>
      </c>
      <c r="AB129" s="8">
        <v>1.18</v>
      </c>
      <c r="AC129" s="8">
        <v>1.18</v>
      </c>
      <c r="AD129" s="8">
        <v>1.18</v>
      </c>
      <c r="AE129" s="8">
        <v>1.17</v>
      </c>
      <c r="AF129" s="8">
        <v>1.17</v>
      </c>
      <c r="AG129" s="8">
        <v>1.17</v>
      </c>
      <c r="AH129" s="8">
        <v>1.1599999999999999</v>
      </c>
      <c r="AI129" s="8">
        <v>1.1599999999999999</v>
      </c>
      <c r="AJ129" s="8">
        <v>1.1499999999999999</v>
      </c>
      <c r="AK129" s="8">
        <v>1.1499999999999999</v>
      </c>
      <c r="AL129" s="8">
        <v>1.1599999999999999</v>
      </c>
      <c r="AM129" s="8">
        <v>1.1599999999999999</v>
      </c>
      <c r="AN129" s="8">
        <v>1.1299999999999999</v>
      </c>
      <c r="AO129" s="8">
        <v>1.1299999999999999</v>
      </c>
      <c r="AP129" s="8">
        <v>1.1200000000000001</v>
      </c>
      <c r="AQ129" s="8">
        <v>1.1200000000000001</v>
      </c>
      <c r="AR129" s="8">
        <v>1.1299999999999999</v>
      </c>
      <c r="AS129" s="8">
        <v>1.1299999999999999</v>
      </c>
      <c r="AT129" s="8">
        <v>1.1299999999999999</v>
      </c>
      <c r="AU129" s="8">
        <v>1.1399999999999999</v>
      </c>
      <c r="AV129" s="8">
        <v>1.1299999999999999</v>
      </c>
      <c r="AW129" s="8">
        <v>1.1399999999999999</v>
      </c>
      <c r="AX129" s="8">
        <v>1.1399999999999999</v>
      </c>
      <c r="AY129" s="8">
        <v>1.1399999999999999</v>
      </c>
      <c r="AZ129" s="8">
        <v>1.1399999999999999</v>
      </c>
      <c r="BA129" s="8">
        <v>1.1399999999999999</v>
      </c>
      <c r="BB129" s="8">
        <v>1.1399999999999999</v>
      </c>
      <c r="BC129" s="8">
        <v>1.1399999999999999</v>
      </c>
      <c r="BD129" s="8">
        <v>1.1499999999999999</v>
      </c>
    </row>
    <row r="130" spans="3:56" x14ac:dyDescent="0.2">
      <c r="C130" s="16" t="s">
        <v>82</v>
      </c>
      <c r="D130" s="6" t="s">
        <v>58</v>
      </c>
      <c r="E130" s="8">
        <v>4.1900000000000004</v>
      </c>
      <c r="F130" s="8">
        <v>4.21</v>
      </c>
      <c r="G130" s="8">
        <v>4.41</v>
      </c>
      <c r="H130" s="8">
        <v>4.38</v>
      </c>
      <c r="I130" s="8">
        <v>4.3899999999999997</v>
      </c>
      <c r="J130" s="8">
        <v>4.47</v>
      </c>
      <c r="K130" s="8">
        <v>4.51</v>
      </c>
      <c r="L130" s="8">
        <v>4.5</v>
      </c>
      <c r="M130" s="8">
        <v>4.38</v>
      </c>
      <c r="N130" s="8">
        <v>4.47</v>
      </c>
      <c r="O130" s="8">
        <v>4.53</v>
      </c>
      <c r="P130" s="8">
        <v>4.54</v>
      </c>
      <c r="Q130" s="8">
        <v>4.5599999999999996</v>
      </c>
      <c r="R130" s="8">
        <v>4.41</v>
      </c>
      <c r="S130" s="8">
        <v>4.3</v>
      </c>
      <c r="T130" s="8">
        <v>4.29</v>
      </c>
      <c r="U130" s="8">
        <v>4.1399999999999997</v>
      </c>
      <c r="V130" s="8">
        <v>4.17</v>
      </c>
      <c r="W130" s="17">
        <v>4.0199999999999996</v>
      </c>
      <c r="X130" s="8">
        <v>4.07</v>
      </c>
      <c r="Y130" s="8">
        <v>4.13</v>
      </c>
      <c r="Z130" s="8">
        <v>4.1500000000000004</v>
      </c>
      <c r="AA130" s="8">
        <v>4.05</v>
      </c>
      <c r="AB130" s="8">
        <v>3.96</v>
      </c>
      <c r="AC130" s="8">
        <v>3.92</v>
      </c>
      <c r="AD130" s="8">
        <v>3.99</v>
      </c>
      <c r="AE130" s="8">
        <v>3.96</v>
      </c>
      <c r="AF130" s="8">
        <v>3.88</v>
      </c>
      <c r="AG130" s="8">
        <v>3.86</v>
      </c>
      <c r="AH130" s="8">
        <v>3.86</v>
      </c>
      <c r="AI130" s="8">
        <v>4.0199999999999996</v>
      </c>
      <c r="AJ130" s="8">
        <v>3.85</v>
      </c>
      <c r="AK130" s="8">
        <v>3.84</v>
      </c>
      <c r="AL130" s="8">
        <v>3.89</v>
      </c>
      <c r="AM130" s="8">
        <v>4.0999999999999996</v>
      </c>
      <c r="AN130" s="8">
        <v>4.3600000000000003</v>
      </c>
      <c r="AO130" s="8">
        <v>4.4000000000000004</v>
      </c>
      <c r="AP130" s="8">
        <v>4.37</v>
      </c>
      <c r="AQ130" s="8">
        <v>4.34</v>
      </c>
      <c r="AR130" s="8">
        <v>4.25</v>
      </c>
      <c r="AS130" s="8">
        <v>4.21</v>
      </c>
      <c r="AT130" s="8">
        <v>4.34</v>
      </c>
      <c r="AU130" s="8">
        <v>4.45</v>
      </c>
      <c r="AV130" s="8">
        <v>4.49</v>
      </c>
      <c r="AW130" s="8">
        <v>4.5</v>
      </c>
      <c r="AX130" s="8">
        <v>4.47</v>
      </c>
      <c r="AY130" s="8">
        <v>4.42</v>
      </c>
      <c r="AZ130" s="8">
        <v>4.42</v>
      </c>
      <c r="BA130" s="8">
        <v>4.38</v>
      </c>
      <c r="BB130" s="8">
        <v>4.32</v>
      </c>
      <c r="BC130" s="8">
        <v>4.3600000000000003</v>
      </c>
      <c r="BD130" s="8">
        <v>4.37</v>
      </c>
    </row>
    <row r="131" spans="3:56" x14ac:dyDescent="0.2">
      <c r="C131" s="16" t="s">
        <v>84</v>
      </c>
      <c r="D131" s="6" t="s">
        <v>85</v>
      </c>
      <c r="E131" s="8">
        <v>0.97</v>
      </c>
      <c r="F131" s="8">
        <v>0.98</v>
      </c>
      <c r="G131" s="8">
        <v>0.99</v>
      </c>
      <c r="H131" s="8">
        <v>0.98</v>
      </c>
      <c r="I131" s="8">
        <v>0.97</v>
      </c>
      <c r="J131" s="8">
        <v>0.97</v>
      </c>
      <c r="K131" s="8">
        <v>0.97</v>
      </c>
      <c r="L131" s="8">
        <v>0.97</v>
      </c>
      <c r="M131" s="8">
        <v>0.96</v>
      </c>
      <c r="N131" s="8">
        <v>0.96</v>
      </c>
      <c r="O131" s="8">
        <v>0.95</v>
      </c>
      <c r="P131" s="8">
        <v>0.96</v>
      </c>
      <c r="Q131" s="8">
        <v>0.95</v>
      </c>
      <c r="R131" s="8">
        <v>0.96</v>
      </c>
      <c r="S131" s="8">
        <v>0.96</v>
      </c>
      <c r="T131" s="8">
        <v>0.95</v>
      </c>
      <c r="U131" s="8">
        <v>0.96</v>
      </c>
      <c r="V131" s="8">
        <v>0.97</v>
      </c>
      <c r="W131" s="17">
        <v>0.97</v>
      </c>
      <c r="X131" s="8">
        <v>0.98</v>
      </c>
      <c r="Y131" s="8">
        <v>0.98</v>
      </c>
      <c r="Z131" s="8">
        <v>0.97</v>
      </c>
      <c r="AA131" s="8">
        <v>0.97</v>
      </c>
      <c r="AB131" s="8">
        <v>0.98</v>
      </c>
      <c r="AC131" s="8">
        <v>0.97</v>
      </c>
      <c r="AD131" s="8">
        <v>0.96</v>
      </c>
      <c r="AE131" s="8">
        <v>0.99</v>
      </c>
      <c r="AF131" s="8">
        <v>0.99</v>
      </c>
      <c r="AG131" s="8">
        <v>0.99</v>
      </c>
      <c r="AH131" s="8">
        <v>0.99</v>
      </c>
      <c r="AI131" s="8">
        <v>1</v>
      </c>
      <c r="AJ131" s="8">
        <v>1</v>
      </c>
      <c r="AK131" s="8">
        <v>1</v>
      </c>
      <c r="AL131" s="8">
        <v>1.01</v>
      </c>
      <c r="AM131" s="8">
        <v>1.02</v>
      </c>
      <c r="AN131" s="8">
        <v>1.03</v>
      </c>
      <c r="AO131" s="8">
        <v>1.04</v>
      </c>
      <c r="AP131" s="8">
        <v>1.05</v>
      </c>
      <c r="AQ131" s="8">
        <v>1.05</v>
      </c>
      <c r="AR131" s="8">
        <v>1.05</v>
      </c>
      <c r="AS131" s="8">
        <v>1.05</v>
      </c>
      <c r="AT131" s="8">
        <v>1.04</v>
      </c>
      <c r="AU131" s="8">
        <v>1.05</v>
      </c>
      <c r="AV131" s="8">
        <v>1.04</v>
      </c>
      <c r="AW131" s="8">
        <v>1.05</v>
      </c>
      <c r="AX131" s="8">
        <v>1.05</v>
      </c>
      <c r="AY131" s="8">
        <v>1.05</v>
      </c>
      <c r="AZ131" s="8">
        <v>1.04</v>
      </c>
      <c r="BA131" s="8">
        <v>1.03</v>
      </c>
      <c r="BB131" s="8">
        <v>1.03</v>
      </c>
      <c r="BC131" s="8">
        <v>1.03</v>
      </c>
      <c r="BD131" s="8">
        <v>1.03</v>
      </c>
    </row>
    <row r="132" spans="3:56" x14ac:dyDescent="0.2">
      <c r="C132" s="16" t="s">
        <v>118</v>
      </c>
      <c r="D132" s="6" t="s">
        <v>58</v>
      </c>
      <c r="E132" s="8">
        <v>2.2799999999999998</v>
      </c>
      <c r="F132" s="8">
        <v>2.27</v>
      </c>
      <c r="G132" s="8">
        <v>2.29</v>
      </c>
      <c r="H132" s="8">
        <v>2.2999999999999998</v>
      </c>
      <c r="I132" s="8">
        <v>2.2799999999999998</v>
      </c>
      <c r="J132" s="8">
        <v>2.31</v>
      </c>
      <c r="K132" s="8">
        <v>2.3199999999999998</v>
      </c>
      <c r="L132" s="8">
        <v>2.36</v>
      </c>
      <c r="M132" s="8">
        <v>2.35</v>
      </c>
      <c r="N132" s="8">
        <v>2.36</v>
      </c>
      <c r="O132" s="8">
        <v>2.34</v>
      </c>
      <c r="P132" s="8">
        <v>2.35</v>
      </c>
      <c r="Q132" s="8">
        <v>2.35</v>
      </c>
      <c r="R132" s="8">
        <v>2.35</v>
      </c>
      <c r="S132" s="8">
        <v>2.33</v>
      </c>
      <c r="T132" s="8">
        <v>2.2999999999999998</v>
      </c>
      <c r="U132" s="8">
        <v>2.2999999999999998</v>
      </c>
      <c r="V132" s="8">
        <v>2.2999999999999998</v>
      </c>
      <c r="W132" s="17">
        <v>2.2599999999999998</v>
      </c>
      <c r="X132" s="8">
        <v>2.2200000000000002</v>
      </c>
      <c r="Y132" s="8">
        <v>2.2000000000000002</v>
      </c>
      <c r="Z132" s="8">
        <v>2.2000000000000002</v>
      </c>
      <c r="AA132" s="8">
        <v>2.17</v>
      </c>
      <c r="AB132" s="8">
        <v>2.19</v>
      </c>
      <c r="AC132" s="8">
        <v>2.15</v>
      </c>
      <c r="AD132" s="8">
        <v>2.13</v>
      </c>
      <c r="AE132" s="8">
        <v>2.11</v>
      </c>
      <c r="AF132" s="8">
        <v>2.15</v>
      </c>
      <c r="AG132" s="8">
        <v>2.16</v>
      </c>
      <c r="AH132" s="8">
        <v>2.15</v>
      </c>
      <c r="AI132" s="8">
        <v>2.16</v>
      </c>
      <c r="AJ132" s="8">
        <v>2.13</v>
      </c>
      <c r="AK132" s="8">
        <v>2.13</v>
      </c>
      <c r="AL132" s="8">
        <v>2.13</v>
      </c>
      <c r="AM132" s="8">
        <v>2.13</v>
      </c>
      <c r="AN132" s="8">
        <v>2.0299999999999998</v>
      </c>
      <c r="AO132" s="8">
        <v>2.0299999999999998</v>
      </c>
      <c r="AP132" s="8">
        <v>2.04</v>
      </c>
      <c r="AQ132" s="8">
        <v>2.04</v>
      </c>
      <c r="AR132" s="8">
        <v>2.04</v>
      </c>
      <c r="AS132" s="8">
        <v>2.04</v>
      </c>
      <c r="AT132" s="8">
        <v>2.06</v>
      </c>
      <c r="AU132" s="8">
        <v>2.0499999999999998</v>
      </c>
      <c r="AV132" s="8">
        <v>2.16</v>
      </c>
      <c r="AW132" s="8">
        <v>2.17</v>
      </c>
      <c r="AX132" s="8">
        <v>2.19</v>
      </c>
      <c r="AY132" s="8">
        <v>2.17</v>
      </c>
      <c r="AZ132" s="8">
        <v>2.16</v>
      </c>
      <c r="BA132" s="8">
        <v>2.17</v>
      </c>
      <c r="BB132" s="8">
        <v>2.17</v>
      </c>
      <c r="BC132" s="8">
        <v>2.1800000000000002</v>
      </c>
      <c r="BD132" s="8">
        <v>2.1800000000000002</v>
      </c>
    </row>
    <row r="133" spans="3:56" x14ac:dyDescent="0.2">
      <c r="C133" s="16" t="s">
        <v>104</v>
      </c>
      <c r="D133" s="6" t="s">
        <v>58</v>
      </c>
      <c r="E133" s="8">
        <v>2.2400000000000002</v>
      </c>
      <c r="F133" s="8">
        <v>2.2200000000000002</v>
      </c>
      <c r="G133" s="8">
        <v>2.2200000000000002</v>
      </c>
      <c r="H133" s="8">
        <v>2.2000000000000002</v>
      </c>
      <c r="I133" s="8">
        <v>2.1800000000000002</v>
      </c>
      <c r="J133" s="8">
        <v>2.13</v>
      </c>
      <c r="K133" s="8">
        <v>2.13</v>
      </c>
      <c r="L133" s="8">
        <v>2.08</v>
      </c>
      <c r="M133" s="8">
        <v>2.1</v>
      </c>
      <c r="N133" s="8">
        <v>2.08</v>
      </c>
      <c r="O133" s="8">
        <v>2.06</v>
      </c>
      <c r="P133" s="8">
        <v>2.06</v>
      </c>
      <c r="Q133" s="8">
        <v>2.06</v>
      </c>
      <c r="R133" s="8">
        <v>2.1</v>
      </c>
      <c r="S133" s="8">
        <v>2.09</v>
      </c>
      <c r="T133" s="8">
        <v>2.13</v>
      </c>
      <c r="U133" s="8">
        <v>2.11</v>
      </c>
      <c r="V133" s="8">
        <v>2.09</v>
      </c>
      <c r="W133" s="17">
        <v>2.09</v>
      </c>
      <c r="X133" s="8">
        <v>2.09</v>
      </c>
      <c r="Y133" s="8">
        <v>2.1</v>
      </c>
      <c r="Z133" s="8">
        <v>2.13</v>
      </c>
      <c r="AA133" s="8">
        <v>2.09</v>
      </c>
      <c r="AB133" s="8">
        <v>2.06</v>
      </c>
      <c r="AC133" s="8">
        <v>2.06</v>
      </c>
      <c r="AD133" s="8">
        <v>2.0499999999999998</v>
      </c>
      <c r="AE133" s="8">
        <v>2.06</v>
      </c>
      <c r="AF133" s="8">
        <v>2.04</v>
      </c>
      <c r="AG133" s="8">
        <v>2.04</v>
      </c>
      <c r="AH133" s="8">
        <v>1.99</v>
      </c>
      <c r="AI133" s="8">
        <v>2.0299999999999998</v>
      </c>
      <c r="AJ133" s="8">
        <v>2.02</v>
      </c>
      <c r="AK133" s="8">
        <v>2.02</v>
      </c>
      <c r="AL133" s="8">
        <v>2.02</v>
      </c>
      <c r="AM133" s="8">
        <v>2.06</v>
      </c>
      <c r="AN133" s="8">
        <v>2.0699999999999998</v>
      </c>
      <c r="AO133" s="8">
        <v>2.0699999999999998</v>
      </c>
      <c r="AP133" s="8">
        <v>2.11</v>
      </c>
      <c r="AQ133" s="8">
        <v>2.19</v>
      </c>
      <c r="AR133" s="8">
        <v>2.2200000000000002</v>
      </c>
      <c r="AS133" s="8">
        <v>2.25</v>
      </c>
      <c r="AT133" s="8">
        <v>2.2999999999999998</v>
      </c>
      <c r="AU133" s="8">
        <v>2.2999999999999998</v>
      </c>
      <c r="AV133" s="8">
        <v>2.27</v>
      </c>
      <c r="AW133" s="8">
        <v>2.29</v>
      </c>
      <c r="AX133" s="8">
        <v>2.27</v>
      </c>
      <c r="AY133" s="8">
        <v>2.27</v>
      </c>
      <c r="AZ133" s="8">
        <v>2.2799999999999998</v>
      </c>
      <c r="BA133" s="8">
        <v>2.31</v>
      </c>
      <c r="BB133" s="8">
        <v>2.3199999999999998</v>
      </c>
      <c r="BC133" s="8">
        <v>2.2999999999999998</v>
      </c>
      <c r="BD133" s="8">
        <v>2.3199999999999998</v>
      </c>
    </row>
    <row r="134" spans="3:56" x14ac:dyDescent="0.2">
      <c r="C134" s="16" t="s">
        <v>87</v>
      </c>
      <c r="D134" s="6" t="s">
        <v>58</v>
      </c>
      <c r="E134" s="8">
        <v>1</v>
      </c>
      <c r="F134" s="8">
        <v>1</v>
      </c>
      <c r="G134" s="8">
        <v>1.01</v>
      </c>
      <c r="H134" s="8">
        <v>1.01</v>
      </c>
      <c r="I134" s="8">
        <v>1.01</v>
      </c>
      <c r="J134" s="8">
        <v>1.01</v>
      </c>
      <c r="K134" s="8">
        <v>0.99</v>
      </c>
      <c r="L134" s="8">
        <v>1.01</v>
      </c>
      <c r="M134" s="8">
        <v>1.01</v>
      </c>
      <c r="N134" s="8">
        <v>1.02</v>
      </c>
      <c r="O134" s="8">
        <v>1.03</v>
      </c>
      <c r="P134" s="8">
        <v>1.03</v>
      </c>
      <c r="Q134" s="8">
        <v>1.03</v>
      </c>
      <c r="R134" s="8">
        <v>1.03</v>
      </c>
      <c r="S134" s="8">
        <v>1.03</v>
      </c>
      <c r="T134" s="8">
        <v>1.03</v>
      </c>
      <c r="U134" s="8">
        <v>1.04</v>
      </c>
      <c r="V134" s="8">
        <v>1.03</v>
      </c>
      <c r="W134" s="17">
        <v>1.03</v>
      </c>
      <c r="X134" s="8">
        <v>1.04</v>
      </c>
      <c r="Y134" s="8">
        <v>1.04</v>
      </c>
      <c r="Z134" s="8">
        <v>1.03</v>
      </c>
      <c r="AA134" s="8">
        <v>1.05</v>
      </c>
      <c r="AB134" s="8">
        <v>1.05</v>
      </c>
      <c r="AC134" s="8">
        <v>1.05</v>
      </c>
      <c r="AD134" s="8">
        <v>1.05</v>
      </c>
      <c r="AE134" s="8">
        <v>1.05</v>
      </c>
      <c r="AF134" s="8">
        <v>1.05</v>
      </c>
      <c r="AG134" s="8">
        <v>1.06</v>
      </c>
      <c r="AH134" s="8">
        <v>1.06</v>
      </c>
      <c r="AI134" s="8">
        <v>1.05</v>
      </c>
      <c r="AJ134" s="8">
        <v>1.06</v>
      </c>
      <c r="AK134" s="8">
        <v>1.05</v>
      </c>
      <c r="AL134" s="8">
        <v>1.05</v>
      </c>
      <c r="AM134" s="8">
        <v>1.05</v>
      </c>
      <c r="AN134" s="8">
        <v>1.04</v>
      </c>
      <c r="AO134" s="8">
        <v>1.05</v>
      </c>
      <c r="AP134" s="8">
        <v>1.04</v>
      </c>
      <c r="AQ134" s="8">
        <v>1.04</v>
      </c>
      <c r="AR134" s="8">
        <v>1.03</v>
      </c>
      <c r="AS134" s="8">
        <v>1.04</v>
      </c>
      <c r="AT134" s="8">
        <v>1.03</v>
      </c>
      <c r="AU134" s="8">
        <v>1.04</v>
      </c>
      <c r="AV134" s="8">
        <v>1.03</v>
      </c>
      <c r="AW134" s="8">
        <v>1.04</v>
      </c>
      <c r="AX134" s="8">
        <v>1.04</v>
      </c>
      <c r="AY134" s="8">
        <v>1.04</v>
      </c>
      <c r="AZ134" s="8">
        <v>1.04</v>
      </c>
      <c r="BA134" s="8">
        <v>1.04</v>
      </c>
      <c r="BB134" s="8">
        <v>1.04</v>
      </c>
      <c r="BC134" s="8">
        <v>1.05</v>
      </c>
      <c r="BD134" s="8">
        <v>1.05</v>
      </c>
    </row>
    <row r="135" spans="3:56" x14ac:dyDescent="0.2">
      <c r="C135" s="16" t="s">
        <v>88</v>
      </c>
      <c r="D135" s="6" t="s">
        <v>58</v>
      </c>
      <c r="E135" s="8">
        <v>2</v>
      </c>
      <c r="F135" s="8">
        <v>1.98</v>
      </c>
      <c r="G135" s="8">
        <v>1.95</v>
      </c>
      <c r="H135" s="8">
        <v>1.94</v>
      </c>
      <c r="I135" s="8">
        <v>1.99</v>
      </c>
      <c r="J135" s="8">
        <v>1.94</v>
      </c>
      <c r="K135" s="8">
        <v>1.93</v>
      </c>
      <c r="L135" s="8">
        <v>1.94</v>
      </c>
      <c r="M135" s="8">
        <v>1.93</v>
      </c>
      <c r="N135" s="8">
        <v>1.94</v>
      </c>
      <c r="O135" s="8">
        <v>1.94</v>
      </c>
      <c r="P135" s="8">
        <v>1.93</v>
      </c>
      <c r="Q135" s="8">
        <v>1.92</v>
      </c>
      <c r="R135" s="8">
        <v>1.92</v>
      </c>
      <c r="S135" s="8">
        <v>1.93</v>
      </c>
      <c r="T135" s="8">
        <v>1.94</v>
      </c>
      <c r="U135" s="8">
        <v>1.99</v>
      </c>
      <c r="V135" s="8">
        <v>2.04</v>
      </c>
      <c r="W135" s="17">
        <v>2.12</v>
      </c>
      <c r="X135" s="8">
        <v>2.1800000000000002</v>
      </c>
      <c r="Y135" s="8">
        <v>2.25</v>
      </c>
      <c r="Z135" s="8">
        <v>2.2599999999999998</v>
      </c>
      <c r="AA135" s="8">
        <v>2.34</v>
      </c>
      <c r="AB135" s="8">
        <v>2.35</v>
      </c>
      <c r="AC135" s="8">
        <v>2.36</v>
      </c>
      <c r="AD135" s="8">
        <v>2.42</v>
      </c>
      <c r="AE135" s="8">
        <v>2.4500000000000002</v>
      </c>
      <c r="AF135" s="8">
        <v>2.46</v>
      </c>
      <c r="AG135" s="8">
        <v>2.48</v>
      </c>
      <c r="AH135" s="8">
        <v>2.48</v>
      </c>
      <c r="AI135" s="8">
        <v>2.52</v>
      </c>
      <c r="AJ135" s="8">
        <v>2.5099999999999998</v>
      </c>
      <c r="AK135" s="8">
        <v>2.54</v>
      </c>
      <c r="AL135" s="8">
        <v>2.56</v>
      </c>
      <c r="AM135" s="8">
        <v>2.58</v>
      </c>
      <c r="AN135" s="8">
        <v>2.62</v>
      </c>
      <c r="AO135" s="8">
        <v>2.63</v>
      </c>
      <c r="AP135" s="8">
        <v>2.64</v>
      </c>
      <c r="AQ135" s="8">
        <v>2.62</v>
      </c>
      <c r="AR135" s="8">
        <v>2.59</v>
      </c>
      <c r="AS135" s="8">
        <v>2.52</v>
      </c>
      <c r="AT135" s="8">
        <v>2.42</v>
      </c>
      <c r="AU135" s="8">
        <v>2.41</v>
      </c>
      <c r="AV135" s="8">
        <v>2.38</v>
      </c>
      <c r="AW135" s="8">
        <v>2.35</v>
      </c>
      <c r="AX135" s="8">
        <v>2.34</v>
      </c>
      <c r="AY135" s="8">
        <v>2.3199999999999998</v>
      </c>
      <c r="AZ135" s="8">
        <v>2.2799999999999998</v>
      </c>
      <c r="BA135" s="8">
        <v>2.2400000000000002</v>
      </c>
      <c r="BB135" s="8">
        <v>2.19</v>
      </c>
      <c r="BC135" s="8">
        <v>2.17</v>
      </c>
      <c r="BD135" s="8">
        <v>2.17</v>
      </c>
    </row>
    <row r="136" spans="3:56" x14ac:dyDescent="0.2">
      <c r="C136" s="18" t="s">
        <v>123</v>
      </c>
      <c r="D136" s="6" t="s">
        <v>58</v>
      </c>
      <c r="E136" s="8">
        <v>1.9</v>
      </c>
      <c r="F136" s="8">
        <v>1.9</v>
      </c>
      <c r="G136" s="8">
        <v>1.94</v>
      </c>
      <c r="H136" s="8">
        <v>1.95</v>
      </c>
      <c r="I136" s="8">
        <v>2.0499999999999998</v>
      </c>
      <c r="J136" s="8">
        <v>2.16</v>
      </c>
      <c r="K136" s="8">
        <v>2.23</v>
      </c>
      <c r="L136" s="8">
        <v>2.25</v>
      </c>
      <c r="M136" s="8">
        <v>2.2999999999999998</v>
      </c>
      <c r="N136" s="8">
        <v>2.3199999999999998</v>
      </c>
      <c r="O136" s="8">
        <v>2.36</v>
      </c>
      <c r="P136" s="8">
        <v>2.4</v>
      </c>
      <c r="Q136" s="8">
        <v>2.39</v>
      </c>
      <c r="R136" s="8">
        <v>2.3199999999999998</v>
      </c>
      <c r="S136" s="8">
        <v>2.29</v>
      </c>
      <c r="T136" s="8">
        <v>2.2999999999999998</v>
      </c>
      <c r="U136" s="8">
        <v>2.2999999999999998</v>
      </c>
      <c r="V136" s="8">
        <v>2.33</v>
      </c>
      <c r="W136" s="17">
        <v>2.38</v>
      </c>
      <c r="X136" s="8">
        <v>2.33</v>
      </c>
      <c r="Y136" s="8">
        <v>2.2400000000000002</v>
      </c>
      <c r="Z136" s="8">
        <v>2.2000000000000002</v>
      </c>
      <c r="AA136" s="8">
        <v>2.21</v>
      </c>
      <c r="AB136" s="8">
        <v>2.2000000000000002</v>
      </c>
      <c r="AC136" s="8">
        <v>2.16</v>
      </c>
      <c r="AD136" s="8">
        <v>2.15</v>
      </c>
      <c r="AE136" s="8">
        <v>2.12</v>
      </c>
      <c r="AF136" s="8">
        <v>2.2000000000000002</v>
      </c>
      <c r="AG136" s="8">
        <v>2.25</v>
      </c>
      <c r="AH136" s="8">
        <v>2.41</v>
      </c>
      <c r="AI136" s="8">
        <v>2.5299999999999998</v>
      </c>
      <c r="AJ136" s="8">
        <v>2.5499999999999998</v>
      </c>
      <c r="AK136" s="8">
        <v>2.72</v>
      </c>
      <c r="AL136" s="8">
        <v>2.76</v>
      </c>
      <c r="AM136" s="8">
        <v>2.8</v>
      </c>
      <c r="AN136" s="8">
        <v>3.1</v>
      </c>
      <c r="AO136" s="8">
        <v>2.99</v>
      </c>
      <c r="AP136" s="8">
        <v>3.03</v>
      </c>
      <c r="AQ136" s="8">
        <v>2.86</v>
      </c>
      <c r="AR136" s="8">
        <v>2.58</v>
      </c>
      <c r="AS136" s="8">
        <v>2.5099999999999998</v>
      </c>
      <c r="AT136" s="8">
        <v>2.36</v>
      </c>
      <c r="AU136" s="8">
        <v>2.2000000000000002</v>
      </c>
      <c r="AV136" s="8">
        <v>2.42</v>
      </c>
      <c r="AW136" s="8">
        <v>2.29</v>
      </c>
      <c r="AX136" s="8">
        <v>2.25</v>
      </c>
      <c r="AY136" s="8">
        <v>2.15</v>
      </c>
      <c r="AZ136" s="8">
        <v>2.12</v>
      </c>
      <c r="BA136" s="8">
        <v>2.04</v>
      </c>
      <c r="BB136" s="8">
        <v>2.02</v>
      </c>
      <c r="BC136" s="8">
        <v>2.0099999999999998</v>
      </c>
      <c r="BD136" s="8">
        <v>2</v>
      </c>
    </row>
    <row r="137" spans="3:56" x14ac:dyDescent="0.2">
      <c r="C137" s="18" t="s">
        <v>100</v>
      </c>
      <c r="D137" s="6" t="s">
        <v>58</v>
      </c>
      <c r="E137" s="8">
        <v>1.5</v>
      </c>
      <c r="F137" s="8">
        <v>1.51</v>
      </c>
      <c r="G137" s="8">
        <v>1.49</v>
      </c>
      <c r="H137" s="8">
        <v>1.48</v>
      </c>
      <c r="I137" s="8">
        <v>1.53</v>
      </c>
      <c r="J137" s="8">
        <v>1.51</v>
      </c>
      <c r="K137" s="8">
        <v>1.5</v>
      </c>
      <c r="L137" s="8">
        <v>1.5</v>
      </c>
      <c r="M137" s="8">
        <v>1.5</v>
      </c>
      <c r="N137" s="8">
        <v>1.51</v>
      </c>
      <c r="O137" s="8">
        <v>1.51</v>
      </c>
      <c r="P137" s="8">
        <v>1.53</v>
      </c>
      <c r="Q137" s="8">
        <v>1.53</v>
      </c>
      <c r="R137" s="8">
        <v>1.53</v>
      </c>
      <c r="S137" s="8">
        <v>1.53</v>
      </c>
      <c r="T137" s="8">
        <v>1.54</v>
      </c>
      <c r="U137" s="8">
        <v>1.54</v>
      </c>
      <c r="V137" s="8">
        <v>1.55</v>
      </c>
      <c r="W137" s="17">
        <v>1.56</v>
      </c>
      <c r="X137" s="8">
        <v>1.56</v>
      </c>
      <c r="Y137" s="8">
        <v>1.57</v>
      </c>
      <c r="Z137" s="8">
        <v>1.58</v>
      </c>
      <c r="AA137" s="8">
        <v>1.6</v>
      </c>
      <c r="AB137" s="8">
        <v>1.61</v>
      </c>
      <c r="AC137" s="8">
        <v>1.63</v>
      </c>
      <c r="AD137" s="8">
        <v>1.64</v>
      </c>
      <c r="AE137" s="8">
        <v>1.65</v>
      </c>
      <c r="AF137" s="8">
        <v>1.64</v>
      </c>
      <c r="AG137" s="8">
        <v>1.68</v>
      </c>
      <c r="AH137" s="8">
        <v>1.69</v>
      </c>
      <c r="AI137" s="8">
        <v>1.72</v>
      </c>
      <c r="AJ137" s="8">
        <v>1.73</v>
      </c>
      <c r="AK137" s="8">
        <v>1.72</v>
      </c>
      <c r="AL137" s="8">
        <v>1.73</v>
      </c>
      <c r="AM137" s="8">
        <v>1.75</v>
      </c>
      <c r="AN137" s="8">
        <v>1.82</v>
      </c>
      <c r="AO137" s="8">
        <v>1.9</v>
      </c>
      <c r="AP137" s="8">
        <v>1.93</v>
      </c>
      <c r="AQ137" s="8">
        <v>1.94</v>
      </c>
      <c r="AR137" s="8">
        <v>1.95</v>
      </c>
      <c r="AS137" s="8">
        <v>1.96</v>
      </c>
      <c r="AT137" s="8">
        <v>1.94</v>
      </c>
      <c r="AU137" s="8">
        <v>1.94</v>
      </c>
      <c r="AV137" s="8">
        <v>1.92</v>
      </c>
      <c r="AW137" s="8">
        <v>1.82</v>
      </c>
      <c r="AX137" s="8">
        <v>1.76</v>
      </c>
      <c r="AY137" s="8">
        <v>1.69</v>
      </c>
      <c r="AZ137" s="8">
        <v>1.67</v>
      </c>
      <c r="BA137" s="8">
        <v>1.64</v>
      </c>
      <c r="BB137" s="8">
        <v>1.61</v>
      </c>
      <c r="BC137" s="8">
        <v>1.61</v>
      </c>
      <c r="BD137" s="8">
        <v>1.61</v>
      </c>
    </row>
    <row r="138" spans="3:56" x14ac:dyDescent="0.2">
      <c r="C138" s="16" t="s">
        <v>89</v>
      </c>
      <c r="D138" s="6" t="s">
        <v>58</v>
      </c>
      <c r="E138" s="17">
        <v>1.85</v>
      </c>
      <c r="F138" s="17">
        <v>1.86</v>
      </c>
      <c r="G138" s="17">
        <v>1.86</v>
      </c>
      <c r="H138" s="17">
        <v>1.87</v>
      </c>
      <c r="I138" s="17">
        <v>1.88</v>
      </c>
      <c r="J138" s="17">
        <v>1.88</v>
      </c>
      <c r="K138" s="17">
        <v>1.91</v>
      </c>
      <c r="L138" s="17">
        <v>1.92</v>
      </c>
      <c r="M138" s="17">
        <v>1.91</v>
      </c>
      <c r="N138" s="17">
        <v>1.9</v>
      </c>
      <c r="O138" s="17">
        <v>1.9</v>
      </c>
      <c r="P138" s="17">
        <v>1.91</v>
      </c>
      <c r="Q138" s="17">
        <v>1.92</v>
      </c>
      <c r="R138" s="17">
        <v>1.9</v>
      </c>
      <c r="S138" s="17">
        <v>1.92</v>
      </c>
      <c r="T138" s="17">
        <v>1.95</v>
      </c>
      <c r="U138" s="17">
        <v>1.96</v>
      </c>
      <c r="V138" s="17">
        <v>1.96</v>
      </c>
      <c r="W138" s="17">
        <v>1.97</v>
      </c>
      <c r="X138" s="17">
        <v>2.04</v>
      </c>
      <c r="Y138" s="17">
        <v>2.0699999999999998</v>
      </c>
      <c r="Z138" s="17">
        <v>2.1</v>
      </c>
      <c r="AA138" s="17">
        <v>2.1</v>
      </c>
      <c r="AB138" s="17">
        <v>2.16</v>
      </c>
      <c r="AC138" s="17">
        <v>2.17</v>
      </c>
      <c r="AD138" s="17">
        <v>2.17</v>
      </c>
      <c r="AE138" s="17">
        <v>2.1800000000000002</v>
      </c>
      <c r="AF138" s="17">
        <v>2.23</v>
      </c>
      <c r="AG138" s="17">
        <v>2.2799999999999998</v>
      </c>
      <c r="AH138" s="17">
        <v>2.29</v>
      </c>
      <c r="AI138" s="17">
        <v>2.3199999999999998</v>
      </c>
      <c r="AJ138" s="17">
        <v>2.33</v>
      </c>
      <c r="AK138" s="17">
        <v>2.34</v>
      </c>
      <c r="AL138" s="17">
        <v>2.33</v>
      </c>
      <c r="AM138" s="17">
        <v>2.34</v>
      </c>
      <c r="AN138" s="8">
        <v>2.37</v>
      </c>
      <c r="AO138" s="17">
        <v>2.35</v>
      </c>
      <c r="AP138" s="17">
        <v>2.31</v>
      </c>
      <c r="AQ138" s="17">
        <v>2.31</v>
      </c>
      <c r="AR138" s="17">
        <v>2.29</v>
      </c>
      <c r="AS138" s="17">
        <v>2.23</v>
      </c>
      <c r="AT138" s="17">
        <v>2.16</v>
      </c>
      <c r="AU138" s="17">
        <v>2.12</v>
      </c>
      <c r="AV138" s="17">
        <v>2.1</v>
      </c>
      <c r="AW138" s="17">
        <v>2.09</v>
      </c>
      <c r="AX138" s="17">
        <v>2.0699999999999998</v>
      </c>
      <c r="AY138" s="17">
        <v>2.06</v>
      </c>
      <c r="AZ138" s="17">
        <v>2.06</v>
      </c>
      <c r="BA138" s="17">
        <v>2.06</v>
      </c>
      <c r="BB138" s="17">
        <v>2.0499999999999998</v>
      </c>
      <c r="BC138" s="17">
        <v>2.0499999999999998</v>
      </c>
      <c r="BD138" s="17">
        <v>2.0499999999999998</v>
      </c>
    </row>
    <row r="139" spans="3:56" x14ac:dyDescent="0.2">
      <c r="C139" s="16" t="s">
        <v>95</v>
      </c>
      <c r="D139" s="6" t="s">
        <v>58</v>
      </c>
      <c r="E139" s="17">
        <v>1.97</v>
      </c>
      <c r="F139" s="17">
        <v>2.0099999999999998</v>
      </c>
      <c r="G139" s="17">
        <v>2</v>
      </c>
      <c r="H139" s="17">
        <v>1.99</v>
      </c>
      <c r="I139" s="17">
        <v>1.99</v>
      </c>
      <c r="J139" s="17">
        <v>2.02</v>
      </c>
      <c r="K139" s="17">
        <v>2</v>
      </c>
      <c r="L139" s="17">
        <v>1.99</v>
      </c>
      <c r="M139" s="17">
        <v>1.98</v>
      </c>
      <c r="N139" s="17">
        <v>1.99</v>
      </c>
      <c r="O139" s="17">
        <v>2</v>
      </c>
      <c r="P139" s="17">
        <v>1.99</v>
      </c>
      <c r="Q139" s="17">
        <v>1.99</v>
      </c>
      <c r="R139" s="17">
        <v>1.98</v>
      </c>
      <c r="S139" s="17">
        <v>1.98</v>
      </c>
      <c r="T139" s="17">
        <v>1.99</v>
      </c>
      <c r="U139" s="17">
        <v>2.04</v>
      </c>
      <c r="V139" s="17">
        <v>2.06</v>
      </c>
      <c r="W139" s="17">
        <v>2.0499999999999998</v>
      </c>
      <c r="X139" s="17">
        <v>2.02</v>
      </c>
      <c r="Y139" s="17">
        <v>2.02</v>
      </c>
      <c r="Z139" s="17">
        <v>2.02</v>
      </c>
      <c r="AA139" s="17">
        <v>2.06</v>
      </c>
      <c r="AB139" s="17">
        <v>2.06</v>
      </c>
      <c r="AC139" s="17">
        <v>2.09</v>
      </c>
      <c r="AD139" s="17">
        <v>2.08</v>
      </c>
      <c r="AE139" s="17">
        <v>2.0699999999999998</v>
      </c>
      <c r="AF139" s="17">
        <v>2.09</v>
      </c>
      <c r="AG139" s="17">
        <v>2.0699999999999998</v>
      </c>
      <c r="AH139" s="17">
        <v>2.06</v>
      </c>
      <c r="AI139" s="17">
        <v>2.04</v>
      </c>
      <c r="AJ139" s="17">
        <v>2.04</v>
      </c>
      <c r="AK139" s="17">
        <v>2.0499999999999998</v>
      </c>
      <c r="AL139" s="17">
        <v>2.04</v>
      </c>
      <c r="AM139" s="17">
        <v>2</v>
      </c>
      <c r="AN139" s="17">
        <v>2.0099999999999998</v>
      </c>
      <c r="AO139" s="17">
        <v>2.0299999999999998</v>
      </c>
      <c r="AP139" s="17">
        <v>2.02</v>
      </c>
      <c r="AQ139" s="17">
        <v>2.02</v>
      </c>
      <c r="AR139" s="17">
        <v>2.06</v>
      </c>
      <c r="AS139" s="17">
        <v>2.0499999999999998</v>
      </c>
      <c r="AT139" s="17">
        <v>2.0499999999999998</v>
      </c>
      <c r="AU139" s="17">
        <v>2.0699999999999998</v>
      </c>
      <c r="AV139" s="17">
        <v>2.0699999999999998</v>
      </c>
      <c r="AW139" s="17">
        <v>2.1</v>
      </c>
      <c r="AX139" s="17">
        <v>2.1</v>
      </c>
      <c r="AY139" s="17">
        <v>2.1</v>
      </c>
      <c r="AZ139" s="17">
        <v>2.0699999999999998</v>
      </c>
      <c r="BA139" s="17">
        <v>2.08</v>
      </c>
      <c r="BB139" s="17">
        <v>2.08</v>
      </c>
      <c r="BC139" s="17">
        <v>2.1</v>
      </c>
      <c r="BD139" s="17">
        <v>2.09</v>
      </c>
    </row>
    <row r="140" spans="3:56" x14ac:dyDescent="0.2">
      <c r="C140" s="23" t="s">
        <v>96</v>
      </c>
      <c r="D140" s="6" t="s">
        <v>58</v>
      </c>
      <c r="E140" s="17">
        <v>2.11</v>
      </c>
      <c r="F140" s="17">
        <v>2.12</v>
      </c>
      <c r="G140" s="17">
        <v>2.13</v>
      </c>
      <c r="H140" s="17">
        <v>2.12</v>
      </c>
      <c r="I140" s="17">
        <v>2.09</v>
      </c>
      <c r="J140" s="17">
        <v>2.08</v>
      </c>
      <c r="K140" s="17">
        <v>2.08</v>
      </c>
      <c r="L140" s="17">
        <v>2.08</v>
      </c>
      <c r="M140" s="17">
        <v>2.09</v>
      </c>
      <c r="N140" s="17">
        <v>2.08</v>
      </c>
      <c r="O140" s="17">
        <v>2.0699999999999998</v>
      </c>
      <c r="P140" s="17">
        <v>2.1</v>
      </c>
      <c r="Q140" s="17">
        <v>2.11</v>
      </c>
      <c r="R140" s="17">
        <v>2.1</v>
      </c>
      <c r="S140" s="17">
        <v>2.09</v>
      </c>
      <c r="T140" s="17">
        <v>2.11</v>
      </c>
      <c r="U140" s="17">
        <v>2.15</v>
      </c>
      <c r="V140" s="17">
        <v>2.14</v>
      </c>
      <c r="W140" s="17">
        <v>2.17</v>
      </c>
      <c r="X140" s="17">
        <v>2.2200000000000002</v>
      </c>
      <c r="Y140" s="17">
        <v>2.29</v>
      </c>
      <c r="Z140" s="17">
        <v>2.3199999999999998</v>
      </c>
      <c r="AA140" s="17">
        <v>2.4</v>
      </c>
      <c r="AB140" s="17">
        <v>2.52</v>
      </c>
      <c r="AC140" s="17">
        <v>2.6</v>
      </c>
      <c r="AD140" s="17">
        <v>2.59</v>
      </c>
      <c r="AE140" s="17">
        <v>2.6</v>
      </c>
      <c r="AF140" s="17">
        <v>2.6</v>
      </c>
      <c r="AG140" s="17">
        <v>2.66</v>
      </c>
      <c r="AH140" s="17">
        <v>2.66</v>
      </c>
      <c r="AI140" s="17">
        <v>2.68</v>
      </c>
      <c r="AJ140" s="17">
        <v>2.67</v>
      </c>
      <c r="AK140" s="17">
        <v>2.68</v>
      </c>
      <c r="AL140" s="17">
        <v>2.67</v>
      </c>
      <c r="AM140" s="17">
        <v>2.66</v>
      </c>
      <c r="AN140" s="17">
        <v>2.66</v>
      </c>
      <c r="AO140" s="17">
        <v>2.66</v>
      </c>
      <c r="AP140" s="17">
        <v>2.66</v>
      </c>
      <c r="AQ140" s="17">
        <v>2.65</v>
      </c>
      <c r="AR140" s="17">
        <v>2.63</v>
      </c>
      <c r="AS140" s="17">
        <v>2.62</v>
      </c>
      <c r="AT140" s="17">
        <v>2.62</v>
      </c>
      <c r="AU140" s="17">
        <v>2.6</v>
      </c>
      <c r="AV140" s="17">
        <v>2.57</v>
      </c>
      <c r="AW140" s="17">
        <v>2.5499999999999998</v>
      </c>
      <c r="AX140" s="17">
        <v>2.5499999999999998</v>
      </c>
      <c r="AY140" s="17">
        <v>2.5499999999999998</v>
      </c>
      <c r="AZ140" s="17">
        <v>2.5099999999999998</v>
      </c>
      <c r="BA140" s="17">
        <v>2.52</v>
      </c>
      <c r="BB140" s="17">
        <v>2.4900000000000002</v>
      </c>
      <c r="BC140" s="17">
        <v>2.5</v>
      </c>
      <c r="BD140" s="17">
        <v>2.52</v>
      </c>
    </row>
    <row r="141" spans="3:56" x14ac:dyDescent="0.2">
      <c r="C141" s="67"/>
      <c r="E141" s="65"/>
      <c r="F141" s="65"/>
      <c r="H141" s="65"/>
      <c r="J141" s="65"/>
      <c r="L141" s="65"/>
      <c r="O141" s="65"/>
    </row>
    <row r="142" spans="3:56" x14ac:dyDescent="0.2">
      <c r="E142" s="65"/>
      <c r="F142" s="65"/>
      <c r="H142" s="65"/>
    </row>
    <row r="143" spans="3:56" x14ac:dyDescent="0.2">
      <c r="E143" s="65"/>
      <c r="F143" s="65"/>
    </row>
    <row r="144" spans="3:56" x14ac:dyDescent="0.2">
      <c r="C144" s="23" t="s">
        <v>106</v>
      </c>
      <c r="D144" s="6" t="s">
        <v>58</v>
      </c>
      <c r="E144" s="17">
        <v>13.31</v>
      </c>
      <c r="F144" s="17">
        <v>13.34</v>
      </c>
      <c r="G144" s="17">
        <v>13.32</v>
      </c>
      <c r="H144" s="17">
        <v>13.25</v>
      </c>
      <c r="I144" s="17">
        <v>13.29</v>
      </c>
      <c r="J144" s="17">
        <v>13.28</v>
      </c>
      <c r="K144" s="17">
        <v>13.27</v>
      </c>
      <c r="L144" s="17">
        <v>13.39</v>
      </c>
      <c r="M144" s="17">
        <v>13.38</v>
      </c>
      <c r="N144" s="17">
        <v>13.33</v>
      </c>
      <c r="O144" s="17">
        <v>13.35</v>
      </c>
      <c r="P144" s="17">
        <v>13.33</v>
      </c>
      <c r="Q144" s="17">
        <v>13.34</v>
      </c>
      <c r="R144" s="17">
        <v>13.38</v>
      </c>
      <c r="S144" s="17">
        <v>13.41</v>
      </c>
      <c r="T144" s="17">
        <v>13.44</v>
      </c>
      <c r="U144" s="17">
        <v>13.45</v>
      </c>
      <c r="V144" s="17">
        <v>13.46</v>
      </c>
      <c r="W144" s="17">
        <v>13.5</v>
      </c>
      <c r="X144" s="17">
        <v>13.5</v>
      </c>
      <c r="Y144" s="17">
        <v>13.49</v>
      </c>
      <c r="Z144" s="17">
        <v>13.57</v>
      </c>
      <c r="AA144" s="17">
        <v>13.55</v>
      </c>
      <c r="AB144" s="17">
        <v>13.52</v>
      </c>
      <c r="AC144" s="17">
        <v>13.54</v>
      </c>
      <c r="AD144" s="17">
        <v>13.53</v>
      </c>
      <c r="AE144" s="17">
        <v>13.48</v>
      </c>
      <c r="AF144" s="17">
        <v>13.59</v>
      </c>
      <c r="AG144" s="17">
        <v>13.6</v>
      </c>
      <c r="AH144" s="17">
        <v>13.64</v>
      </c>
      <c r="AI144" s="17">
        <v>13.66</v>
      </c>
      <c r="AJ144" s="17">
        <v>13.65</v>
      </c>
      <c r="AK144" s="17">
        <v>13.65</v>
      </c>
      <c r="AL144" s="105">
        <v>13.66</v>
      </c>
      <c r="AM144" s="17">
        <v>13.67</v>
      </c>
      <c r="AN144" s="17">
        <v>13.7</v>
      </c>
      <c r="AO144" s="17">
        <v>13.67</v>
      </c>
      <c r="AP144" s="17">
        <v>13.69</v>
      </c>
      <c r="AQ144" s="17">
        <v>13.68</v>
      </c>
      <c r="AR144" s="17">
        <v>13.76</v>
      </c>
      <c r="AS144" s="17">
        <v>13.77</v>
      </c>
      <c r="AT144" s="17">
        <v>13.75</v>
      </c>
      <c r="AU144" s="17">
        <v>13.76</v>
      </c>
      <c r="AV144" s="23">
        <v>13.81</v>
      </c>
      <c r="AW144" s="17">
        <v>13.81</v>
      </c>
      <c r="AX144" s="17">
        <v>13.82</v>
      </c>
      <c r="AY144" s="17">
        <v>13.79</v>
      </c>
      <c r="AZ144" s="17">
        <v>13.82</v>
      </c>
      <c r="BA144" s="17">
        <v>13.86</v>
      </c>
      <c r="BB144" s="17">
        <v>13.86</v>
      </c>
      <c r="BC144" s="17">
        <v>13.87</v>
      </c>
      <c r="BD144" s="17">
        <v>13.87</v>
      </c>
    </row>
    <row r="146" spans="3:14" x14ac:dyDescent="0.2">
      <c r="C146" s="79"/>
    </row>
    <row r="147" spans="3:14" x14ac:dyDescent="0.2">
      <c r="C147" s="219"/>
      <c r="D147" s="220"/>
      <c r="E147" s="220"/>
      <c r="F147" s="220"/>
      <c r="G147" s="220"/>
      <c r="H147" s="220"/>
      <c r="I147" s="220"/>
      <c r="J147" s="220"/>
      <c r="K147" s="220"/>
      <c r="L147" s="220"/>
      <c r="M147" s="220"/>
      <c r="N147" s="220"/>
    </row>
    <row r="149" spans="3:14" ht="25.5" customHeight="1" x14ac:dyDescent="0.2">
      <c r="C149" s="226"/>
      <c r="D149" s="226"/>
      <c r="E149" s="226"/>
      <c r="F149" s="226"/>
      <c r="G149" s="226"/>
      <c r="H149" s="226"/>
      <c r="I149" s="226"/>
      <c r="J149" s="226"/>
      <c r="K149" s="226"/>
    </row>
    <row r="150" spans="3:14" x14ac:dyDescent="0.2">
      <c r="C150" s="227"/>
      <c r="D150" s="227"/>
      <c r="E150" s="227"/>
      <c r="F150" s="227"/>
      <c r="G150" s="227"/>
      <c r="H150" s="227"/>
      <c r="I150" s="227"/>
      <c r="J150" s="227"/>
      <c r="K150" s="227"/>
    </row>
  </sheetData>
  <mergeCells count="3">
    <mergeCell ref="C2:AE6"/>
    <mergeCell ref="C147:N147"/>
    <mergeCell ref="C149:K150"/>
  </mergeCells>
  <pageMargins left="0.7" right="0.7" top="0.75" bottom="0.75" header="0.3" footer="0.3"/>
  <drawing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dimension ref="C2:BD150"/>
  <sheetViews>
    <sheetView workbookViewId="0"/>
  </sheetViews>
  <sheetFormatPr baseColWidth="10" defaultColWidth="11.42578125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21" width="5.42578125" bestFit="1" customWidth="1"/>
    <col min="22" max="22" width="5.7109375" customWidth="1"/>
    <col min="23" max="56" width="5.42578125" bestFit="1" customWidth="1"/>
    <col min="58" max="58" width="23.7109375" customWidth="1"/>
  </cols>
  <sheetData>
    <row r="2" spans="3:56" ht="18" customHeight="1" x14ac:dyDescent="0.2">
      <c r="C2" s="217"/>
      <c r="D2" s="217"/>
      <c r="E2" s="217"/>
      <c r="F2" s="217"/>
      <c r="G2" s="217"/>
      <c r="H2" s="217"/>
      <c r="I2" s="217"/>
      <c r="J2" s="217"/>
      <c r="K2" s="217"/>
      <c r="L2" s="217"/>
      <c r="M2" s="217"/>
      <c r="N2" s="217"/>
      <c r="O2" s="217"/>
      <c r="P2" s="217"/>
      <c r="Q2" s="217"/>
      <c r="R2" s="217"/>
      <c r="S2" s="217"/>
      <c r="T2" s="217"/>
      <c r="U2" s="217"/>
      <c r="V2" s="217"/>
      <c r="W2" s="217"/>
      <c r="X2" s="217"/>
      <c r="Y2" s="217"/>
      <c r="Z2" s="217"/>
      <c r="AA2" s="217"/>
      <c r="AB2" s="217"/>
      <c r="AC2" s="217"/>
      <c r="AD2" s="217"/>
      <c r="AE2" s="217"/>
    </row>
    <row r="3" spans="3:56" ht="21" customHeight="1" x14ac:dyDescent="0.2">
      <c r="C3" s="217"/>
      <c r="D3" s="217"/>
      <c r="E3" s="217"/>
      <c r="F3" s="217"/>
      <c r="G3" s="217"/>
      <c r="H3" s="217"/>
      <c r="I3" s="217"/>
      <c r="J3" s="217"/>
      <c r="K3" s="217"/>
      <c r="L3" s="217"/>
      <c r="M3" s="217"/>
      <c r="N3" s="217"/>
      <c r="O3" s="217"/>
      <c r="P3" s="217"/>
      <c r="Q3" s="217"/>
      <c r="R3" s="217"/>
      <c r="S3" s="217"/>
      <c r="T3" s="217"/>
      <c r="U3" s="217"/>
      <c r="V3" s="217"/>
      <c r="W3" s="217"/>
      <c r="X3" s="217"/>
      <c r="Y3" s="217"/>
      <c r="Z3" s="217"/>
      <c r="AA3" s="217"/>
      <c r="AB3" s="217"/>
      <c r="AC3" s="217"/>
      <c r="AD3" s="217"/>
      <c r="AE3" s="217"/>
    </row>
    <row r="4" spans="3:56" ht="32.25" customHeight="1" x14ac:dyDescent="0.2">
      <c r="C4" s="217"/>
      <c r="D4" s="217"/>
      <c r="E4" s="217"/>
      <c r="F4" s="217"/>
      <c r="G4" s="217"/>
      <c r="H4" s="217"/>
      <c r="I4" s="217"/>
      <c r="J4" s="217"/>
      <c r="K4" s="217"/>
      <c r="L4" s="217"/>
      <c r="M4" s="217"/>
      <c r="N4" s="217"/>
      <c r="O4" s="217"/>
      <c r="P4" s="217"/>
      <c r="Q4" s="217"/>
      <c r="R4" s="217"/>
      <c r="S4" s="217"/>
      <c r="T4" s="217"/>
      <c r="U4" s="217"/>
      <c r="V4" s="217"/>
      <c r="W4" s="217"/>
      <c r="X4" s="217"/>
      <c r="Y4" s="217"/>
      <c r="Z4" s="217"/>
      <c r="AA4" s="217"/>
      <c r="AB4" s="217"/>
      <c r="AC4" s="217"/>
      <c r="AD4" s="217"/>
      <c r="AE4" s="217"/>
    </row>
    <row r="5" spans="3:56" x14ac:dyDescent="0.2">
      <c r="C5" s="217"/>
      <c r="D5" s="217"/>
      <c r="E5" s="217"/>
      <c r="F5" s="217"/>
      <c r="G5" s="217"/>
      <c r="H5" s="217"/>
      <c r="I5" s="217"/>
      <c r="J5" s="217"/>
      <c r="K5" s="217"/>
      <c r="L5" s="217"/>
      <c r="M5" s="217"/>
      <c r="N5" s="217"/>
      <c r="O5" s="217"/>
      <c r="P5" s="217"/>
      <c r="Q5" s="217"/>
      <c r="R5" s="217"/>
      <c r="S5" s="217"/>
      <c r="T5" s="217"/>
      <c r="U5" s="217"/>
      <c r="V5" s="217"/>
      <c r="W5" s="217"/>
      <c r="X5" s="217"/>
      <c r="Y5" s="217"/>
      <c r="Z5" s="217"/>
      <c r="AA5" s="217"/>
      <c r="AB5" s="217"/>
      <c r="AC5" s="217"/>
      <c r="AD5" s="217"/>
      <c r="AE5" s="217"/>
    </row>
    <row r="6" spans="3:56" ht="24.95" customHeight="1" x14ac:dyDescent="0.2">
      <c r="C6" s="217"/>
      <c r="D6" s="217"/>
      <c r="E6" s="217"/>
      <c r="F6" s="217"/>
      <c r="G6" s="217"/>
      <c r="H6" s="217"/>
      <c r="I6" s="217"/>
      <c r="J6" s="217"/>
      <c r="K6" s="217"/>
      <c r="L6" s="217"/>
      <c r="M6" s="217"/>
      <c r="N6" s="217"/>
      <c r="O6" s="217"/>
      <c r="P6" s="217"/>
      <c r="Q6" s="217"/>
      <c r="R6" s="217"/>
      <c r="S6" s="217"/>
      <c r="T6" s="217"/>
      <c r="U6" s="217"/>
      <c r="V6" s="217"/>
      <c r="W6" s="217"/>
      <c r="X6" s="217"/>
      <c r="Y6" s="217"/>
      <c r="Z6" s="217"/>
      <c r="AA6" s="217"/>
      <c r="AB6" s="217"/>
      <c r="AC6" s="217"/>
      <c r="AD6" s="217"/>
      <c r="AE6" s="217"/>
    </row>
    <row r="7" spans="3:56" ht="24.95" customHeight="1" x14ac:dyDescent="0.2">
      <c r="C7" s="28" t="s">
        <v>167</v>
      </c>
    </row>
    <row r="8" spans="3:56" ht="15.75" x14ac:dyDescent="0.2">
      <c r="C8" s="29" t="s">
        <v>99</v>
      </c>
    </row>
    <row r="10" spans="3:56" ht="15" x14ac:dyDescent="0.25">
      <c r="M10" s="85"/>
    </row>
    <row r="12" spans="3:56" ht="15" customHeight="1" x14ac:dyDescent="0.2">
      <c r="C12" s="1" t="s">
        <v>0</v>
      </c>
      <c r="E12" s="2">
        <v>2019</v>
      </c>
      <c r="F12" s="2"/>
      <c r="G12" s="2"/>
      <c r="H12" s="2"/>
      <c r="I12" s="2"/>
      <c r="J12" s="2"/>
      <c r="K12" s="2"/>
      <c r="L12" s="2"/>
      <c r="M12" s="2"/>
    </row>
    <row r="13" spans="3:56" x14ac:dyDescent="0.2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">
      <c r="C14" s="5" t="s">
        <v>57</v>
      </c>
      <c r="D14" s="6" t="s">
        <v>58</v>
      </c>
      <c r="E14" s="93">
        <v>3.76</v>
      </c>
      <c r="F14" s="93">
        <v>3.77</v>
      </c>
      <c r="G14" s="8">
        <v>3.77</v>
      </c>
      <c r="H14" s="93">
        <v>3.82</v>
      </c>
      <c r="I14" s="93">
        <v>3.76</v>
      </c>
      <c r="J14" s="93">
        <v>3.76</v>
      </c>
      <c r="K14" s="8">
        <v>3.76</v>
      </c>
      <c r="L14" s="8">
        <v>3.73</v>
      </c>
      <c r="M14" s="8">
        <v>3.72</v>
      </c>
      <c r="N14" s="8">
        <v>3.8</v>
      </c>
      <c r="O14" s="93">
        <v>3.69</v>
      </c>
      <c r="P14" s="8">
        <v>3.72</v>
      </c>
      <c r="Q14" s="8">
        <v>3.73</v>
      </c>
      <c r="R14" s="8">
        <v>3.77</v>
      </c>
      <c r="S14" s="93">
        <v>3.73</v>
      </c>
      <c r="T14" s="93">
        <v>3.76</v>
      </c>
      <c r="U14" s="93">
        <v>3.72</v>
      </c>
      <c r="V14" s="93">
        <v>3.67</v>
      </c>
      <c r="W14" s="111">
        <v>3.75</v>
      </c>
      <c r="X14" s="8">
        <v>3.76</v>
      </c>
      <c r="Y14" s="93">
        <v>3.76</v>
      </c>
      <c r="Z14" s="93">
        <v>3.74</v>
      </c>
      <c r="AA14" s="8">
        <v>3.66</v>
      </c>
      <c r="AB14" s="8">
        <v>3.63</v>
      </c>
      <c r="AC14" s="93">
        <v>3.61</v>
      </c>
      <c r="AD14" s="17">
        <v>3.53</v>
      </c>
      <c r="AE14" s="93">
        <v>3.5825</v>
      </c>
      <c r="AF14" s="93">
        <v>3.53</v>
      </c>
      <c r="AG14" s="8">
        <v>3.5</v>
      </c>
      <c r="AH14" s="93">
        <v>3.52</v>
      </c>
      <c r="AI14" s="93">
        <v>3.4649000000000001</v>
      </c>
      <c r="AJ14" s="93">
        <v>3.46</v>
      </c>
      <c r="AK14" s="93">
        <v>3.48</v>
      </c>
      <c r="AL14" s="93">
        <v>3.54</v>
      </c>
      <c r="AM14" s="93">
        <v>3.76</v>
      </c>
      <c r="AN14" s="93">
        <v>3.52</v>
      </c>
      <c r="AO14" s="93">
        <v>3.51</v>
      </c>
      <c r="AP14" s="8">
        <v>3.51</v>
      </c>
      <c r="AQ14" s="8">
        <v>3.5</v>
      </c>
      <c r="AR14" s="20">
        <v>3.45</v>
      </c>
      <c r="AS14" s="8">
        <v>3.4704999999999999</v>
      </c>
      <c r="AT14" s="8">
        <v>3.4041000000000001</v>
      </c>
      <c r="AU14" s="93">
        <v>3.49</v>
      </c>
      <c r="AV14" s="8">
        <v>3.44</v>
      </c>
      <c r="AW14" s="8">
        <v>3.48</v>
      </c>
      <c r="AX14" s="8">
        <v>3.55</v>
      </c>
      <c r="AY14" s="93">
        <v>3.49</v>
      </c>
      <c r="AZ14" s="8">
        <v>3.54</v>
      </c>
      <c r="BA14" s="8">
        <v>3.65</v>
      </c>
      <c r="BB14" s="8">
        <v>3.53</v>
      </c>
      <c r="BC14" s="93">
        <v>3.5</v>
      </c>
      <c r="BD14" s="93">
        <v>3.42</v>
      </c>
    </row>
    <row r="15" spans="3:56" x14ac:dyDescent="0.2">
      <c r="C15" s="5" t="s">
        <v>59</v>
      </c>
      <c r="D15" s="6" t="s">
        <v>58</v>
      </c>
      <c r="E15" s="73">
        <v>6.02</v>
      </c>
      <c r="F15" s="73">
        <v>5.82</v>
      </c>
      <c r="G15" s="8">
        <v>5.61</v>
      </c>
      <c r="H15" s="73">
        <v>5.58</v>
      </c>
      <c r="I15" s="73">
        <v>5.57</v>
      </c>
      <c r="J15" s="73">
        <v>5.57</v>
      </c>
      <c r="K15" s="8">
        <v>5.57</v>
      </c>
      <c r="L15" s="8">
        <v>5.57</v>
      </c>
      <c r="M15" s="8">
        <v>5.57</v>
      </c>
      <c r="N15" s="8">
        <v>5.64</v>
      </c>
      <c r="O15" s="73">
        <v>5.76</v>
      </c>
      <c r="P15" s="8">
        <v>5.78</v>
      </c>
      <c r="Q15" s="8">
        <v>5.85</v>
      </c>
      <c r="R15" s="8">
        <v>5.86</v>
      </c>
      <c r="S15" s="73">
        <v>5.86</v>
      </c>
      <c r="T15" s="73">
        <v>5.86</v>
      </c>
      <c r="U15" s="73">
        <v>5.81</v>
      </c>
      <c r="V15" s="73">
        <v>5.73</v>
      </c>
      <c r="W15" s="111">
        <v>5.71</v>
      </c>
      <c r="X15" s="8">
        <v>5.68</v>
      </c>
      <c r="Y15" s="73">
        <v>5.52</v>
      </c>
      <c r="Z15" s="73">
        <v>5.33</v>
      </c>
      <c r="AA15" s="8">
        <v>5.28</v>
      </c>
      <c r="AB15" s="8">
        <v>5.21</v>
      </c>
      <c r="AC15" s="73">
        <v>5.21</v>
      </c>
      <c r="AD15" s="17">
        <v>5.13</v>
      </c>
      <c r="AE15" s="73">
        <v>5.1080000000000005</v>
      </c>
      <c r="AF15" s="73">
        <v>5.1100000000000003</v>
      </c>
      <c r="AG15" s="8">
        <v>5.1100000000000003</v>
      </c>
      <c r="AH15" s="73">
        <v>5.1100000000000003</v>
      </c>
      <c r="AI15" s="73">
        <v>5.1978</v>
      </c>
      <c r="AJ15" s="73">
        <v>5.26</v>
      </c>
      <c r="AK15" s="73">
        <v>5.31</v>
      </c>
      <c r="AL15" s="73">
        <v>5.31</v>
      </c>
      <c r="AM15" s="73">
        <v>5.42</v>
      </c>
      <c r="AN15" s="73">
        <v>5.52</v>
      </c>
      <c r="AO15" s="73">
        <v>5.58</v>
      </c>
      <c r="AP15" s="8">
        <v>5.58</v>
      </c>
      <c r="AQ15" s="8">
        <v>5.67</v>
      </c>
      <c r="AR15" s="107">
        <v>5.78</v>
      </c>
      <c r="AS15" s="8">
        <v>5.8245000000000005</v>
      </c>
      <c r="AT15" s="8">
        <v>5.8285999999999998</v>
      </c>
      <c r="AU15" s="73">
        <v>5.86</v>
      </c>
      <c r="AV15" s="8">
        <v>5.94</v>
      </c>
      <c r="AW15" s="8">
        <v>6.13</v>
      </c>
      <c r="AX15" s="8">
        <v>6.35</v>
      </c>
      <c r="AY15" s="73">
        <v>6.56</v>
      </c>
      <c r="AZ15" s="8">
        <v>6.65</v>
      </c>
      <c r="BA15" s="8">
        <v>6.71</v>
      </c>
      <c r="BB15" s="8">
        <v>6.71</v>
      </c>
      <c r="BC15" s="73">
        <v>6.71</v>
      </c>
      <c r="BD15" s="73">
        <v>6.71</v>
      </c>
    </row>
    <row r="16" spans="3:56" x14ac:dyDescent="0.2">
      <c r="C16" s="5" t="s">
        <v>60</v>
      </c>
      <c r="D16" s="6" t="s">
        <v>58</v>
      </c>
      <c r="E16" s="73">
        <v>1.29</v>
      </c>
      <c r="F16" s="73">
        <v>1.22</v>
      </c>
      <c r="G16" s="8">
        <v>1.27</v>
      </c>
      <c r="H16" s="73">
        <v>1.27</v>
      </c>
      <c r="I16" s="73">
        <v>1.27</v>
      </c>
      <c r="J16" s="73">
        <v>1.27</v>
      </c>
      <c r="K16" s="8">
        <v>1.3</v>
      </c>
      <c r="L16" s="8">
        <v>1.32</v>
      </c>
      <c r="M16" s="8">
        <v>1.36</v>
      </c>
      <c r="N16" s="8">
        <v>1.38</v>
      </c>
      <c r="O16" s="73">
        <v>1.41</v>
      </c>
      <c r="P16" s="8">
        <v>1.44</v>
      </c>
      <c r="Q16" s="8">
        <v>1.48</v>
      </c>
      <c r="R16" s="8">
        <v>1.54</v>
      </c>
      <c r="S16" s="73">
        <v>1.6</v>
      </c>
      <c r="T16" s="73">
        <v>1.66</v>
      </c>
      <c r="U16" s="73">
        <v>1.64</v>
      </c>
      <c r="V16" s="73">
        <v>1.65</v>
      </c>
      <c r="W16" s="111">
        <v>1.65</v>
      </c>
      <c r="X16" s="8">
        <v>1.66</v>
      </c>
      <c r="Y16" s="73">
        <v>1.68</v>
      </c>
      <c r="Z16" s="73">
        <v>1.75</v>
      </c>
      <c r="AA16" s="8">
        <v>1.76</v>
      </c>
      <c r="AB16" s="8">
        <v>1.77</v>
      </c>
      <c r="AC16" s="73">
        <v>1.79</v>
      </c>
      <c r="AD16" s="17">
        <v>1.8</v>
      </c>
      <c r="AE16" s="73">
        <v>1.7987</v>
      </c>
      <c r="AF16" s="73">
        <v>1.81</v>
      </c>
      <c r="AG16" s="8">
        <v>1.81</v>
      </c>
      <c r="AH16" s="73">
        <v>1.81</v>
      </c>
      <c r="AI16" s="73">
        <v>1.8080000000000001</v>
      </c>
      <c r="AJ16" s="73">
        <v>1.81</v>
      </c>
      <c r="AK16" s="73">
        <v>1.82</v>
      </c>
      <c r="AL16" s="73">
        <v>1.79</v>
      </c>
      <c r="AM16" s="73">
        <v>1.82</v>
      </c>
      <c r="AN16" s="73">
        <v>1.8</v>
      </c>
      <c r="AO16" s="73">
        <v>1.81</v>
      </c>
      <c r="AP16" s="8">
        <v>1.81</v>
      </c>
      <c r="AQ16" s="8">
        <v>1.82</v>
      </c>
      <c r="AR16" s="107">
        <v>1.81</v>
      </c>
      <c r="AS16" s="8">
        <v>1.7997999999999998</v>
      </c>
      <c r="AT16" s="8">
        <v>1.7915000000000001</v>
      </c>
      <c r="AU16" s="73">
        <v>1.79</v>
      </c>
      <c r="AV16" s="8">
        <v>1.78</v>
      </c>
      <c r="AW16" s="8">
        <v>1.79</v>
      </c>
      <c r="AX16" s="8">
        <v>1.77</v>
      </c>
      <c r="AY16" s="73">
        <v>1.78</v>
      </c>
      <c r="AZ16" s="8">
        <v>1.8</v>
      </c>
      <c r="BA16" s="8">
        <v>1.84</v>
      </c>
      <c r="BB16" s="8">
        <v>1.87</v>
      </c>
      <c r="BC16" s="73">
        <v>1.88</v>
      </c>
      <c r="BD16" s="73">
        <v>1.86</v>
      </c>
    </row>
    <row r="17" spans="3:56" x14ac:dyDescent="0.2">
      <c r="C17" s="5" t="s">
        <v>61</v>
      </c>
      <c r="D17" s="6" t="s">
        <v>58</v>
      </c>
      <c r="E17" s="73">
        <v>1.56</v>
      </c>
      <c r="F17" s="73">
        <v>1.57</v>
      </c>
      <c r="G17" s="8">
        <v>1.56</v>
      </c>
      <c r="H17" s="73">
        <v>1.57</v>
      </c>
      <c r="I17" s="73">
        <v>1.56</v>
      </c>
      <c r="J17" s="73">
        <v>1.55</v>
      </c>
      <c r="K17" s="8">
        <v>1.44</v>
      </c>
      <c r="L17" s="8">
        <v>1.41</v>
      </c>
      <c r="M17" s="8">
        <v>1.43</v>
      </c>
      <c r="N17" s="8">
        <v>1.43</v>
      </c>
      <c r="O17" s="73">
        <v>1.46</v>
      </c>
      <c r="P17" s="8">
        <v>1.47</v>
      </c>
      <c r="Q17" s="8">
        <v>1.47</v>
      </c>
      <c r="R17" s="8">
        <v>1.47</v>
      </c>
      <c r="S17" s="73">
        <v>1.49</v>
      </c>
      <c r="T17" s="73">
        <v>1.49</v>
      </c>
      <c r="U17" s="73">
        <v>1.5</v>
      </c>
      <c r="V17" s="73">
        <v>1.51</v>
      </c>
      <c r="W17" s="111">
        <v>1.52</v>
      </c>
      <c r="X17" s="8">
        <v>1.53</v>
      </c>
      <c r="Y17" s="73">
        <v>1.59</v>
      </c>
      <c r="Z17" s="73">
        <v>1.64</v>
      </c>
      <c r="AA17" s="8">
        <v>1.67</v>
      </c>
      <c r="AB17" s="8">
        <v>1.68</v>
      </c>
      <c r="AC17" s="73">
        <v>1.67</v>
      </c>
      <c r="AD17" s="17">
        <v>1.67</v>
      </c>
      <c r="AE17" s="73">
        <v>1.6487000000000001</v>
      </c>
      <c r="AF17" s="73">
        <v>1.68</v>
      </c>
      <c r="AG17" s="8">
        <v>1.69</v>
      </c>
      <c r="AH17" s="73">
        <v>1.69</v>
      </c>
      <c r="AI17" s="73">
        <v>1.6944999999999999</v>
      </c>
      <c r="AJ17" s="73">
        <v>1.63</v>
      </c>
      <c r="AK17" s="73">
        <v>1.55</v>
      </c>
      <c r="AL17" s="73">
        <v>1.53</v>
      </c>
      <c r="AM17" s="73">
        <v>1.53</v>
      </c>
      <c r="AN17" s="73">
        <v>1.57</v>
      </c>
      <c r="AO17" s="73">
        <v>1.59</v>
      </c>
      <c r="AP17" s="8">
        <v>1.59</v>
      </c>
      <c r="AQ17" s="8">
        <v>1.59</v>
      </c>
      <c r="AR17" s="107">
        <v>1.59</v>
      </c>
      <c r="AS17" s="8">
        <v>1.5553999999999999</v>
      </c>
      <c r="AT17" s="8">
        <v>1.5099</v>
      </c>
      <c r="AU17" s="73">
        <v>1.46</v>
      </c>
      <c r="AV17" s="8">
        <v>1.45</v>
      </c>
      <c r="AW17" s="8">
        <v>1.44</v>
      </c>
      <c r="AX17" s="8">
        <v>1.44</v>
      </c>
      <c r="AY17" s="73">
        <v>1.44</v>
      </c>
      <c r="AZ17" s="8">
        <v>1.44</v>
      </c>
      <c r="BA17" s="8">
        <v>1.43</v>
      </c>
      <c r="BB17" s="8">
        <v>1.5</v>
      </c>
      <c r="BC17" s="73">
        <v>1.53</v>
      </c>
      <c r="BD17" s="73">
        <v>1.53</v>
      </c>
    </row>
    <row r="18" spans="3:56" x14ac:dyDescent="0.2">
      <c r="C18" s="5" t="s">
        <v>62</v>
      </c>
      <c r="D18" s="6" t="s">
        <v>58</v>
      </c>
      <c r="E18" s="73">
        <v>3.37</v>
      </c>
      <c r="F18" s="73">
        <v>3.3</v>
      </c>
      <c r="G18" s="8">
        <v>3.22</v>
      </c>
      <c r="H18" s="73">
        <v>3.21</v>
      </c>
      <c r="I18" s="73">
        <v>3.21</v>
      </c>
      <c r="J18" s="73">
        <v>3.21</v>
      </c>
      <c r="K18" s="8">
        <v>3.21</v>
      </c>
      <c r="L18" s="8">
        <v>3.21</v>
      </c>
      <c r="M18" s="8">
        <v>3.21</v>
      </c>
      <c r="N18" s="8">
        <v>3.61</v>
      </c>
      <c r="O18" s="73">
        <v>3.66</v>
      </c>
      <c r="P18" s="8">
        <v>3.67</v>
      </c>
      <c r="Q18" s="8">
        <v>3.67</v>
      </c>
      <c r="R18" s="8">
        <v>3.56</v>
      </c>
      <c r="S18" s="73">
        <v>3.53</v>
      </c>
      <c r="T18" s="73">
        <v>3.51</v>
      </c>
      <c r="U18" s="73">
        <v>3.51</v>
      </c>
      <c r="V18" s="73">
        <v>3.51</v>
      </c>
      <c r="W18" s="111">
        <v>3.51</v>
      </c>
      <c r="X18" s="8">
        <v>3.5</v>
      </c>
      <c r="Y18" s="73">
        <v>3.5</v>
      </c>
      <c r="Z18" s="73">
        <v>3.51</v>
      </c>
      <c r="AA18" s="8">
        <v>3.5</v>
      </c>
      <c r="AB18" s="8">
        <v>3.5</v>
      </c>
      <c r="AC18" s="73">
        <v>3.43</v>
      </c>
      <c r="AD18" s="17">
        <v>3.43</v>
      </c>
      <c r="AE18" s="73">
        <v>3.5042592592592592</v>
      </c>
      <c r="AF18" s="73">
        <v>3.5</v>
      </c>
      <c r="AG18" s="8">
        <v>3.51</v>
      </c>
      <c r="AH18" s="73">
        <v>3.51</v>
      </c>
      <c r="AI18" s="73">
        <v>3.5064814814814813</v>
      </c>
      <c r="AJ18" s="73">
        <v>3.51</v>
      </c>
      <c r="AK18" s="73">
        <v>3.51</v>
      </c>
      <c r="AL18" s="73">
        <v>3.51</v>
      </c>
      <c r="AM18" s="73">
        <v>3.51</v>
      </c>
      <c r="AN18" s="73">
        <v>3.51</v>
      </c>
      <c r="AO18" s="73">
        <v>3.79</v>
      </c>
      <c r="AP18" s="8">
        <v>3.79</v>
      </c>
      <c r="AQ18" s="8">
        <v>3.96</v>
      </c>
      <c r="AR18" s="107">
        <v>4.26</v>
      </c>
      <c r="AS18" s="8">
        <v>4.2927777777777782</v>
      </c>
      <c r="AT18" s="8">
        <v>4.3205555555555559</v>
      </c>
      <c r="AU18" s="73">
        <v>4.34</v>
      </c>
      <c r="AV18" s="8">
        <v>4.3499999999999996</v>
      </c>
      <c r="AW18" s="8">
        <v>4.3499999999999996</v>
      </c>
      <c r="AX18" s="8">
        <v>4.3499999999999996</v>
      </c>
      <c r="AY18" s="73">
        <v>4.3499999999999996</v>
      </c>
      <c r="AZ18" s="8">
        <v>4.3499999999999996</v>
      </c>
      <c r="BA18" s="8">
        <v>4.1900000000000004</v>
      </c>
      <c r="BB18" s="8">
        <v>3.87</v>
      </c>
      <c r="BC18" s="73">
        <v>3.52</v>
      </c>
      <c r="BD18" s="73">
        <v>3.41</v>
      </c>
    </row>
    <row r="19" spans="3:56" x14ac:dyDescent="0.2">
      <c r="C19" s="5" t="s">
        <v>75</v>
      </c>
      <c r="D19" s="20" t="s">
        <v>76</v>
      </c>
      <c r="E19" s="73">
        <v>0.66</v>
      </c>
      <c r="F19" s="73">
        <v>0.64</v>
      </c>
      <c r="G19" s="8">
        <v>0.62</v>
      </c>
      <c r="H19" s="73">
        <v>0.61</v>
      </c>
      <c r="I19" s="73">
        <v>0.59</v>
      </c>
      <c r="J19" s="73">
        <v>0.6</v>
      </c>
      <c r="K19" s="8">
        <v>0.6</v>
      </c>
      <c r="L19" s="8">
        <v>0.62</v>
      </c>
      <c r="M19" s="8">
        <v>0.62</v>
      </c>
      <c r="N19" s="8">
        <v>0.62</v>
      </c>
      <c r="O19" s="73">
        <v>0.63</v>
      </c>
      <c r="P19" s="8">
        <v>0.64</v>
      </c>
      <c r="Q19" s="8">
        <v>0.65</v>
      </c>
      <c r="R19" s="8">
        <v>0.64</v>
      </c>
      <c r="S19" s="73">
        <v>0.64</v>
      </c>
      <c r="T19" s="73">
        <v>0.62</v>
      </c>
      <c r="U19" s="73">
        <v>0.61</v>
      </c>
      <c r="V19" s="73">
        <v>0.57999999999999996</v>
      </c>
      <c r="W19" s="111">
        <v>0.56999999999999995</v>
      </c>
      <c r="X19" s="76">
        <v>0.56000000000000005</v>
      </c>
      <c r="Y19" s="73">
        <v>0.56000000000000005</v>
      </c>
      <c r="Z19" s="73">
        <v>0.56000000000000005</v>
      </c>
      <c r="AA19" s="8">
        <v>0.56999999999999995</v>
      </c>
      <c r="AB19" s="8">
        <v>0.56999999999999995</v>
      </c>
      <c r="AC19" s="73">
        <v>0.56000000000000005</v>
      </c>
      <c r="AD19" s="17">
        <v>0.55000000000000004</v>
      </c>
      <c r="AE19" s="73">
        <v>0.55000000000000004</v>
      </c>
      <c r="AF19" s="73">
        <v>0.53</v>
      </c>
      <c r="AG19" s="8">
        <v>0.53</v>
      </c>
      <c r="AH19" s="73">
        <v>0.53</v>
      </c>
      <c r="AI19" s="73">
        <v>0.53</v>
      </c>
      <c r="AJ19" s="73">
        <v>0.56999999999999995</v>
      </c>
      <c r="AK19" s="73">
        <v>0.57999999999999996</v>
      </c>
      <c r="AL19" s="73">
        <v>0.57999999999999996</v>
      </c>
      <c r="AM19" s="73">
        <v>0.59</v>
      </c>
      <c r="AN19" s="73">
        <v>0.6</v>
      </c>
      <c r="AO19" s="73">
        <v>0.63</v>
      </c>
      <c r="AP19" s="8">
        <v>0.63</v>
      </c>
      <c r="AQ19" s="8">
        <v>0.64</v>
      </c>
      <c r="AR19" s="107">
        <v>0.65</v>
      </c>
      <c r="AS19" s="8">
        <v>0.68</v>
      </c>
      <c r="AT19" s="8">
        <v>0.69</v>
      </c>
      <c r="AU19" s="73">
        <v>0.7</v>
      </c>
      <c r="AV19" s="8">
        <v>0.74</v>
      </c>
      <c r="AW19" s="8">
        <v>0.74</v>
      </c>
      <c r="AX19" s="8">
        <v>0.77</v>
      </c>
      <c r="AY19" s="73">
        <v>0.79</v>
      </c>
      <c r="AZ19" s="8">
        <v>0.78</v>
      </c>
      <c r="BA19" s="8">
        <v>0.78</v>
      </c>
      <c r="BB19" s="8">
        <v>0.76</v>
      </c>
      <c r="BC19" s="73">
        <v>0.75</v>
      </c>
      <c r="BD19" s="73">
        <v>0.75</v>
      </c>
    </row>
    <row r="20" spans="3:56" x14ac:dyDescent="0.2">
      <c r="C20" s="5" t="s">
        <v>63</v>
      </c>
      <c r="D20" s="6" t="s">
        <v>58</v>
      </c>
      <c r="E20" s="76">
        <v>6.52</v>
      </c>
      <c r="F20" s="76">
        <v>5.58</v>
      </c>
      <c r="G20" s="76">
        <v>4.2300000000000004</v>
      </c>
      <c r="H20" s="76">
        <v>3.1266793158596746</v>
      </c>
      <c r="I20" s="76">
        <v>3.833220495119074</v>
      </c>
      <c r="J20" s="76">
        <v>4.3618982956886869</v>
      </c>
      <c r="K20" s="8">
        <v>2.9567655062121512</v>
      </c>
      <c r="L20" s="76">
        <v>3.019611574636035</v>
      </c>
      <c r="M20" s="76">
        <v>3.0167462245709236</v>
      </c>
      <c r="N20" s="76">
        <v>3.6907760628210093</v>
      </c>
      <c r="O20" s="76">
        <v>4.3004577036197587</v>
      </c>
      <c r="P20" s="8">
        <v>4.8640917587012629</v>
      </c>
      <c r="Q20" s="76">
        <v>3.9453814590627156</v>
      </c>
      <c r="R20" s="76">
        <v>4.3099576125830321</v>
      </c>
      <c r="S20" s="76">
        <v>3.9469733417295205</v>
      </c>
      <c r="T20" s="76">
        <v>5.265025920604713</v>
      </c>
      <c r="U20" s="76">
        <v>4.6575816567189428</v>
      </c>
      <c r="V20" s="76">
        <v>5.4600222496951902</v>
      </c>
      <c r="W20" s="62">
        <v>5.6638585226267821</v>
      </c>
      <c r="X20" s="76">
        <v>5.1204691263654931</v>
      </c>
      <c r="Y20" s="76">
        <v>4.7097020320606342</v>
      </c>
      <c r="Z20" s="76">
        <v>3.6692547154375479</v>
      </c>
      <c r="AA20" s="76">
        <v>3.3100812611541901</v>
      </c>
      <c r="AB20" s="76">
        <v>4.93125691719065</v>
      </c>
      <c r="AC20" s="76">
        <v>4.4888190528224658</v>
      </c>
      <c r="AD20" s="76">
        <v>5.1847152017915255</v>
      </c>
      <c r="AE20" s="76">
        <v>5.0544308731208876</v>
      </c>
      <c r="AF20" s="76">
        <v>5.0641674996462687</v>
      </c>
      <c r="AG20" s="76">
        <v>4.3761175159586712</v>
      </c>
      <c r="AH20" s="76">
        <v>4.102921007391056</v>
      </c>
      <c r="AI20" s="76">
        <v>4.7118261138914468</v>
      </c>
      <c r="AJ20" s="76">
        <v>4.8211886415379537</v>
      </c>
      <c r="AK20" s="76">
        <v>5.9474185435016027</v>
      </c>
      <c r="AL20" s="76">
        <v>6.0137873041907239</v>
      </c>
      <c r="AM20" s="76">
        <v>4.9881636491354122</v>
      </c>
      <c r="AN20" s="76">
        <v>4.9589910058654736</v>
      </c>
      <c r="AO20" s="76">
        <v>4.850397603420725</v>
      </c>
      <c r="AP20" s="8">
        <v>5.056440701780093</v>
      </c>
      <c r="AQ20" s="8">
        <v>4.9114457258173543</v>
      </c>
      <c r="AR20" s="76">
        <v>4.8870308246655023</v>
      </c>
      <c r="AS20" s="76">
        <v>5.8000506222529404</v>
      </c>
      <c r="AT20" s="76">
        <v>4.499473010004702</v>
      </c>
      <c r="AU20" s="76">
        <v>4.9902483732467156</v>
      </c>
      <c r="AV20" s="76">
        <v>4.2587976084298758</v>
      </c>
      <c r="AW20" s="76">
        <v>4.92</v>
      </c>
      <c r="AX20" s="8">
        <v>4.592660625531777</v>
      </c>
      <c r="AY20" s="76">
        <v>4.3206131687103664</v>
      </c>
      <c r="AZ20" s="76">
        <v>4.16</v>
      </c>
      <c r="BA20" s="76">
        <v>4.59</v>
      </c>
      <c r="BB20" s="76">
        <v>5.64</v>
      </c>
      <c r="BC20" s="76">
        <v>10.5</v>
      </c>
      <c r="BD20" s="76">
        <v>7.22</v>
      </c>
    </row>
    <row r="21" spans="3:56" x14ac:dyDescent="0.2">
      <c r="C21" s="5" t="s">
        <v>64</v>
      </c>
      <c r="D21" s="6" t="s">
        <v>58</v>
      </c>
      <c r="E21" s="76">
        <v>5.37</v>
      </c>
      <c r="F21" s="76">
        <v>5.0199999999999996</v>
      </c>
      <c r="G21" s="76">
        <v>4.12</v>
      </c>
      <c r="H21" s="76">
        <v>3.1376286576210766</v>
      </c>
      <c r="I21" s="76">
        <v>4.4833949053526414</v>
      </c>
      <c r="J21" s="76">
        <v>4.692786847510356</v>
      </c>
      <c r="K21" s="8">
        <v>3.7648349840702751</v>
      </c>
      <c r="L21" s="76">
        <v>2.6131383022832955</v>
      </c>
      <c r="M21" s="76">
        <v>2.5042335558443867</v>
      </c>
      <c r="N21" s="76">
        <v>3.3603042719867275</v>
      </c>
      <c r="O21" s="76">
        <v>4.3596997328655771</v>
      </c>
      <c r="P21" s="8">
        <v>4.5341039669201182</v>
      </c>
      <c r="Q21" s="76">
        <v>4.2173821286403559</v>
      </c>
      <c r="R21" s="76">
        <v>4.0419335174042219</v>
      </c>
      <c r="S21" s="76">
        <v>3.844712857104343</v>
      </c>
      <c r="T21" s="76">
        <v>3.8537841759113505</v>
      </c>
      <c r="U21" s="76">
        <v>4.3135232916628929</v>
      </c>
      <c r="V21" s="76">
        <v>4.221097734336726</v>
      </c>
      <c r="W21" s="62">
        <v>4.4513550052973718</v>
      </c>
      <c r="X21" s="76">
        <v>3.6326992232708863</v>
      </c>
      <c r="Y21" s="76">
        <v>3.7847388245037532</v>
      </c>
      <c r="Z21" s="76">
        <v>2.8821958221552197</v>
      </c>
      <c r="AA21" s="76">
        <v>2.3512361056076578</v>
      </c>
      <c r="AB21" s="76">
        <v>3.6046249032020681</v>
      </c>
      <c r="AC21" s="76">
        <v>3.611812031431441</v>
      </c>
      <c r="AD21" s="76">
        <v>3.5300918044762457</v>
      </c>
      <c r="AE21" s="76">
        <v>3.5221334276986216</v>
      </c>
      <c r="AF21" s="76">
        <v>3.7723406600985547</v>
      </c>
      <c r="AG21" s="76">
        <v>3.1877240912075893</v>
      </c>
      <c r="AH21" s="76">
        <v>3.6058955666297403</v>
      </c>
      <c r="AI21" s="76">
        <v>3.649380711415477</v>
      </c>
      <c r="AJ21" s="76">
        <v>3.6244844278476642</v>
      </c>
      <c r="AK21" s="76">
        <v>4.1576456413123495</v>
      </c>
      <c r="AL21" s="76">
        <v>4.3702885332912791</v>
      </c>
      <c r="AM21" s="76">
        <v>4.7065648973513676</v>
      </c>
      <c r="AN21" s="76">
        <v>5.1982459609338676</v>
      </c>
      <c r="AO21" s="76">
        <v>4.1357846928198727</v>
      </c>
      <c r="AP21" s="8">
        <v>5.2285316415076206</v>
      </c>
      <c r="AQ21" s="8">
        <v>4.0788187655005474</v>
      </c>
      <c r="AR21" s="76">
        <v>4.129000880888591</v>
      </c>
      <c r="AS21" s="76">
        <v>4.2404704370399209</v>
      </c>
      <c r="AT21" s="76">
        <v>3.6582510934371051</v>
      </c>
      <c r="AU21" s="76">
        <v>3.9719653732438056</v>
      </c>
      <c r="AV21" s="76">
        <v>3.5690000308438372</v>
      </c>
      <c r="AW21" s="76">
        <v>4.6100000000000003</v>
      </c>
      <c r="AX21" s="8">
        <v>4.9999761887404821</v>
      </c>
      <c r="AY21" s="76">
        <v>4.3472682243328897</v>
      </c>
      <c r="AZ21" s="76">
        <v>4.13</v>
      </c>
      <c r="BA21" s="76">
        <v>4.01</v>
      </c>
      <c r="BB21" s="76">
        <v>4.1399999999999997</v>
      </c>
      <c r="BC21" s="76">
        <v>6.49</v>
      </c>
      <c r="BD21" s="76">
        <v>5.21</v>
      </c>
    </row>
    <row r="22" spans="3:56" x14ac:dyDescent="0.2">
      <c r="C22" s="5" t="s">
        <v>65</v>
      </c>
      <c r="D22" s="6" t="s">
        <v>58</v>
      </c>
      <c r="E22" s="76">
        <v>3.26</v>
      </c>
      <c r="F22" s="76">
        <v>2.0099999999999998</v>
      </c>
      <c r="G22" s="76">
        <v>2.1</v>
      </c>
      <c r="H22" s="76">
        <v>2.7672633203214523</v>
      </c>
      <c r="I22" s="76">
        <v>3.7452569109858942</v>
      </c>
      <c r="J22" s="76">
        <v>1.2047694117448513</v>
      </c>
      <c r="K22" s="8">
        <v>1.1813712750124385</v>
      </c>
      <c r="L22" s="76">
        <v>1.1033993219139349</v>
      </c>
      <c r="M22" s="76">
        <v>1.1427549844587457</v>
      </c>
      <c r="N22" s="76">
        <v>2.2399857714159905</v>
      </c>
      <c r="O22" s="76">
        <v>1.7802303606881669</v>
      </c>
      <c r="P22" s="8">
        <v>1.9307690895746903</v>
      </c>
      <c r="Q22" s="76">
        <v>2.2756553454117676</v>
      </c>
      <c r="R22" s="76">
        <v>2.1185282690388738</v>
      </c>
      <c r="S22" s="76">
        <v>2.1292103688386792</v>
      </c>
      <c r="T22" s="76">
        <v>2.3182539296123688</v>
      </c>
      <c r="U22" s="76">
        <v>2.6085381816435107</v>
      </c>
      <c r="V22" s="76">
        <v>1.8861232914231578</v>
      </c>
      <c r="W22" s="62">
        <v>1.9355493757266082</v>
      </c>
      <c r="X22" s="76">
        <v>1.8508400124096249</v>
      </c>
      <c r="Y22" s="76">
        <v>2.0782622074656238</v>
      </c>
      <c r="Z22" s="76">
        <v>2.6207822560800724</v>
      </c>
      <c r="AA22" s="76">
        <v>1.4314453809166563</v>
      </c>
      <c r="AB22" s="76">
        <v>2.2181288781876822</v>
      </c>
      <c r="AC22" s="76">
        <v>2.4789460625134443</v>
      </c>
      <c r="AD22" s="76">
        <v>1.9852708635864624</v>
      </c>
      <c r="AE22" s="76">
        <v>1.9576669881075606</v>
      </c>
      <c r="AF22" s="76">
        <v>1.9603032123281694</v>
      </c>
      <c r="AG22" s="76">
        <v>3.2655383201366748</v>
      </c>
      <c r="AH22" s="76">
        <v>2.5491862436695452</v>
      </c>
      <c r="AI22" s="76">
        <v>2.5196627980704536</v>
      </c>
      <c r="AJ22" s="76">
        <v>2.7730153938649846</v>
      </c>
      <c r="AK22" s="76">
        <v>3.5546293723056901</v>
      </c>
      <c r="AL22" s="76">
        <v>3.938002625906778</v>
      </c>
      <c r="AM22" s="76">
        <v>2.2681719871466015</v>
      </c>
      <c r="AN22" s="76">
        <v>2.2696423562893533</v>
      </c>
      <c r="AO22" s="76">
        <v>2.5817626000957454</v>
      </c>
      <c r="AP22" s="8">
        <v>1.6448311788003476</v>
      </c>
      <c r="AQ22" s="8">
        <v>2.2349867950075737</v>
      </c>
      <c r="AR22" s="76">
        <v>1.3183912376421887</v>
      </c>
      <c r="AS22" s="76">
        <v>1.200993815585226</v>
      </c>
      <c r="AT22" s="76">
        <v>1.6495326016924527</v>
      </c>
      <c r="AU22" s="76">
        <v>1.3676089679422032</v>
      </c>
      <c r="AV22" s="76">
        <v>0.79999168319540392</v>
      </c>
      <c r="AW22" s="76">
        <v>2.54</v>
      </c>
      <c r="AX22" s="8">
        <v>3.1850356480664583</v>
      </c>
      <c r="AY22" s="76">
        <v>1.6644341790988979</v>
      </c>
      <c r="AZ22" s="76">
        <v>1.92</v>
      </c>
      <c r="BA22" s="76">
        <v>1</v>
      </c>
      <c r="BB22" s="76">
        <v>3.55</v>
      </c>
      <c r="BC22" s="76">
        <v>3.42</v>
      </c>
      <c r="BD22" s="76">
        <v>3.05</v>
      </c>
    </row>
    <row r="23" spans="3:56" x14ac:dyDescent="0.2">
      <c r="C23" s="5" t="s">
        <v>66</v>
      </c>
      <c r="D23" s="6" t="s">
        <v>58</v>
      </c>
      <c r="E23" s="40">
        <v>3.34</v>
      </c>
      <c r="F23" s="76">
        <v>1.51</v>
      </c>
      <c r="G23" s="76">
        <v>1.26</v>
      </c>
      <c r="H23" s="76">
        <v>1.8622951033254354</v>
      </c>
      <c r="I23" s="76">
        <v>2.1893715468751949</v>
      </c>
      <c r="J23" s="76">
        <v>2.2652842869320571</v>
      </c>
      <c r="K23" s="8">
        <v>1.1143049055822412</v>
      </c>
      <c r="L23" s="76">
        <v>1.4687436084702257</v>
      </c>
      <c r="M23" s="76">
        <v>1.2585135840191903</v>
      </c>
      <c r="N23" s="76">
        <v>2.1235346995201785</v>
      </c>
      <c r="O23" s="76">
        <v>1.2409463629175461</v>
      </c>
      <c r="P23" s="8">
        <v>1.3722690914369611</v>
      </c>
      <c r="Q23" s="76">
        <v>2.343741301712881</v>
      </c>
      <c r="R23" s="76">
        <v>2.1316868997303224</v>
      </c>
      <c r="S23" s="76">
        <v>1.1394534667857812</v>
      </c>
      <c r="T23" s="76">
        <v>1.0538781833952124</v>
      </c>
      <c r="U23" s="76">
        <v>2.2519660696831676</v>
      </c>
      <c r="V23" s="76">
        <v>1.4253986110421379</v>
      </c>
      <c r="W23" s="62">
        <v>1.5962678479261692</v>
      </c>
      <c r="X23" s="76">
        <v>1.9385283975655418</v>
      </c>
      <c r="Y23" s="76">
        <v>1.7547090663242846</v>
      </c>
      <c r="Z23" s="76">
        <v>1.3255364087865218</v>
      </c>
      <c r="AA23" s="76">
        <v>1.3132404951030128</v>
      </c>
      <c r="AB23" s="76">
        <v>2.1790304165891601</v>
      </c>
      <c r="AC23" s="76">
        <v>2.1832020959312586</v>
      </c>
      <c r="AD23" s="76">
        <v>1.5606710631119374</v>
      </c>
      <c r="AE23" s="76">
        <v>1.3691736915627684</v>
      </c>
      <c r="AF23" s="76">
        <v>1.3327071446040524</v>
      </c>
      <c r="AG23" s="76">
        <v>2.2309600931760847</v>
      </c>
      <c r="AH23" s="76">
        <v>1.4672397462394255</v>
      </c>
      <c r="AI23" s="76">
        <v>1.6739384574931386</v>
      </c>
      <c r="AJ23" s="76">
        <v>1.3981412335074443</v>
      </c>
      <c r="AK23" s="76">
        <v>2.1382863006393276</v>
      </c>
      <c r="AL23" s="76">
        <v>2.6258129435303252</v>
      </c>
      <c r="AM23" s="76">
        <v>1.4106500271122373</v>
      </c>
      <c r="AN23" s="76">
        <v>1.9376613724936995</v>
      </c>
      <c r="AO23" s="76">
        <v>3.7300926408594557</v>
      </c>
      <c r="AP23" s="8">
        <v>1.7621707511306781</v>
      </c>
      <c r="AQ23" s="8">
        <v>2.0702075099427502</v>
      </c>
      <c r="AR23" s="76">
        <v>1.7961293656795676</v>
      </c>
      <c r="AS23" s="76">
        <v>2.5295266221411818</v>
      </c>
      <c r="AT23" s="76">
        <v>2.2603708163281433</v>
      </c>
      <c r="AU23" s="76">
        <v>2.1542244139394633</v>
      </c>
      <c r="AV23" s="76">
        <v>1.3868684776896478</v>
      </c>
      <c r="AW23" s="76">
        <v>3.42</v>
      </c>
      <c r="AX23" s="8">
        <v>4.051347115624492</v>
      </c>
      <c r="AY23" s="76">
        <v>2.2890896175661033</v>
      </c>
      <c r="AZ23" s="76">
        <v>1.97</v>
      </c>
      <c r="BA23" s="76">
        <v>1.39</v>
      </c>
      <c r="BB23" s="76">
        <v>2.36</v>
      </c>
      <c r="BC23" s="76">
        <v>1.9</v>
      </c>
      <c r="BD23" s="76">
        <v>4.18</v>
      </c>
    </row>
    <row r="24" spans="3:56" x14ac:dyDescent="0.2">
      <c r="C24" s="5" t="s">
        <v>116</v>
      </c>
      <c r="D24" s="6" t="s">
        <v>58</v>
      </c>
      <c r="E24" s="76">
        <v>5.47</v>
      </c>
      <c r="F24" s="76">
        <v>5.7</v>
      </c>
      <c r="G24" s="76">
        <v>4.51</v>
      </c>
      <c r="H24" s="76">
        <v>4.174619077872662</v>
      </c>
      <c r="I24" s="76">
        <v>5.4818860982914224</v>
      </c>
      <c r="J24" s="76">
        <v>5.1878848477624233</v>
      </c>
      <c r="K24" s="8">
        <v>4.1976190130987838</v>
      </c>
      <c r="L24" s="76">
        <v>4.5164224176453915</v>
      </c>
      <c r="M24" s="76">
        <v>4.3925934961201145</v>
      </c>
      <c r="N24" s="76">
        <v>3.4981929897543975</v>
      </c>
      <c r="O24" s="76">
        <v>4.3189584305502162</v>
      </c>
      <c r="P24" s="8">
        <v>5.7798743499694263</v>
      </c>
      <c r="Q24" s="76">
        <v>4.0418611485088292</v>
      </c>
      <c r="R24" s="76">
        <v>3.3366740733542333</v>
      </c>
      <c r="S24" s="76">
        <v>3.1637418217353575</v>
      </c>
      <c r="T24" s="76">
        <v>2.9956419960186795</v>
      </c>
      <c r="U24" s="76">
        <v>3.2089596365900559</v>
      </c>
      <c r="V24" s="76">
        <v>4.5647188927482922</v>
      </c>
      <c r="W24" s="62">
        <v>4.1030361793529329</v>
      </c>
      <c r="X24" s="76">
        <v>3.5098034272625869</v>
      </c>
      <c r="Y24" s="76">
        <v>2.8785803301194064</v>
      </c>
      <c r="Z24" s="76">
        <v>3.6652901747590287</v>
      </c>
      <c r="AA24" s="76">
        <v>3.3237590800199617</v>
      </c>
      <c r="AB24" s="76">
        <v>3.4649493424186009</v>
      </c>
      <c r="AC24" s="76">
        <v>3.1934568197560931</v>
      </c>
      <c r="AD24" s="76">
        <v>2.4807787043050338</v>
      </c>
      <c r="AE24" s="76">
        <v>3.6471035313796483</v>
      </c>
      <c r="AF24" s="76">
        <v>2.9254128088338889</v>
      </c>
      <c r="AG24" s="76">
        <v>3.0165055903717737</v>
      </c>
      <c r="AH24" s="76">
        <v>3.3036530485461504</v>
      </c>
      <c r="AI24" s="76">
        <v>3.5035240494889508</v>
      </c>
      <c r="AJ24" s="76">
        <v>4.0990219884624288</v>
      </c>
      <c r="AK24" s="76">
        <v>3.8623656958337009</v>
      </c>
      <c r="AL24" s="76">
        <v>3.6489333791686787</v>
      </c>
      <c r="AM24" s="76">
        <v>5.050814072414215</v>
      </c>
      <c r="AN24" s="76">
        <v>3.4257488036090344</v>
      </c>
      <c r="AO24" s="76">
        <v>3.3247064495024286</v>
      </c>
      <c r="AP24" s="8">
        <v>2.7017216202649736</v>
      </c>
      <c r="AQ24" s="8">
        <v>3.5901929590979842</v>
      </c>
      <c r="AR24" s="76">
        <v>4.5077152693381111</v>
      </c>
      <c r="AS24" s="76">
        <v>4.3178644384758318</v>
      </c>
      <c r="AT24" s="76">
        <v>4.3075863291437297</v>
      </c>
      <c r="AU24" s="76">
        <v>4.9716179439693073</v>
      </c>
      <c r="AV24" s="76">
        <v>4.9617412242356149</v>
      </c>
      <c r="AW24" s="76">
        <v>5.52</v>
      </c>
      <c r="AX24" s="8">
        <v>5.8146360788086433</v>
      </c>
      <c r="AY24" s="76">
        <v>5.711425515866269</v>
      </c>
      <c r="AZ24" s="76">
        <v>3.73</v>
      </c>
      <c r="BA24" s="76">
        <v>3.35</v>
      </c>
      <c r="BB24" s="76">
        <v>3.76</v>
      </c>
      <c r="BC24" s="76">
        <v>5.61</v>
      </c>
      <c r="BD24" s="76">
        <v>3.77</v>
      </c>
    </row>
    <row r="25" spans="3:56" x14ac:dyDescent="0.2">
      <c r="C25" s="5" t="s">
        <v>68</v>
      </c>
      <c r="D25" s="6" t="s">
        <v>58</v>
      </c>
      <c r="E25" s="76">
        <v>1.61</v>
      </c>
      <c r="F25" s="76">
        <v>1.33</v>
      </c>
      <c r="G25" s="76">
        <v>1.46</v>
      </c>
      <c r="H25" s="76">
        <v>1.3063639874104906</v>
      </c>
      <c r="I25" s="76">
        <v>1.5580367362683685</v>
      </c>
      <c r="J25" s="76">
        <v>1.0256154028589521</v>
      </c>
      <c r="K25" s="8">
        <v>1.1150510184455531</v>
      </c>
      <c r="L25" s="76">
        <v>0.85984048821520898</v>
      </c>
      <c r="M25" s="76">
        <v>0.753802060804457</v>
      </c>
      <c r="N25" s="76">
        <v>1.3116069920782347</v>
      </c>
      <c r="O25" s="76">
        <v>1.2881525212388216</v>
      </c>
      <c r="P25" s="8">
        <v>1.2838419709720894</v>
      </c>
      <c r="Q25" s="76">
        <v>1.0110923013739199</v>
      </c>
      <c r="R25" s="76">
        <v>0.98551804860533621</v>
      </c>
      <c r="S25" s="76">
        <v>1.1184623602271639</v>
      </c>
      <c r="T25" s="76">
        <v>1.1762320022178219</v>
      </c>
      <c r="U25" s="76">
        <v>1.0939625355496947</v>
      </c>
      <c r="V25" s="76">
        <v>1.0335734345552727</v>
      </c>
      <c r="W25" s="62">
        <v>1.154746148577956</v>
      </c>
      <c r="X25" s="76">
        <v>0.98425200479653652</v>
      </c>
      <c r="Y25" s="76">
        <v>0.85536623137836421</v>
      </c>
      <c r="Z25" s="76">
        <v>0.95337097192202747</v>
      </c>
      <c r="AA25" s="76">
        <v>1.0272984040947026</v>
      </c>
      <c r="AB25" s="76">
        <v>0.95648953537289305</v>
      </c>
      <c r="AC25" s="76">
        <v>0.78309342284216188</v>
      </c>
      <c r="AD25" s="76">
        <v>0.62338473702567876</v>
      </c>
      <c r="AE25" s="76">
        <v>0.69127419134346868</v>
      </c>
      <c r="AF25" s="76">
        <v>0.5959557582070546</v>
      </c>
      <c r="AG25" s="76">
        <v>0.68076112616176576</v>
      </c>
      <c r="AH25" s="76">
        <v>0.56094988598957984</v>
      </c>
      <c r="AI25" s="76">
        <v>0.65258170174278207</v>
      </c>
      <c r="AJ25" s="76">
        <v>0.52177028828873895</v>
      </c>
      <c r="AK25" s="76">
        <v>0.72921806651598453</v>
      </c>
      <c r="AL25" s="76">
        <v>0.5896129581094236</v>
      </c>
      <c r="AM25" s="76">
        <v>0.5652477081532461</v>
      </c>
      <c r="AN25" s="76">
        <v>0.47660245286477265</v>
      </c>
      <c r="AO25" s="76">
        <v>0.56760786389189455</v>
      </c>
      <c r="AP25" s="8">
        <v>0.55326451967743928</v>
      </c>
      <c r="AQ25" s="8">
        <v>0.5122610142046673</v>
      </c>
      <c r="AR25" s="76">
        <v>0.50477628623506277</v>
      </c>
      <c r="AS25" s="76">
        <v>0.51478300658420906</v>
      </c>
      <c r="AT25" s="76">
        <v>0.59910341678360635</v>
      </c>
      <c r="AU25" s="76">
        <v>0.57083311620747823</v>
      </c>
      <c r="AV25" s="76">
        <v>0.57449803713428238</v>
      </c>
      <c r="AW25" s="76">
        <v>0.89</v>
      </c>
      <c r="AX25" s="8">
        <v>1.2186890642431596</v>
      </c>
      <c r="AY25" s="76">
        <v>0.67206381326963505</v>
      </c>
      <c r="AZ25" s="76">
        <v>0.83</v>
      </c>
      <c r="BA25" s="76">
        <v>0.51</v>
      </c>
      <c r="BB25" s="76">
        <v>0.56999999999999995</v>
      </c>
      <c r="BC25" s="76">
        <v>0.92</v>
      </c>
      <c r="BD25" s="76">
        <v>0.7</v>
      </c>
    </row>
    <row r="26" spans="3:56" x14ac:dyDescent="0.2">
      <c r="C26" s="5" t="s">
        <v>69</v>
      </c>
      <c r="D26" s="6" t="s">
        <v>58</v>
      </c>
      <c r="E26" s="76">
        <v>1.2</v>
      </c>
      <c r="F26" s="76">
        <v>1.02</v>
      </c>
      <c r="G26" s="76">
        <v>0.96</v>
      </c>
      <c r="H26" s="76">
        <v>1.5441522883628656</v>
      </c>
      <c r="I26" s="76">
        <v>1.6689266516019792</v>
      </c>
      <c r="J26" s="76">
        <v>1.1355102801754444</v>
      </c>
      <c r="K26" s="8">
        <v>1.13060956593295</v>
      </c>
      <c r="L26" s="76">
        <v>1.2298736146087235</v>
      </c>
      <c r="M26" s="76">
        <v>1.1589049386858523</v>
      </c>
      <c r="N26" s="76">
        <v>1.346270559094098</v>
      </c>
      <c r="O26" s="76">
        <v>1.0152733051793181</v>
      </c>
      <c r="P26" s="8">
        <v>1.0426034746050241</v>
      </c>
      <c r="Q26" s="76">
        <v>1.2414076965855065</v>
      </c>
      <c r="R26" s="76">
        <v>0.96970984206639066</v>
      </c>
      <c r="S26" s="76">
        <v>1.2640802034923631</v>
      </c>
      <c r="T26" s="76">
        <v>1.3434534374263054</v>
      </c>
      <c r="U26" s="76">
        <v>1.0331930377915188</v>
      </c>
      <c r="V26" s="76">
        <v>1.0867565699392474</v>
      </c>
      <c r="W26" s="62">
        <v>0.91156365635735004</v>
      </c>
      <c r="X26" s="76">
        <v>0.87453413670318669</v>
      </c>
      <c r="Y26" s="76">
        <v>0.8521365907997922</v>
      </c>
      <c r="Z26" s="76">
        <v>0.98135909514510244</v>
      </c>
      <c r="AA26" s="76">
        <v>0.72803143959109784</v>
      </c>
      <c r="AB26" s="76">
        <v>0.8883366452352448</v>
      </c>
      <c r="AC26" s="76">
        <v>1.0627292329636688</v>
      </c>
      <c r="AD26" s="76">
        <v>1.0769570244379671</v>
      </c>
      <c r="AE26" s="76">
        <v>1.2656733533304092</v>
      </c>
      <c r="AF26" s="76">
        <v>1.3756489894200477</v>
      </c>
      <c r="AG26" s="76">
        <v>1.4897575876341618</v>
      </c>
      <c r="AH26" s="76">
        <v>1.517830979925731</v>
      </c>
      <c r="AI26" s="76" t="s">
        <v>90</v>
      </c>
      <c r="AJ26" s="76">
        <v>1.6867396407934234</v>
      </c>
      <c r="AK26" s="76">
        <v>1.5150200765452857</v>
      </c>
      <c r="AL26" s="76">
        <v>1.1321445832062493</v>
      </c>
      <c r="AM26" s="76">
        <v>1.0531227620726828</v>
      </c>
      <c r="AN26" s="76">
        <v>1.5870012979759867</v>
      </c>
      <c r="AO26" s="76">
        <v>1.002662448925794</v>
      </c>
      <c r="AP26" s="8">
        <v>1.1047542169733306</v>
      </c>
      <c r="AQ26" s="8">
        <v>0.73295288426909799</v>
      </c>
      <c r="AR26" s="76">
        <v>0.91229128488599143</v>
      </c>
      <c r="AS26" s="76">
        <v>0.65747264982969855</v>
      </c>
      <c r="AT26" s="76">
        <v>0.62785255005657448</v>
      </c>
      <c r="AU26" s="76">
        <v>0.60367443854112102</v>
      </c>
      <c r="AV26" s="76">
        <v>1.3293974590384181</v>
      </c>
      <c r="AW26" s="76">
        <v>1.58</v>
      </c>
      <c r="AX26" s="8">
        <v>1.6146460611247238</v>
      </c>
      <c r="AY26" s="76">
        <v>1.2630709604365229</v>
      </c>
      <c r="AZ26" s="76">
        <v>1.03</v>
      </c>
      <c r="BA26" s="76">
        <v>1.25</v>
      </c>
      <c r="BB26" s="76">
        <v>1</v>
      </c>
      <c r="BC26" s="76">
        <v>1.87</v>
      </c>
      <c r="BD26" s="76">
        <v>1.91</v>
      </c>
    </row>
    <row r="27" spans="3:56" x14ac:dyDescent="0.2">
      <c r="C27" s="5" t="s">
        <v>70</v>
      </c>
      <c r="D27" s="6" t="s">
        <v>58</v>
      </c>
      <c r="E27" s="76">
        <v>2.82</v>
      </c>
      <c r="F27" s="76">
        <v>2.88</v>
      </c>
      <c r="G27" s="76">
        <v>2.54</v>
      </c>
      <c r="H27" s="76">
        <v>3.1097988270637251</v>
      </c>
      <c r="I27" s="76">
        <v>2.9039653169572843</v>
      </c>
      <c r="J27" s="76">
        <v>2.7530377393403764</v>
      </c>
      <c r="K27" s="8">
        <v>2.5930933237671079</v>
      </c>
      <c r="L27" s="76">
        <v>2.4115991160790076</v>
      </c>
      <c r="M27" s="76">
        <v>2.4794971439764657</v>
      </c>
      <c r="N27" s="76">
        <v>1.9566674379417248</v>
      </c>
      <c r="O27" s="76">
        <v>1.4898390804247894</v>
      </c>
      <c r="P27" s="8">
        <v>1.3625062236490515</v>
      </c>
      <c r="Q27" s="76">
        <v>1.4748132777241552</v>
      </c>
      <c r="R27" s="76">
        <v>1.4321894263938293</v>
      </c>
      <c r="S27" s="76">
        <v>1.4017110789919405</v>
      </c>
      <c r="T27" s="76">
        <v>1.8765879454872649</v>
      </c>
      <c r="U27" s="76">
        <v>1.8582377090138025</v>
      </c>
      <c r="V27" s="76">
        <v>1.6608031572924402</v>
      </c>
      <c r="W27" s="62">
        <v>1.6296723560752611</v>
      </c>
      <c r="X27" s="76">
        <v>1.6478285162872279</v>
      </c>
      <c r="Y27" s="76">
        <v>1.7424341999672242</v>
      </c>
      <c r="Z27" s="76">
        <v>1.4381916948722016</v>
      </c>
      <c r="AA27" s="76">
        <v>1.4702554808332524</v>
      </c>
      <c r="AB27" s="76">
        <v>1.1465649183422892</v>
      </c>
      <c r="AC27" s="76">
        <v>1.7865577002007522</v>
      </c>
      <c r="AD27" s="76">
        <v>1.2578777795600262</v>
      </c>
      <c r="AE27" s="76">
        <v>1.7161459990641086</v>
      </c>
      <c r="AF27" s="76">
        <v>1.7952371778538712</v>
      </c>
      <c r="AG27" s="76">
        <v>1.6142594004065041</v>
      </c>
      <c r="AH27" s="76">
        <v>1.4786907697150879</v>
      </c>
      <c r="AI27" s="76">
        <v>1.2948071246520949</v>
      </c>
      <c r="AJ27" s="76">
        <v>1.3254344483786806</v>
      </c>
      <c r="AK27" s="76">
        <v>1.0543931297190048</v>
      </c>
      <c r="AL27" s="76">
        <v>1.2561910661435751</v>
      </c>
      <c r="AM27" s="76">
        <v>1.1525020603950813</v>
      </c>
      <c r="AN27" s="76">
        <v>1.1476620093033567</v>
      </c>
      <c r="AO27" s="76">
        <v>1.3599808869070353</v>
      </c>
      <c r="AP27" s="8">
        <v>1.1531112798160996</v>
      </c>
      <c r="AQ27" s="8">
        <v>1.4370647979226645</v>
      </c>
      <c r="AR27" s="76">
        <v>1.4466322082619198</v>
      </c>
      <c r="AS27" s="76">
        <v>1.3336310306371326</v>
      </c>
      <c r="AT27" s="76">
        <v>1.2166898161309803</v>
      </c>
      <c r="AU27" s="76">
        <v>1.391073014860382</v>
      </c>
      <c r="AV27" s="76">
        <v>1.3574444458153911</v>
      </c>
      <c r="AW27" s="76">
        <v>1.87</v>
      </c>
      <c r="AX27" s="8">
        <v>2.4186591870516825</v>
      </c>
      <c r="AY27" s="76">
        <v>2.286586799134986</v>
      </c>
      <c r="AZ27" s="76">
        <v>2.38</v>
      </c>
      <c r="BA27" s="76">
        <v>1.87</v>
      </c>
      <c r="BB27" s="76">
        <v>1.64</v>
      </c>
      <c r="BC27" s="76">
        <v>0.73</v>
      </c>
      <c r="BD27" s="76">
        <v>1.82</v>
      </c>
    </row>
    <row r="28" spans="3:56" x14ac:dyDescent="0.2">
      <c r="C28" s="5" t="s">
        <v>101</v>
      </c>
      <c r="D28" s="6" t="s">
        <v>58</v>
      </c>
      <c r="E28" s="40">
        <v>3.02</v>
      </c>
      <c r="F28" s="76">
        <v>4.5</v>
      </c>
      <c r="G28" s="76">
        <v>4.91</v>
      </c>
      <c r="H28" s="76">
        <v>7.4</v>
      </c>
      <c r="I28" s="76" t="s">
        <v>90</v>
      </c>
      <c r="J28" s="76">
        <v>4.3481900452488684</v>
      </c>
      <c r="K28" s="8">
        <v>4.6915091678420309</v>
      </c>
      <c r="L28" s="119">
        <v>3.4780769230769235</v>
      </c>
      <c r="M28" s="17">
        <v>3.2500787401574804</v>
      </c>
      <c r="N28" s="76">
        <v>7</v>
      </c>
      <c r="O28" s="94" t="s">
        <v>90</v>
      </c>
      <c r="P28" s="8">
        <v>4</v>
      </c>
      <c r="Q28" s="76">
        <v>4.7730813287514318</v>
      </c>
      <c r="R28" s="76">
        <v>5.142587939698493</v>
      </c>
      <c r="S28" s="76">
        <v>3.5</v>
      </c>
      <c r="T28" s="76" t="s">
        <v>90</v>
      </c>
      <c r="U28" s="119">
        <v>6</v>
      </c>
      <c r="V28" s="76">
        <v>2.6497607655502393</v>
      </c>
      <c r="W28" s="62" t="s">
        <v>90</v>
      </c>
      <c r="X28" s="8" t="s">
        <v>90</v>
      </c>
      <c r="Y28" s="119" t="s">
        <v>90</v>
      </c>
      <c r="Z28" s="76">
        <v>6.0943461671869583</v>
      </c>
      <c r="AA28" s="76">
        <v>6.7698494089706909</v>
      </c>
      <c r="AB28" s="76">
        <v>6.9153802529814499</v>
      </c>
      <c r="AC28" s="76">
        <v>5.5999458260256079</v>
      </c>
      <c r="AD28" s="76">
        <v>4.6000563336786913</v>
      </c>
      <c r="AE28" s="76">
        <v>3.180085930594593</v>
      </c>
      <c r="AF28" s="76">
        <v>3.4183649714018811</v>
      </c>
      <c r="AG28" s="76">
        <v>3.3597534669114926</v>
      </c>
      <c r="AH28" s="76">
        <v>3.5084581161881685</v>
      </c>
      <c r="AI28" s="76">
        <v>3.1730145287532356</v>
      </c>
      <c r="AJ28" s="76">
        <v>3.4820788902859472</v>
      </c>
      <c r="AK28" s="76">
        <v>3.8027188968357239</v>
      </c>
      <c r="AL28" s="76">
        <v>3.7213090084848304</v>
      </c>
      <c r="AM28" s="76">
        <v>3.5513628432561628</v>
      </c>
      <c r="AN28" s="76">
        <v>3.7639818311781594</v>
      </c>
      <c r="AO28" s="76" t="s">
        <v>90</v>
      </c>
      <c r="AP28" s="8" t="s">
        <v>90</v>
      </c>
      <c r="AQ28" s="8">
        <v>1</v>
      </c>
      <c r="AR28" s="76">
        <v>5.3</v>
      </c>
      <c r="AS28" s="76" t="s">
        <v>90</v>
      </c>
      <c r="AT28" s="76">
        <v>7.2</v>
      </c>
      <c r="AU28" s="76">
        <v>7.3</v>
      </c>
      <c r="AV28" s="76">
        <v>2.3723404255319149</v>
      </c>
      <c r="AW28" s="76">
        <v>6.93</v>
      </c>
      <c r="AX28" s="76">
        <v>7.25</v>
      </c>
      <c r="AY28" s="76">
        <v>3.6226216171343188</v>
      </c>
      <c r="AZ28" s="8">
        <v>3.82</v>
      </c>
      <c r="BA28" s="76">
        <v>4.84</v>
      </c>
      <c r="BB28" s="76">
        <v>5.54</v>
      </c>
      <c r="BC28" s="76">
        <v>6.75</v>
      </c>
      <c r="BD28" s="76" t="s">
        <v>90</v>
      </c>
    </row>
    <row r="29" spans="3:56" x14ac:dyDescent="0.2">
      <c r="C29" s="5" t="s">
        <v>71</v>
      </c>
      <c r="D29" s="6" t="s">
        <v>58</v>
      </c>
      <c r="E29" s="76" t="s">
        <v>90</v>
      </c>
      <c r="F29" s="76" t="s">
        <v>90</v>
      </c>
      <c r="G29" s="76" t="s">
        <v>90</v>
      </c>
      <c r="H29" s="76">
        <v>3.4</v>
      </c>
      <c r="I29" s="76">
        <v>3.45</v>
      </c>
      <c r="J29" s="119" t="s">
        <v>168</v>
      </c>
      <c r="K29" s="8">
        <v>3.5</v>
      </c>
      <c r="L29" s="119">
        <v>3.5</v>
      </c>
      <c r="M29" s="76">
        <v>3.45</v>
      </c>
      <c r="N29" s="76">
        <v>3.45</v>
      </c>
      <c r="O29" s="76">
        <v>3.45</v>
      </c>
      <c r="P29" s="8">
        <v>3.5</v>
      </c>
      <c r="Q29" s="76">
        <v>3.55</v>
      </c>
      <c r="R29" s="76">
        <v>3.6</v>
      </c>
      <c r="S29" s="76">
        <v>3.6</v>
      </c>
      <c r="T29" s="76">
        <v>3.65</v>
      </c>
      <c r="U29" s="119">
        <v>3.6</v>
      </c>
      <c r="V29" s="76">
        <v>3.6</v>
      </c>
      <c r="W29" s="62">
        <v>3.6</v>
      </c>
      <c r="X29" s="8">
        <v>3.5</v>
      </c>
      <c r="Y29" s="76">
        <v>3.6</v>
      </c>
      <c r="Z29" s="76">
        <v>3.6</v>
      </c>
      <c r="AA29" s="76">
        <v>3.45</v>
      </c>
      <c r="AB29" s="76">
        <v>3.45</v>
      </c>
      <c r="AC29" s="76">
        <v>3.5</v>
      </c>
      <c r="AD29" s="94">
        <v>3.5</v>
      </c>
      <c r="AE29" s="94">
        <v>3.5</v>
      </c>
      <c r="AF29" s="94">
        <v>3.45</v>
      </c>
      <c r="AG29" s="94">
        <v>3.5</v>
      </c>
      <c r="AH29" s="94">
        <v>3.5</v>
      </c>
      <c r="AI29" s="94">
        <v>3.4</v>
      </c>
      <c r="AJ29" s="94">
        <v>3.4</v>
      </c>
      <c r="AK29" s="94">
        <v>3.35</v>
      </c>
      <c r="AL29" s="94">
        <v>3.35</v>
      </c>
      <c r="AM29" s="94">
        <v>3.4</v>
      </c>
      <c r="AN29" s="94">
        <v>3.4</v>
      </c>
      <c r="AO29" s="94">
        <v>3.45</v>
      </c>
      <c r="AP29" s="94" t="s">
        <v>90</v>
      </c>
      <c r="AQ29" s="8" t="s">
        <v>90</v>
      </c>
      <c r="AR29" s="8" t="s">
        <v>90</v>
      </c>
      <c r="AS29" s="76" t="s">
        <v>90</v>
      </c>
      <c r="AT29" s="76">
        <v>3.8</v>
      </c>
      <c r="AU29" s="76">
        <v>3.7</v>
      </c>
      <c r="AV29" s="76">
        <v>3.8</v>
      </c>
      <c r="AW29" s="76" t="s">
        <v>90</v>
      </c>
      <c r="AX29" s="8" t="s">
        <v>90</v>
      </c>
      <c r="AY29" s="76" t="s">
        <v>90</v>
      </c>
      <c r="AZ29" s="8" t="s">
        <v>90</v>
      </c>
      <c r="BA29" s="76" t="s">
        <v>90</v>
      </c>
      <c r="BB29" s="76" t="s">
        <v>90</v>
      </c>
      <c r="BC29" s="76" t="s">
        <v>90</v>
      </c>
      <c r="BD29" s="76" t="s">
        <v>90</v>
      </c>
    </row>
    <row r="30" spans="3:56" x14ac:dyDescent="0.2">
      <c r="C30" s="5" t="s">
        <v>102</v>
      </c>
      <c r="D30" s="6" t="s">
        <v>58</v>
      </c>
      <c r="E30" s="76">
        <v>4.05</v>
      </c>
      <c r="F30" s="76">
        <v>4.04</v>
      </c>
      <c r="G30" s="76">
        <v>4.0999999999999996</v>
      </c>
      <c r="H30" s="76">
        <v>4.12</v>
      </c>
      <c r="I30" s="76">
        <v>4.3499999999999996</v>
      </c>
      <c r="J30" s="76">
        <v>4.38</v>
      </c>
      <c r="K30" s="8">
        <v>4.51</v>
      </c>
      <c r="L30" s="76">
        <v>4.4000000000000004</v>
      </c>
      <c r="M30" s="76">
        <v>4.45</v>
      </c>
      <c r="N30" s="76">
        <v>3.95</v>
      </c>
      <c r="O30" s="76">
        <v>4</v>
      </c>
      <c r="P30" s="8">
        <v>4.08</v>
      </c>
      <c r="Q30" s="76">
        <v>4.08</v>
      </c>
      <c r="R30" s="76">
        <v>4.07</v>
      </c>
      <c r="S30" s="76">
        <v>4.03</v>
      </c>
      <c r="T30" s="76" t="s">
        <v>90</v>
      </c>
      <c r="U30" s="119" t="s">
        <v>90</v>
      </c>
      <c r="V30" s="76" t="s">
        <v>90</v>
      </c>
      <c r="W30" s="62" t="s">
        <v>90</v>
      </c>
      <c r="X30" s="76" t="s">
        <v>90</v>
      </c>
      <c r="Y30" s="76" t="s">
        <v>90</v>
      </c>
      <c r="Z30" s="76" t="s">
        <v>90</v>
      </c>
      <c r="AA30" s="76" t="s">
        <v>90</v>
      </c>
      <c r="AB30" s="76" t="s">
        <v>90</v>
      </c>
      <c r="AC30" s="76" t="s">
        <v>90</v>
      </c>
      <c r="AD30" s="76">
        <v>4.1100000000000003</v>
      </c>
      <c r="AE30" s="76">
        <v>4.13</v>
      </c>
      <c r="AF30" s="76">
        <v>4.08</v>
      </c>
      <c r="AG30" s="76">
        <v>4.09</v>
      </c>
      <c r="AH30" s="76">
        <v>3.78</v>
      </c>
      <c r="AI30" s="76">
        <v>3.74</v>
      </c>
      <c r="AJ30" s="76">
        <v>4.01</v>
      </c>
      <c r="AK30" s="76">
        <v>3.98</v>
      </c>
      <c r="AL30" s="76">
        <v>3.96</v>
      </c>
      <c r="AM30" s="76" t="s">
        <v>90</v>
      </c>
      <c r="AN30" s="76" t="s">
        <v>90</v>
      </c>
      <c r="AO30" s="76" t="s">
        <v>90</v>
      </c>
      <c r="AP30" s="8" t="s">
        <v>90</v>
      </c>
      <c r="AQ30" s="8" t="s">
        <v>90</v>
      </c>
      <c r="AR30" s="76" t="s">
        <v>90</v>
      </c>
      <c r="AS30" s="76" t="s">
        <v>90</v>
      </c>
      <c r="AT30" s="76">
        <v>3.85</v>
      </c>
      <c r="AU30" s="76" t="s">
        <v>90</v>
      </c>
      <c r="AV30" s="76">
        <v>4.3099999999999996</v>
      </c>
      <c r="AW30" s="76">
        <v>4.4000000000000004</v>
      </c>
      <c r="AX30" s="8">
        <v>4.3600000000000003</v>
      </c>
      <c r="AY30" s="76" t="s">
        <v>90</v>
      </c>
      <c r="AZ30" s="76">
        <v>4.07</v>
      </c>
      <c r="BA30" s="76">
        <v>3.86</v>
      </c>
      <c r="BB30" s="76">
        <v>4.05</v>
      </c>
      <c r="BC30" s="76">
        <v>4.21</v>
      </c>
      <c r="BD30" s="76">
        <v>4.1100000000000003</v>
      </c>
    </row>
    <row r="31" spans="3:56" x14ac:dyDescent="0.2">
      <c r="C31" s="5" t="s">
        <v>72</v>
      </c>
      <c r="D31" s="6" t="s">
        <v>58</v>
      </c>
      <c r="E31" s="76">
        <v>6.2</v>
      </c>
      <c r="F31" s="76">
        <v>6.2</v>
      </c>
      <c r="G31" s="76">
        <v>6.2</v>
      </c>
      <c r="H31" s="76" t="s">
        <v>90</v>
      </c>
      <c r="I31" s="76" t="s">
        <v>90</v>
      </c>
      <c r="J31" s="76" t="s">
        <v>90</v>
      </c>
      <c r="K31" s="8" t="s">
        <v>90</v>
      </c>
      <c r="L31" s="76" t="s">
        <v>90</v>
      </c>
      <c r="M31" s="76" t="s">
        <v>90</v>
      </c>
      <c r="N31" s="76" t="s">
        <v>90</v>
      </c>
      <c r="O31" s="76" t="s">
        <v>90</v>
      </c>
      <c r="P31" s="8" t="s">
        <v>90</v>
      </c>
      <c r="Q31" s="76" t="s">
        <v>90</v>
      </c>
      <c r="R31" s="76" t="s">
        <v>90</v>
      </c>
      <c r="S31" s="76" t="s">
        <v>90</v>
      </c>
      <c r="T31" s="76" t="s">
        <v>90</v>
      </c>
      <c r="U31" s="76" t="s">
        <v>90</v>
      </c>
      <c r="V31" s="76" t="s">
        <v>90</v>
      </c>
      <c r="W31" s="62" t="s">
        <v>90</v>
      </c>
      <c r="X31" s="76" t="s">
        <v>90</v>
      </c>
      <c r="Y31" s="76" t="s">
        <v>90</v>
      </c>
      <c r="Z31" s="76" t="s">
        <v>90</v>
      </c>
      <c r="AA31" s="76" t="s">
        <v>90</v>
      </c>
      <c r="AB31" s="76" t="s">
        <v>90</v>
      </c>
      <c r="AC31" s="76" t="s">
        <v>90</v>
      </c>
      <c r="AD31" s="76" t="s">
        <v>90</v>
      </c>
      <c r="AE31" s="76" t="s">
        <v>90</v>
      </c>
      <c r="AF31" s="76" t="s">
        <v>90</v>
      </c>
      <c r="AG31" s="76" t="s">
        <v>90</v>
      </c>
      <c r="AH31" s="76" t="s">
        <v>90</v>
      </c>
      <c r="AI31" s="76" t="s">
        <v>90</v>
      </c>
      <c r="AJ31" s="76" t="s">
        <v>90</v>
      </c>
      <c r="AK31" s="76" t="s">
        <v>90</v>
      </c>
      <c r="AL31" s="76" t="s">
        <v>90</v>
      </c>
      <c r="AM31" s="76" t="s">
        <v>90</v>
      </c>
      <c r="AN31" s="76" t="s">
        <v>90</v>
      </c>
      <c r="AO31" s="76" t="s">
        <v>90</v>
      </c>
      <c r="AP31" s="8" t="s">
        <v>90</v>
      </c>
      <c r="AQ31" s="8" t="s">
        <v>90</v>
      </c>
      <c r="AR31" s="76" t="s">
        <v>90</v>
      </c>
      <c r="AS31" s="76" t="s">
        <v>90</v>
      </c>
      <c r="AT31" s="76" t="s">
        <v>90</v>
      </c>
      <c r="AU31" s="76" t="s">
        <v>90</v>
      </c>
      <c r="AV31" s="76" t="s">
        <v>90</v>
      </c>
      <c r="AW31" s="76" t="s">
        <v>90</v>
      </c>
      <c r="AX31" s="8" t="s">
        <v>90</v>
      </c>
      <c r="AY31" s="76" t="s">
        <v>90</v>
      </c>
      <c r="AZ31" s="76" t="s">
        <v>90</v>
      </c>
      <c r="BA31" s="76" t="s">
        <v>90</v>
      </c>
      <c r="BB31" s="76" t="s">
        <v>90</v>
      </c>
      <c r="BC31" s="76" t="s">
        <v>90</v>
      </c>
      <c r="BD31" s="76" t="s">
        <v>90</v>
      </c>
    </row>
    <row r="32" spans="3:56" x14ac:dyDescent="0.2">
      <c r="C32" s="5" t="s">
        <v>136</v>
      </c>
      <c r="D32" s="6" t="s">
        <v>58</v>
      </c>
      <c r="E32" s="40">
        <v>4.67</v>
      </c>
      <c r="F32" s="76">
        <v>3.19</v>
      </c>
      <c r="G32" s="76">
        <v>2.75</v>
      </c>
      <c r="H32" s="76">
        <v>3.0556219806763285</v>
      </c>
      <c r="I32" s="119">
        <v>3.574088639200999</v>
      </c>
      <c r="J32" s="76">
        <v>3.9452314998021367</v>
      </c>
      <c r="K32" s="8">
        <v>3.3974188711577593</v>
      </c>
      <c r="L32" s="76">
        <v>3.6651635330983159</v>
      </c>
      <c r="M32" s="76">
        <v>4.436701828491409</v>
      </c>
      <c r="N32" s="76">
        <v>3.8983440117182697</v>
      </c>
      <c r="O32" s="76">
        <v>3.1347548572630988</v>
      </c>
      <c r="P32" s="8">
        <v>4.1389044002680366</v>
      </c>
      <c r="Q32" s="76">
        <v>5.0973740980435913</v>
      </c>
      <c r="R32" s="76">
        <v>4.3013016238480626</v>
      </c>
      <c r="S32" s="76">
        <v>4.0649733299466604</v>
      </c>
      <c r="T32" s="76">
        <v>3.9662601626016261</v>
      </c>
      <c r="U32" s="76">
        <v>3.0348094747682799</v>
      </c>
      <c r="V32" s="76">
        <v>4.1199999999999992</v>
      </c>
      <c r="W32" s="62" t="s">
        <v>90</v>
      </c>
      <c r="X32" s="76" t="s">
        <v>90</v>
      </c>
      <c r="Y32" s="76" t="s">
        <v>90</v>
      </c>
      <c r="Z32" s="76" t="s">
        <v>90</v>
      </c>
      <c r="AA32" s="76">
        <v>2.6907894736842106</v>
      </c>
      <c r="AB32" s="76" t="s">
        <v>90</v>
      </c>
      <c r="AC32" s="76">
        <v>2.7321428571428572</v>
      </c>
      <c r="AD32" s="76">
        <v>2.3955419580419579</v>
      </c>
      <c r="AE32" s="76">
        <v>3.5681429290387516</v>
      </c>
      <c r="AF32" s="76">
        <v>3.123810971490339</v>
      </c>
      <c r="AG32" s="76">
        <v>2.83945015980823</v>
      </c>
      <c r="AH32" s="76">
        <v>2.2939954075774969</v>
      </c>
      <c r="AI32" s="76">
        <v>2.3945034676110373</v>
      </c>
      <c r="AJ32" s="76">
        <v>2.6256688201022551</v>
      </c>
      <c r="AK32" s="76">
        <v>3.6578108910291358</v>
      </c>
      <c r="AL32" s="76">
        <v>3.5125529713215728</v>
      </c>
      <c r="AM32" s="76">
        <v>2.8265530546623796</v>
      </c>
      <c r="AN32" s="76">
        <v>2.4912763404965577</v>
      </c>
      <c r="AO32" s="76">
        <v>2.5455357597353019</v>
      </c>
      <c r="AP32" s="8">
        <v>2.1822062415196744</v>
      </c>
      <c r="AQ32" s="8">
        <v>2.4146642568312706</v>
      </c>
      <c r="AR32" s="76">
        <v>2.4850361197110424</v>
      </c>
      <c r="AS32" s="76">
        <v>2.5112097103223174</v>
      </c>
      <c r="AT32" s="76">
        <v>3.4879696066851182</v>
      </c>
      <c r="AU32" s="76">
        <v>3.2635516014234875</v>
      </c>
      <c r="AV32" s="76">
        <v>3.4266917765222846</v>
      </c>
      <c r="AW32" s="76">
        <v>3.56</v>
      </c>
      <c r="AX32" s="8">
        <v>3.1749707339036473</v>
      </c>
      <c r="AY32" s="76">
        <v>3.3938137844261149</v>
      </c>
      <c r="AZ32" s="76">
        <v>3.31</v>
      </c>
      <c r="BA32" s="76">
        <v>3.91</v>
      </c>
      <c r="BB32" s="76">
        <v>3.83</v>
      </c>
      <c r="BC32" s="76">
        <v>4.99</v>
      </c>
      <c r="BD32" s="76">
        <v>6.4</v>
      </c>
    </row>
    <row r="33" spans="3:56" x14ac:dyDescent="0.2">
      <c r="C33" s="5" t="s">
        <v>74</v>
      </c>
      <c r="D33" s="6" t="s">
        <v>58</v>
      </c>
      <c r="E33" s="76" t="s">
        <v>90</v>
      </c>
      <c r="F33" s="76" t="s">
        <v>90</v>
      </c>
      <c r="G33" s="76" t="s">
        <v>90</v>
      </c>
      <c r="H33" s="76" t="s">
        <v>90</v>
      </c>
      <c r="I33" s="76" t="s">
        <v>90</v>
      </c>
      <c r="J33" s="76" t="s">
        <v>90</v>
      </c>
      <c r="K33" s="8" t="s">
        <v>90</v>
      </c>
      <c r="L33" s="76" t="s">
        <v>90</v>
      </c>
      <c r="M33" s="76" t="s">
        <v>90</v>
      </c>
      <c r="N33" s="76" t="s">
        <v>90</v>
      </c>
      <c r="O33" s="76" t="s">
        <v>90</v>
      </c>
      <c r="P33" s="8" t="s">
        <v>90</v>
      </c>
      <c r="Q33" s="76" t="s">
        <v>90</v>
      </c>
      <c r="R33" s="76" t="s">
        <v>90</v>
      </c>
      <c r="S33" s="76" t="s">
        <v>90</v>
      </c>
      <c r="T33" s="76" t="s">
        <v>90</v>
      </c>
      <c r="U33" s="76" t="s">
        <v>90</v>
      </c>
      <c r="V33" s="76" t="s">
        <v>90</v>
      </c>
      <c r="W33" s="62" t="s">
        <v>90</v>
      </c>
      <c r="X33" s="76" t="s">
        <v>90</v>
      </c>
      <c r="Y33" s="76" t="s">
        <v>90</v>
      </c>
      <c r="Z33" s="76" t="s">
        <v>90</v>
      </c>
      <c r="AA33" s="76" t="s">
        <v>90</v>
      </c>
      <c r="AB33" s="76" t="s">
        <v>90</v>
      </c>
      <c r="AC33" s="76" t="s">
        <v>90</v>
      </c>
      <c r="AD33" s="94" t="s">
        <v>90</v>
      </c>
      <c r="AE33" s="94" t="s">
        <v>90</v>
      </c>
      <c r="AF33" s="94" t="s">
        <v>90</v>
      </c>
      <c r="AG33" s="94" t="s">
        <v>90</v>
      </c>
      <c r="AH33" s="94" t="s">
        <v>90</v>
      </c>
      <c r="AI33" s="94" t="s">
        <v>90</v>
      </c>
      <c r="AJ33" s="94" t="s">
        <v>90</v>
      </c>
      <c r="AK33" s="94" t="s">
        <v>90</v>
      </c>
      <c r="AL33" s="94" t="s">
        <v>90</v>
      </c>
      <c r="AM33" s="94" t="s">
        <v>90</v>
      </c>
      <c r="AN33" s="94" t="s">
        <v>90</v>
      </c>
      <c r="AO33" s="76" t="s">
        <v>90</v>
      </c>
      <c r="AP33" s="8" t="s">
        <v>90</v>
      </c>
      <c r="AQ33" s="8" t="s">
        <v>90</v>
      </c>
      <c r="AR33" s="76" t="s">
        <v>90</v>
      </c>
      <c r="AS33" s="76" t="s">
        <v>90</v>
      </c>
      <c r="AT33" s="76" t="s">
        <v>90</v>
      </c>
      <c r="AU33" s="76" t="s">
        <v>90</v>
      </c>
      <c r="AV33" s="76" t="s">
        <v>90</v>
      </c>
      <c r="AW33" s="76" t="s">
        <v>90</v>
      </c>
      <c r="AX33" s="8" t="s">
        <v>90</v>
      </c>
      <c r="AY33" s="76" t="s">
        <v>90</v>
      </c>
      <c r="AZ33" s="76" t="s">
        <v>90</v>
      </c>
      <c r="BA33" s="76" t="s">
        <v>90</v>
      </c>
      <c r="BB33" s="76" t="s">
        <v>90</v>
      </c>
      <c r="BC33" s="76" t="s">
        <v>90</v>
      </c>
      <c r="BD33" s="76" t="s">
        <v>90</v>
      </c>
    </row>
    <row r="34" spans="3:56" x14ac:dyDescent="0.2">
      <c r="C34" s="16" t="s">
        <v>134</v>
      </c>
      <c r="D34" s="6" t="s">
        <v>58</v>
      </c>
      <c r="E34" s="40">
        <v>0.3</v>
      </c>
      <c r="F34" s="40">
        <v>0.3</v>
      </c>
      <c r="G34" s="8">
        <v>0.3</v>
      </c>
      <c r="H34" s="40">
        <v>0.31</v>
      </c>
      <c r="I34" s="40">
        <v>0.33</v>
      </c>
      <c r="J34" s="40">
        <v>0.36</v>
      </c>
      <c r="K34" s="8">
        <v>0.36</v>
      </c>
      <c r="L34" s="8">
        <v>0.37</v>
      </c>
      <c r="M34" s="8">
        <v>0.37</v>
      </c>
      <c r="N34" s="8">
        <v>0.4</v>
      </c>
      <c r="O34" s="40">
        <v>0.42</v>
      </c>
      <c r="P34" s="8">
        <v>0.43</v>
      </c>
      <c r="Q34" s="8">
        <v>0.43</v>
      </c>
      <c r="R34" s="8">
        <v>0.45</v>
      </c>
      <c r="S34" s="40">
        <v>0.48</v>
      </c>
      <c r="T34" s="40">
        <v>0.49</v>
      </c>
      <c r="U34" s="40">
        <v>0.46</v>
      </c>
      <c r="V34" s="40">
        <v>0.47</v>
      </c>
      <c r="W34" s="111">
        <v>0.45</v>
      </c>
      <c r="X34" s="40">
        <v>0.44</v>
      </c>
      <c r="Y34" s="40">
        <v>0.43</v>
      </c>
      <c r="Z34" s="40">
        <v>0.37</v>
      </c>
      <c r="AA34" s="8">
        <v>0.35</v>
      </c>
      <c r="AB34" s="8">
        <v>0.33</v>
      </c>
      <c r="AC34" s="40">
        <v>0.33</v>
      </c>
      <c r="AD34" s="17">
        <v>0.33</v>
      </c>
      <c r="AE34" s="40">
        <v>0.37</v>
      </c>
      <c r="AF34" s="40">
        <v>0.39</v>
      </c>
      <c r="AG34" s="8">
        <v>0.38</v>
      </c>
      <c r="AH34" s="40">
        <v>0.39</v>
      </c>
      <c r="AI34" s="40">
        <v>0.35</v>
      </c>
      <c r="AJ34" s="40">
        <v>0.31</v>
      </c>
      <c r="AK34" s="40">
        <v>0.26</v>
      </c>
      <c r="AL34" s="40">
        <v>0.26</v>
      </c>
      <c r="AM34" s="40">
        <v>0.23</v>
      </c>
      <c r="AN34" s="40">
        <v>0.21</v>
      </c>
      <c r="AO34" s="40">
        <v>0.19</v>
      </c>
      <c r="AP34" s="8">
        <v>0.19</v>
      </c>
      <c r="AQ34" s="8">
        <v>0.19</v>
      </c>
      <c r="AR34" s="76">
        <v>0.19</v>
      </c>
      <c r="AS34" s="8">
        <v>0.18149185795433428</v>
      </c>
      <c r="AT34" s="8">
        <v>0.17806209513639912</v>
      </c>
      <c r="AU34" s="40">
        <v>0.18</v>
      </c>
      <c r="AV34" s="8">
        <v>0.17</v>
      </c>
      <c r="AW34" s="8">
        <v>0.17</v>
      </c>
      <c r="AX34" s="8">
        <v>0.16</v>
      </c>
      <c r="AY34" s="40">
        <v>0.17</v>
      </c>
      <c r="AZ34" s="8">
        <v>0.18</v>
      </c>
      <c r="BA34" s="8">
        <v>0.18</v>
      </c>
      <c r="BB34" s="8">
        <v>0.17</v>
      </c>
      <c r="BC34" s="40">
        <v>0.18</v>
      </c>
      <c r="BD34" s="40">
        <v>0.18</v>
      </c>
    </row>
    <row r="35" spans="3:56" x14ac:dyDescent="0.2">
      <c r="C35" s="126" t="s">
        <v>79</v>
      </c>
      <c r="D35" s="6" t="s">
        <v>58</v>
      </c>
      <c r="E35" s="40">
        <v>0.46</v>
      </c>
      <c r="F35" s="40">
        <v>0.47</v>
      </c>
      <c r="G35" s="8">
        <v>0.47</v>
      </c>
      <c r="H35" s="40">
        <v>0.48</v>
      </c>
      <c r="I35" s="40">
        <v>0.49</v>
      </c>
      <c r="J35" s="40">
        <v>0.55000000000000004</v>
      </c>
      <c r="K35" s="8">
        <v>0.55000000000000004</v>
      </c>
      <c r="L35" s="8">
        <v>0.56000000000000005</v>
      </c>
      <c r="M35" s="8">
        <v>0.53</v>
      </c>
      <c r="N35" s="8">
        <v>0.5</v>
      </c>
      <c r="O35" s="40">
        <v>0.47</v>
      </c>
      <c r="P35" s="8">
        <v>0.45</v>
      </c>
      <c r="Q35" s="8">
        <v>0.47</v>
      </c>
      <c r="R35" s="8">
        <v>0.49</v>
      </c>
      <c r="S35" s="40">
        <v>0.49</v>
      </c>
      <c r="T35" s="40">
        <v>0.49</v>
      </c>
      <c r="U35" s="40">
        <v>0.48</v>
      </c>
      <c r="V35" s="40">
        <v>0.5</v>
      </c>
      <c r="W35" s="111">
        <v>0.5</v>
      </c>
      <c r="X35" s="40">
        <v>0.48</v>
      </c>
      <c r="Y35" s="40">
        <v>0.47</v>
      </c>
      <c r="Z35" s="40">
        <v>0.47</v>
      </c>
      <c r="AA35" s="8">
        <v>0.46</v>
      </c>
      <c r="AB35" s="8">
        <v>0.45</v>
      </c>
      <c r="AC35" s="40">
        <v>0.48</v>
      </c>
      <c r="AD35" s="17">
        <v>0.47</v>
      </c>
      <c r="AE35" s="40">
        <v>0.47</v>
      </c>
      <c r="AF35" s="40">
        <v>0.45</v>
      </c>
      <c r="AG35" s="8">
        <v>0.45</v>
      </c>
      <c r="AH35" s="40">
        <v>0.45</v>
      </c>
      <c r="AI35" s="40">
        <v>0.49</v>
      </c>
      <c r="AJ35" s="40">
        <v>0.46</v>
      </c>
      <c r="AK35" s="40">
        <v>0.44</v>
      </c>
      <c r="AL35" s="40">
        <v>0.44</v>
      </c>
      <c r="AM35" s="40">
        <v>0.46</v>
      </c>
      <c r="AN35" s="40">
        <v>0.47</v>
      </c>
      <c r="AO35" s="40">
        <v>0.48</v>
      </c>
      <c r="AP35" s="8">
        <v>0.48</v>
      </c>
      <c r="AQ35" s="8">
        <v>0.45</v>
      </c>
      <c r="AR35" s="76">
        <v>0.45</v>
      </c>
      <c r="AS35" s="8">
        <v>0.47838615512927429</v>
      </c>
      <c r="AT35" s="8">
        <v>0.47083819849874892</v>
      </c>
      <c r="AU35" s="40">
        <v>0.43</v>
      </c>
      <c r="AV35" s="8">
        <v>0.45</v>
      </c>
      <c r="AW35" s="8">
        <v>0.43</v>
      </c>
      <c r="AX35" s="8">
        <v>0.43</v>
      </c>
      <c r="AY35" s="40">
        <v>0.44</v>
      </c>
      <c r="AZ35" s="8">
        <v>0.43</v>
      </c>
      <c r="BA35" s="8">
        <v>0.46</v>
      </c>
      <c r="BB35" s="8">
        <v>0.47</v>
      </c>
      <c r="BC35" s="40">
        <v>0.48</v>
      </c>
      <c r="BD35" s="40">
        <v>0.49</v>
      </c>
    </row>
    <row r="36" spans="3:56" x14ac:dyDescent="0.2">
      <c r="C36" s="126" t="s">
        <v>80</v>
      </c>
      <c r="D36" s="6" t="s">
        <v>58</v>
      </c>
      <c r="E36" s="127">
        <v>0.47</v>
      </c>
      <c r="F36" s="40">
        <v>1.1599999999999999</v>
      </c>
      <c r="G36" s="8">
        <v>1.19</v>
      </c>
      <c r="H36" s="40">
        <v>1.1100000000000001</v>
      </c>
      <c r="I36" s="40">
        <v>0.69</v>
      </c>
      <c r="J36" s="40">
        <v>0.51</v>
      </c>
      <c r="K36" s="8">
        <v>0.37</v>
      </c>
      <c r="L36" s="8">
        <v>0.27</v>
      </c>
      <c r="M36" s="8">
        <v>0.31</v>
      </c>
      <c r="N36" s="8">
        <v>0.27</v>
      </c>
      <c r="O36" s="40">
        <v>0.24</v>
      </c>
      <c r="P36" s="8">
        <v>0.25</v>
      </c>
      <c r="Q36" s="8">
        <v>0.31</v>
      </c>
      <c r="R36" s="8">
        <v>0.39</v>
      </c>
      <c r="S36" s="40">
        <v>0.44</v>
      </c>
      <c r="T36" s="40">
        <v>0.28999999999999998</v>
      </c>
      <c r="U36" s="40">
        <v>0.25</v>
      </c>
      <c r="V36" s="40">
        <v>0.19</v>
      </c>
      <c r="W36" s="111">
        <v>0.19</v>
      </c>
      <c r="X36" s="40">
        <v>0.2</v>
      </c>
      <c r="Y36" s="40">
        <v>0.28000000000000003</v>
      </c>
      <c r="Z36" s="40">
        <v>0.36</v>
      </c>
      <c r="AA36" s="8">
        <v>0.38</v>
      </c>
      <c r="AB36" s="8">
        <v>0.38</v>
      </c>
      <c r="AC36" s="40">
        <v>0.41</v>
      </c>
      <c r="AD36" s="17">
        <v>0.24</v>
      </c>
      <c r="AE36" s="40">
        <v>0.28000000000000003</v>
      </c>
      <c r="AF36" s="40">
        <v>0.32</v>
      </c>
      <c r="AG36" s="8">
        <v>0.36</v>
      </c>
      <c r="AH36" s="40">
        <v>0.36</v>
      </c>
      <c r="AI36" s="40">
        <v>0.4</v>
      </c>
      <c r="AJ36" s="40">
        <v>0.39</v>
      </c>
      <c r="AK36" s="40">
        <v>0.35</v>
      </c>
      <c r="AL36" s="40">
        <v>0.34</v>
      </c>
      <c r="AM36" s="40">
        <v>0.36</v>
      </c>
      <c r="AN36" s="40">
        <v>0.28000000000000003</v>
      </c>
      <c r="AO36" s="40">
        <v>0.21</v>
      </c>
      <c r="AP36" s="8">
        <v>0.21</v>
      </c>
      <c r="AQ36" s="8">
        <v>0.22</v>
      </c>
      <c r="AR36" s="76">
        <v>0.18</v>
      </c>
      <c r="AS36" s="8">
        <v>0.21021148547414581</v>
      </c>
      <c r="AT36" s="8">
        <v>0.26494261721176682</v>
      </c>
      <c r="AU36" s="40">
        <v>0.39</v>
      </c>
      <c r="AV36" s="8">
        <v>0.33</v>
      </c>
      <c r="AW36" s="8">
        <v>0.31</v>
      </c>
      <c r="AX36" s="8">
        <v>0.55000000000000004</v>
      </c>
      <c r="AY36" s="40">
        <v>0.61</v>
      </c>
      <c r="AZ36" s="8">
        <v>0.56000000000000005</v>
      </c>
      <c r="BA36" s="8">
        <v>0.61</v>
      </c>
      <c r="BB36" s="8">
        <v>0.53</v>
      </c>
      <c r="BC36" s="40">
        <v>0.57999999999999996</v>
      </c>
      <c r="BD36" s="127">
        <v>0.33</v>
      </c>
    </row>
    <row r="37" spans="3:56" x14ac:dyDescent="0.2">
      <c r="C37" s="16" t="s">
        <v>122</v>
      </c>
      <c r="D37" s="6" t="s">
        <v>58</v>
      </c>
      <c r="E37" s="40">
        <v>0.28000000000000003</v>
      </c>
      <c r="F37" s="40">
        <v>0.32</v>
      </c>
      <c r="G37" s="8">
        <v>0.32</v>
      </c>
      <c r="H37" s="40">
        <v>0.31</v>
      </c>
      <c r="I37" s="40">
        <v>0.34</v>
      </c>
      <c r="J37" s="40">
        <v>0.35</v>
      </c>
      <c r="K37" s="8">
        <v>0.35</v>
      </c>
      <c r="L37" s="8">
        <v>0.28000000000000003</v>
      </c>
      <c r="M37" s="8">
        <v>0.28000000000000003</v>
      </c>
      <c r="N37" s="8">
        <v>0.3</v>
      </c>
      <c r="O37" s="40">
        <v>0.33</v>
      </c>
      <c r="P37" s="8">
        <v>0.37</v>
      </c>
      <c r="Q37" s="8">
        <v>0.39</v>
      </c>
      <c r="R37" s="8">
        <v>0.41</v>
      </c>
      <c r="S37" s="40">
        <v>0.42</v>
      </c>
      <c r="T37" s="40">
        <v>0.44</v>
      </c>
      <c r="U37" s="40">
        <v>0.45</v>
      </c>
      <c r="V37" s="40">
        <v>0.45</v>
      </c>
      <c r="W37" s="111">
        <v>0.45</v>
      </c>
      <c r="X37" s="40">
        <v>0.46</v>
      </c>
      <c r="Y37" s="40">
        <v>0.5</v>
      </c>
      <c r="Z37" s="40">
        <v>0.52</v>
      </c>
      <c r="AA37" s="8">
        <v>0.5</v>
      </c>
      <c r="AB37" s="8">
        <v>0.49</v>
      </c>
      <c r="AC37" s="40">
        <v>0.47</v>
      </c>
      <c r="AD37" s="17">
        <v>0.45</v>
      </c>
      <c r="AE37" s="40">
        <v>0.44</v>
      </c>
      <c r="AF37" s="40">
        <v>0.4</v>
      </c>
      <c r="AG37" s="8">
        <v>0.37</v>
      </c>
      <c r="AH37" s="40">
        <v>0.34</v>
      </c>
      <c r="AI37" s="40">
        <v>0.3</v>
      </c>
      <c r="AJ37" s="40">
        <v>0.28999999999999998</v>
      </c>
      <c r="AK37" s="40">
        <v>0.26</v>
      </c>
      <c r="AL37" s="40">
        <v>0.24</v>
      </c>
      <c r="AM37" s="40">
        <v>0.23</v>
      </c>
      <c r="AN37" s="40">
        <v>0.2</v>
      </c>
      <c r="AO37" s="40">
        <v>0.17</v>
      </c>
      <c r="AP37" s="8">
        <v>0.17</v>
      </c>
      <c r="AQ37" s="8">
        <v>0.16</v>
      </c>
      <c r="AR37" s="76">
        <v>0.15</v>
      </c>
      <c r="AS37" s="8">
        <v>0.1356701986053257</v>
      </c>
      <c r="AT37" s="8">
        <v>0.12126738872737629</v>
      </c>
      <c r="AU37" s="40">
        <v>0.12</v>
      </c>
      <c r="AV37" s="8">
        <v>0.09</v>
      </c>
      <c r="AW37" s="8">
        <v>0.08</v>
      </c>
      <c r="AX37" s="8">
        <v>0.08</v>
      </c>
      <c r="AY37" s="40">
        <v>0.08</v>
      </c>
      <c r="AZ37" s="8">
        <v>0.09</v>
      </c>
      <c r="BA37" s="8">
        <v>0.09</v>
      </c>
      <c r="BB37" s="8">
        <v>0.09</v>
      </c>
      <c r="BC37" s="40">
        <v>0.09</v>
      </c>
      <c r="BD37" s="40">
        <v>0.09</v>
      </c>
    </row>
    <row r="38" spans="3:56" x14ac:dyDescent="0.2">
      <c r="C38" s="16" t="s">
        <v>82</v>
      </c>
      <c r="D38" s="6" t="s">
        <v>58</v>
      </c>
      <c r="E38" s="40">
        <v>1.97</v>
      </c>
      <c r="F38" s="40">
        <v>2.15</v>
      </c>
      <c r="G38" s="8">
        <v>2.56</v>
      </c>
      <c r="H38" s="40">
        <v>2.95</v>
      </c>
      <c r="I38" s="40">
        <v>3.12</v>
      </c>
      <c r="J38" s="40">
        <v>4.05</v>
      </c>
      <c r="K38" s="8">
        <v>4.3099999999999996</v>
      </c>
      <c r="L38" s="8">
        <v>3.78</v>
      </c>
      <c r="M38" s="8">
        <v>2.09</v>
      </c>
      <c r="N38" s="8">
        <v>2.46</v>
      </c>
      <c r="O38" s="40">
        <v>2.57</v>
      </c>
      <c r="P38" s="8">
        <v>2.37</v>
      </c>
      <c r="Q38" s="8">
        <v>2.52</v>
      </c>
      <c r="R38" s="8">
        <v>2.56</v>
      </c>
      <c r="S38" s="40">
        <v>2.1</v>
      </c>
      <c r="T38" s="40">
        <v>1.61</v>
      </c>
      <c r="U38" s="40">
        <v>1.63</v>
      </c>
      <c r="V38" s="40">
        <v>1.59</v>
      </c>
      <c r="W38" s="111">
        <v>1.67</v>
      </c>
      <c r="X38" s="40">
        <v>1.68</v>
      </c>
      <c r="Y38" s="40">
        <v>1.87</v>
      </c>
      <c r="Z38" s="40">
        <v>1.99</v>
      </c>
      <c r="AA38" s="8">
        <v>1.88</v>
      </c>
      <c r="AB38" s="8">
        <v>1.9</v>
      </c>
      <c r="AC38" s="40">
        <v>1.78</v>
      </c>
      <c r="AD38" s="17">
        <v>1.68</v>
      </c>
      <c r="AE38" s="40">
        <v>1.61</v>
      </c>
      <c r="AF38" s="40">
        <v>1.33</v>
      </c>
      <c r="AG38" s="8">
        <v>1.53</v>
      </c>
      <c r="AH38" s="40">
        <v>1.68</v>
      </c>
      <c r="AI38" s="40">
        <v>1.86</v>
      </c>
      <c r="AJ38" s="40">
        <v>2.02</v>
      </c>
      <c r="AK38" s="40">
        <v>2.17</v>
      </c>
      <c r="AL38" s="40">
        <v>1.79</v>
      </c>
      <c r="AM38" s="40">
        <v>2.06</v>
      </c>
      <c r="AN38" s="40">
        <v>2.27</v>
      </c>
      <c r="AO38" s="40">
        <v>2.48</v>
      </c>
      <c r="AP38" s="8">
        <v>2.48</v>
      </c>
      <c r="AQ38" s="8">
        <v>2.42</v>
      </c>
      <c r="AR38" s="76">
        <v>1.83</v>
      </c>
      <c r="AS38" s="8">
        <v>1.6245177503470964</v>
      </c>
      <c r="AT38" s="8">
        <v>1.6997211766497684</v>
      </c>
      <c r="AU38" s="40">
        <v>1.82</v>
      </c>
      <c r="AV38" s="8">
        <v>1.85</v>
      </c>
      <c r="AW38" s="8">
        <v>1.65</v>
      </c>
      <c r="AX38" s="8">
        <v>1.78</v>
      </c>
      <c r="AY38" s="40">
        <v>2.11</v>
      </c>
      <c r="AZ38" s="8">
        <v>2.0499999999999998</v>
      </c>
      <c r="BA38" s="8">
        <v>2.13</v>
      </c>
      <c r="BB38" s="8">
        <v>1.78</v>
      </c>
      <c r="BC38" s="40">
        <v>1.99</v>
      </c>
      <c r="BD38" s="40">
        <v>1.75</v>
      </c>
    </row>
    <row r="39" spans="3:56" x14ac:dyDescent="0.2">
      <c r="C39" s="16" t="s">
        <v>84</v>
      </c>
      <c r="D39" s="6" t="s">
        <v>85</v>
      </c>
      <c r="E39" s="40">
        <v>0.25</v>
      </c>
      <c r="F39" s="40">
        <v>0.26</v>
      </c>
      <c r="G39" s="8">
        <v>0.28000000000000003</v>
      </c>
      <c r="H39" s="40">
        <v>0.26</v>
      </c>
      <c r="I39" s="40">
        <v>0.25</v>
      </c>
      <c r="J39" s="40">
        <v>0.25</v>
      </c>
      <c r="K39" s="8">
        <v>0.25</v>
      </c>
      <c r="L39" s="8">
        <v>0.28000000000000003</v>
      </c>
      <c r="M39" s="8">
        <v>0.27</v>
      </c>
      <c r="N39" s="8">
        <v>0.25</v>
      </c>
      <c r="O39" s="40">
        <v>0.22</v>
      </c>
      <c r="P39" s="8">
        <v>0.21</v>
      </c>
      <c r="Q39" s="8">
        <v>0.23</v>
      </c>
      <c r="R39" s="8">
        <v>0.23</v>
      </c>
      <c r="S39" s="40">
        <v>0.22</v>
      </c>
      <c r="T39" s="40">
        <v>0.24</v>
      </c>
      <c r="U39" s="40">
        <v>0.22</v>
      </c>
      <c r="V39" s="40">
        <v>0.21</v>
      </c>
      <c r="W39" s="111">
        <v>0.19</v>
      </c>
      <c r="X39" s="40">
        <v>0.2</v>
      </c>
      <c r="Y39" s="40">
        <v>0.21</v>
      </c>
      <c r="Z39" s="40">
        <v>0.2</v>
      </c>
      <c r="AA39" s="8">
        <v>0.22</v>
      </c>
      <c r="AB39" s="8">
        <v>0.22</v>
      </c>
      <c r="AC39" s="40">
        <v>0.21</v>
      </c>
      <c r="AD39" s="17">
        <v>0.21</v>
      </c>
      <c r="AE39" s="40">
        <v>0.24</v>
      </c>
      <c r="AF39" s="40">
        <v>0.27</v>
      </c>
      <c r="AG39" s="8">
        <v>0.3</v>
      </c>
      <c r="AH39" s="40">
        <v>0.28999999999999998</v>
      </c>
      <c r="AI39" s="40">
        <v>0.26</v>
      </c>
      <c r="AJ39" s="40">
        <v>0.26</v>
      </c>
      <c r="AK39" s="40">
        <v>0.26</v>
      </c>
      <c r="AL39" s="40">
        <v>0.27</v>
      </c>
      <c r="AM39" s="40">
        <v>0.25</v>
      </c>
      <c r="AN39" s="40">
        <v>0.28000000000000003</v>
      </c>
      <c r="AO39" s="40">
        <v>0.31</v>
      </c>
      <c r="AP39" s="8">
        <v>0.31</v>
      </c>
      <c r="AQ39" s="8">
        <v>0.31</v>
      </c>
      <c r="AR39" s="76">
        <v>0.33</v>
      </c>
      <c r="AS39" s="8">
        <v>0.35593444508338118</v>
      </c>
      <c r="AT39" s="8">
        <v>0.28127276212382596</v>
      </c>
      <c r="AU39" s="40">
        <v>0.27</v>
      </c>
      <c r="AV39" s="8">
        <v>0.31</v>
      </c>
      <c r="AW39" s="8">
        <v>0.28999999999999998</v>
      </c>
      <c r="AX39" s="8">
        <v>0.28000000000000003</v>
      </c>
      <c r="AY39" s="40">
        <v>0.25</v>
      </c>
      <c r="AZ39" s="8">
        <v>0.26</v>
      </c>
      <c r="BA39" s="8">
        <v>0.25</v>
      </c>
      <c r="BB39" s="8">
        <v>0.3</v>
      </c>
      <c r="BC39" s="40">
        <v>0.27</v>
      </c>
      <c r="BD39" s="40">
        <v>0.26</v>
      </c>
    </row>
    <row r="40" spans="3:56" x14ac:dyDescent="0.2">
      <c r="C40" s="16" t="s">
        <v>118</v>
      </c>
      <c r="D40" s="6" t="s">
        <v>58</v>
      </c>
      <c r="E40" s="40">
        <v>0.75</v>
      </c>
      <c r="F40" s="40">
        <v>0.59</v>
      </c>
      <c r="G40" s="8">
        <v>0.68</v>
      </c>
      <c r="H40" s="40">
        <v>0.65</v>
      </c>
      <c r="I40" s="40">
        <v>0.77</v>
      </c>
      <c r="J40" s="40">
        <v>0.83</v>
      </c>
      <c r="K40" s="8">
        <v>0.72</v>
      </c>
      <c r="L40" s="8">
        <v>0.67</v>
      </c>
      <c r="M40" s="8">
        <v>0.86</v>
      </c>
      <c r="N40" s="8">
        <v>0.88</v>
      </c>
      <c r="O40" s="40">
        <v>0.85</v>
      </c>
      <c r="P40" s="8">
        <v>1.05</v>
      </c>
      <c r="Q40" s="8">
        <v>0.97</v>
      </c>
      <c r="R40" s="8">
        <v>1.04</v>
      </c>
      <c r="S40" s="40">
        <v>1.06</v>
      </c>
      <c r="T40" s="40">
        <v>1.03</v>
      </c>
      <c r="U40" s="40">
        <v>0.96</v>
      </c>
      <c r="V40" s="40">
        <v>1.01</v>
      </c>
      <c r="W40" s="111">
        <v>0.9</v>
      </c>
      <c r="X40" s="40">
        <v>0.76</v>
      </c>
      <c r="Y40" s="40">
        <v>0.65</v>
      </c>
      <c r="Z40" s="40">
        <v>0.56000000000000005</v>
      </c>
      <c r="AA40" s="8">
        <v>0.65</v>
      </c>
      <c r="AB40" s="8">
        <v>0.62</v>
      </c>
      <c r="AC40" s="40">
        <v>0.67</v>
      </c>
      <c r="AD40" s="17">
        <v>0.61</v>
      </c>
      <c r="AE40" s="40">
        <v>0.76</v>
      </c>
      <c r="AF40" s="40">
        <v>0.77</v>
      </c>
      <c r="AG40" s="8">
        <v>0.8</v>
      </c>
      <c r="AH40" s="40">
        <v>0.72</v>
      </c>
      <c r="AI40" s="40">
        <v>0.66</v>
      </c>
      <c r="AJ40" s="40">
        <v>0.6</v>
      </c>
      <c r="AK40" s="40">
        <v>0.66</v>
      </c>
      <c r="AL40" s="40">
        <v>0.62</v>
      </c>
      <c r="AM40" s="40">
        <v>0.6</v>
      </c>
      <c r="AN40" s="40">
        <v>0.6</v>
      </c>
      <c r="AO40" s="40">
        <v>0.71</v>
      </c>
      <c r="AP40" s="8">
        <v>0.71</v>
      </c>
      <c r="AQ40" s="8">
        <v>0.64</v>
      </c>
      <c r="AR40" s="76">
        <v>0.7</v>
      </c>
      <c r="AS40" s="8">
        <v>0.70173957356828198</v>
      </c>
      <c r="AT40" s="8">
        <v>0.6226315919867671</v>
      </c>
      <c r="AU40" s="40">
        <v>0.62</v>
      </c>
      <c r="AV40" s="8">
        <v>0.52</v>
      </c>
      <c r="AW40" s="8">
        <v>0.55000000000000004</v>
      </c>
      <c r="AX40" s="8">
        <v>0.53</v>
      </c>
      <c r="AY40" s="40">
        <v>0.59</v>
      </c>
      <c r="AZ40" s="8">
        <v>0.59</v>
      </c>
      <c r="BA40" s="8">
        <v>0.65</v>
      </c>
      <c r="BB40" s="8">
        <v>0.61</v>
      </c>
      <c r="BC40" s="40">
        <v>0.62</v>
      </c>
      <c r="BD40" s="40">
        <v>0.75</v>
      </c>
    </row>
    <row r="41" spans="3:56" x14ac:dyDescent="0.2">
      <c r="C41" s="16" t="s">
        <v>104</v>
      </c>
      <c r="D41" s="6" t="s">
        <v>58</v>
      </c>
      <c r="E41" s="40">
        <v>0.6</v>
      </c>
      <c r="F41" s="40">
        <v>0.77</v>
      </c>
      <c r="G41" s="8">
        <v>0.82</v>
      </c>
      <c r="H41" s="40">
        <v>0.72</v>
      </c>
      <c r="I41" s="40">
        <v>0.56999999999999995</v>
      </c>
      <c r="J41" s="40">
        <v>0.47</v>
      </c>
      <c r="K41" s="8">
        <v>0.5</v>
      </c>
      <c r="L41" s="8">
        <v>0.53</v>
      </c>
      <c r="M41" s="8">
        <v>0.65</v>
      </c>
      <c r="N41" s="8">
        <v>0.67</v>
      </c>
      <c r="O41" s="40">
        <v>0.6</v>
      </c>
      <c r="P41" s="8">
        <v>0.64</v>
      </c>
      <c r="Q41" s="8">
        <v>0.66</v>
      </c>
      <c r="R41" s="8">
        <v>0.69</v>
      </c>
      <c r="S41" s="40">
        <v>0.7</v>
      </c>
      <c r="T41" s="40">
        <v>0.65</v>
      </c>
      <c r="U41" s="40">
        <v>0.49</v>
      </c>
      <c r="V41" s="40">
        <v>0.43</v>
      </c>
      <c r="W41" s="111">
        <v>0.43</v>
      </c>
      <c r="X41" s="40">
        <v>0.36</v>
      </c>
      <c r="Y41" s="40">
        <v>0.38</v>
      </c>
      <c r="Z41" s="40">
        <v>0.43</v>
      </c>
      <c r="AA41" s="8">
        <v>0.56000000000000005</v>
      </c>
      <c r="AB41" s="8">
        <v>0.59</v>
      </c>
      <c r="AC41" s="40">
        <v>0.61</v>
      </c>
      <c r="AD41" s="17">
        <v>0.62</v>
      </c>
      <c r="AE41" s="40">
        <v>0.69</v>
      </c>
      <c r="AF41" s="40">
        <v>0.63</v>
      </c>
      <c r="AG41" s="8">
        <v>0.59</v>
      </c>
      <c r="AH41" s="40">
        <v>0.72</v>
      </c>
      <c r="AI41" s="40">
        <v>0.74</v>
      </c>
      <c r="AJ41" s="40">
        <v>0.72</v>
      </c>
      <c r="AK41" s="40">
        <v>0.74</v>
      </c>
      <c r="AL41" s="40">
        <v>0.62</v>
      </c>
      <c r="AM41" s="40">
        <v>0.63</v>
      </c>
      <c r="AN41" s="40">
        <v>0.59</v>
      </c>
      <c r="AO41" s="40">
        <v>0.6</v>
      </c>
      <c r="AP41" s="8">
        <v>0.6</v>
      </c>
      <c r="AQ41" s="8">
        <v>0.63</v>
      </c>
      <c r="AR41" s="76">
        <v>0.61</v>
      </c>
      <c r="AS41" s="8">
        <v>0.58219467246215062</v>
      </c>
      <c r="AT41" s="8">
        <v>0.61685469683842631</v>
      </c>
      <c r="AU41" s="40">
        <v>0.6</v>
      </c>
      <c r="AV41" s="8">
        <v>0.64</v>
      </c>
      <c r="AW41" s="8">
        <v>0.55000000000000004</v>
      </c>
      <c r="AX41" s="8">
        <v>0.56000000000000005</v>
      </c>
      <c r="AY41" s="40">
        <v>0.57999999999999996</v>
      </c>
      <c r="AZ41" s="8">
        <v>0.57999999999999996</v>
      </c>
      <c r="BA41" s="8">
        <v>0.68</v>
      </c>
      <c r="BB41" s="8">
        <v>0.72</v>
      </c>
      <c r="BC41" s="40">
        <v>0.68</v>
      </c>
      <c r="BD41" s="40">
        <v>0.65</v>
      </c>
    </row>
    <row r="42" spans="3:56" x14ac:dyDescent="0.2">
      <c r="C42" s="16" t="s">
        <v>87</v>
      </c>
      <c r="D42" s="6" t="s">
        <v>58</v>
      </c>
      <c r="E42" s="40">
        <v>0.2</v>
      </c>
      <c r="F42" s="40">
        <v>0.22</v>
      </c>
      <c r="G42" s="8">
        <v>0.22</v>
      </c>
      <c r="H42" s="40">
        <v>0.22</v>
      </c>
      <c r="I42" s="40">
        <v>0.23</v>
      </c>
      <c r="J42" s="40">
        <v>0.22</v>
      </c>
      <c r="K42" s="8">
        <v>0.23</v>
      </c>
      <c r="L42" s="8">
        <v>0.26</v>
      </c>
      <c r="M42" s="8">
        <v>0.3</v>
      </c>
      <c r="N42" s="8">
        <v>0.36</v>
      </c>
      <c r="O42" s="40">
        <v>0.43</v>
      </c>
      <c r="P42" s="8">
        <v>0.51</v>
      </c>
      <c r="Q42" s="8">
        <v>0.51</v>
      </c>
      <c r="R42" s="8">
        <v>0.51</v>
      </c>
      <c r="S42" s="40">
        <v>0.51</v>
      </c>
      <c r="T42" s="40">
        <v>0.51</v>
      </c>
      <c r="U42" s="40">
        <v>0.51</v>
      </c>
      <c r="V42" s="40">
        <v>0.51</v>
      </c>
      <c r="W42" s="111">
        <v>0.57999999999999996</v>
      </c>
      <c r="X42" s="40">
        <v>0.51</v>
      </c>
      <c r="Y42" s="40">
        <v>0.51</v>
      </c>
      <c r="Z42" s="40">
        <v>0.55000000000000004</v>
      </c>
      <c r="AA42" s="8">
        <v>0.56000000000000005</v>
      </c>
      <c r="AB42" s="8">
        <v>0.56000000000000005</v>
      </c>
      <c r="AC42" s="40">
        <v>0.56000000000000005</v>
      </c>
      <c r="AD42" s="17">
        <v>0.56000000000000005</v>
      </c>
      <c r="AE42" s="40">
        <v>0.5</v>
      </c>
      <c r="AF42" s="40">
        <v>0.46</v>
      </c>
      <c r="AG42" s="8">
        <v>0.36</v>
      </c>
      <c r="AH42" s="40">
        <v>0.25</v>
      </c>
      <c r="AI42" s="40">
        <v>0.2</v>
      </c>
      <c r="AJ42" s="40">
        <v>0.19</v>
      </c>
      <c r="AK42" s="40">
        <v>0.18</v>
      </c>
      <c r="AL42" s="40">
        <v>0.18</v>
      </c>
      <c r="AM42" s="40">
        <v>0.17</v>
      </c>
      <c r="AN42" s="40">
        <v>0.18</v>
      </c>
      <c r="AO42" s="40">
        <v>0.18</v>
      </c>
      <c r="AP42" s="8">
        <v>0.18</v>
      </c>
      <c r="AQ42" s="8">
        <v>0.18</v>
      </c>
      <c r="AR42" s="76">
        <v>0.18</v>
      </c>
      <c r="AS42" s="8">
        <v>0.18</v>
      </c>
      <c r="AT42" s="8">
        <v>0.18</v>
      </c>
      <c r="AU42" s="40">
        <v>0.18</v>
      </c>
      <c r="AV42" s="8">
        <v>0.18</v>
      </c>
      <c r="AW42" s="8">
        <v>0.18</v>
      </c>
      <c r="AX42" s="8">
        <v>0.18</v>
      </c>
      <c r="AY42" s="40">
        <v>0.18</v>
      </c>
      <c r="AZ42" s="8">
        <v>0.18</v>
      </c>
      <c r="BA42" s="8">
        <v>0.19</v>
      </c>
      <c r="BB42" s="8">
        <v>0.19</v>
      </c>
      <c r="BC42" s="40">
        <v>0.19</v>
      </c>
      <c r="BD42" s="40">
        <v>0.19</v>
      </c>
    </row>
    <row r="43" spans="3:56" x14ac:dyDescent="0.2">
      <c r="C43" s="16" t="s">
        <v>88</v>
      </c>
      <c r="D43" s="6" t="s">
        <v>58</v>
      </c>
      <c r="E43" s="40">
        <v>0.24</v>
      </c>
      <c r="F43" s="40">
        <v>0.24</v>
      </c>
      <c r="G43" s="8">
        <v>0.22</v>
      </c>
      <c r="H43" s="40">
        <v>0.2</v>
      </c>
      <c r="I43" s="40">
        <v>0.21</v>
      </c>
      <c r="J43" s="40">
        <v>0.22</v>
      </c>
      <c r="K43" s="8">
        <v>0.22</v>
      </c>
      <c r="L43" s="8">
        <v>0.21</v>
      </c>
      <c r="M43" s="17">
        <v>0.2</v>
      </c>
      <c r="N43" s="8">
        <v>0.18</v>
      </c>
      <c r="O43" s="40">
        <v>0.18</v>
      </c>
      <c r="P43" s="8">
        <v>0.17</v>
      </c>
      <c r="Q43" s="8">
        <v>0.16</v>
      </c>
      <c r="R43" s="8">
        <v>0.15</v>
      </c>
      <c r="S43" s="40">
        <v>0.15</v>
      </c>
      <c r="T43" s="40">
        <v>0.16</v>
      </c>
      <c r="U43" s="40">
        <v>0.24</v>
      </c>
      <c r="V43" s="40">
        <v>0.28000000000000003</v>
      </c>
      <c r="W43" s="111">
        <v>0.3</v>
      </c>
      <c r="X43" s="40">
        <v>0.34</v>
      </c>
      <c r="Y43" s="40">
        <v>0.39</v>
      </c>
      <c r="Z43" s="40">
        <v>0.39</v>
      </c>
      <c r="AA43" s="8">
        <v>0.36</v>
      </c>
      <c r="AB43" s="8">
        <v>0.35</v>
      </c>
      <c r="AC43" s="40">
        <v>0.36</v>
      </c>
      <c r="AD43" s="17">
        <v>0.36</v>
      </c>
      <c r="AE43" s="40">
        <v>0.35</v>
      </c>
      <c r="AF43" s="40">
        <v>0.33</v>
      </c>
      <c r="AG43" s="8">
        <v>0.32</v>
      </c>
      <c r="AH43" s="40">
        <v>0.3</v>
      </c>
      <c r="AI43" s="40">
        <v>0.27</v>
      </c>
      <c r="AJ43" s="40">
        <v>0.25</v>
      </c>
      <c r="AK43" s="40">
        <v>0.21</v>
      </c>
      <c r="AL43" s="40">
        <v>0.17</v>
      </c>
      <c r="AM43" s="40">
        <v>0.18</v>
      </c>
      <c r="AN43" s="40">
        <v>0.14000000000000001</v>
      </c>
      <c r="AO43" s="40">
        <v>0.37</v>
      </c>
      <c r="AP43" s="8">
        <v>0.37</v>
      </c>
      <c r="AQ43" s="8">
        <v>0.41</v>
      </c>
      <c r="AR43" s="76">
        <v>0.38</v>
      </c>
      <c r="AS43" s="8">
        <v>0.39662997678560075</v>
      </c>
      <c r="AT43" s="8">
        <v>0.39151159924950713</v>
      </c>
      <c r="AU43" s="40">
        <v>0.39</v>
      </c>
      <c r="AV43" s="8">
        <v>0.39</v>
      </c>
      <c r="AW43" s="8">
        <v>0.4</v>
      </c>
      <c r="AX43" s="8">
        <v>0.36</v>
      </c>
      <c r="AY43" s="40">
        <v>0.39</v>
      </c>
      <c r="AZ43" s="8">
        <v>0.39</v>
      </c>
      <c r="BA43" s="8">
        <v>0.41</v>
      </c>
      <c r="BB43" s="8">
        <v>0.41</v>
      </c>
      <c r="BC43" s="40">
        <v>0.41</v>
      </c>
      <c r="BD43" s="40">
        <v>0.41</v>
      </c>
    </row>
    <row r="44" spans="3:56" x14ac:dyDescent="0.2">
      <c r="C44" s="18" t="s">
        <v>123</v>
      </c>
      <c r="D44" s="6" t="s">
        <v>58</v>
      </c>
      <c r="E44" s="94">
        <v>0.17</v>
      </c>
      <c r="F44" s="94">
        <v>0.17</v>
      </c>
      <c r="G44" s="8">
        <v>0.18</v>
      </c>
      <c r="H44" s="94">
        <v>0.19</v>
      </c>
      <c r="I44" s="94" t="s">
        <v>169</v>
      </c>
      <c r="J44" s="94">
        <v>0.22</v>
      </c>
      <c r="K44" s="8">
        <v>0.22</v>
      </c>
      <c r="L44" s="8">
        <v>0.22</v>
      </c>
      <c r="M44" s="17">
        <v>0.22</v>
      </c>
      <c r="N44" s="8" t="s">
        <v>90</v>
      </c>
      <c r="O44" s="94" t="s">
        <v>90</v>
      </c>
      <c r="P44" s="94" t="s">
        <v>90</v>
      </c>
      <c r="Q44" s="94" t="s">
        <v>90</v>
      </c>
      <c r="R44" s="94" t="s">
        <v>90</v>
      </c>
      <c r="S44" s="94"/>
      <c r="T44" s="94"/>
      <c r="U44" s="94"/>
      <c r="V44" s="94" t="s">
        <v>90</v>
      </c>
      <c r="W44" s="111" t="s">
        <v>90</v>
      </c>
      <c r="X44" s="94" t="s">
        <v>90</v>
      </c>
      <c r="Y44" s="94" t="s">
        <v>90</v>
      </c>
      <c r="Z44" s="94" t="s">
        <v>90</v>
      </c>
      <c r="AA44" s="8" t="s">
        <v>90</v>
      </c>
      <c r="AB44" s="8" t="s">
        <v>90</v>
      </c>
      <c r="AC44" s="94"/>
      <c r="AD44" s="17" t="s">
        <v>90</v>
      </c>
      <c r="AE44" s="94" t="s">
        <v>90</v>
      </c>
      <c r="AF44" s="94" t="s">
        <v>90</v>
      </c>
      <c r="AG44" s="8" t="s">
        <v>90</v>
      </c>
      <c r="AH44" s="94" t="s">
        <v>90</v>
      </c>
      <c r="AI44" s="94" t="s">
        <v>90</v>
      </c>
      <c r="AJ44" s="94" t="s">
        <v>90</v>
      </c>
      <c r="AK44" s="94" t="s">
        <v>90</v>
      </c>
      <c r="AL44" s="94">
        <v>0.37</v>
      </c>
      <c r="AM44" s="94">
        <v>0.37</v>
      </c>
      <c r="AN44" s="94">
        <v>0.35</v>
      </c>
      <c r="AO44" s="94">
        <v>0.35</v>
      </c>
      <c r="AP44" s="8">
        <v>0.35</v>
      </c>
      <c r="AQ44" s="8">
        <v>0.35</v>
      </c>
      <c r="AR44" s="76">
        <v>0.35</v>
      </c>
      <c r="AS44" s="8">
        <v>0.34</v>
      </c>
      <c r="AT44" s="8">
        <v>0.36</v>
      </c>
      <c r="AU44" s="94">
        <v>0.32</v>
      </c>
      <c r="AV44" s="8">
        <v>0.34</v>
      </c>
      <c r="AW44" s="8">
        <v>0.32</v>
      </c>
      <c r="AX44" s="8">
        <v>0.34</v>
      </c>
      <c r="AY44" s="94">
        <v>0.35</v>
      </c>
      <c r="AZ44" s="8">
        <v>0.34</v>
      </c>
      <c r="BA44" s="8">
        <v>0.32</v>
      </c>
      <c r="BB44" s="8">
        <v>0.32</v>
      </c>
      <c r="BC44" s="94">
        <v>0.32</v>
      </c>
      <c r="BD44" s="94">
        <v>0.34</v>
      </c>
    </row>
    <row r="45" spans="3:56" x14ac:dyDescent="0.2">
      <c r="C45" s="18" t="s">
        <v>100</v>
      </c>
      <c r="D45" s="6" t="s">
        <v>58</v>
      </c>
      <c r="E45" s="40">
        <v>0.14000000000000001</v>
      </c>
      <c r="F45" s="40">
        <v>0.14000000000000001</v>
      </c>
      <c r="G45" s="8">
        <v>0.15</v>
      </c>
      <c r="H45" s="40">
        <v>0.15</v>
      </c>
      <c r="I45" s="40">
        <v>0.15</v>
      </c>
      <c r="J45" s="40">
        <v>0.15</v>
      </c>
      <c r="K45" s="8">
        <v>0.17</v>
      </c>
      <c r="L45" s="8">
        <v>0.17</v>
      </c>
      <c r="M45" s="8">
        <v>0.17</v>
      </c>
      <c r="N45" s="8">
        <v>0.17</v>
      </c>
      <c r="O45" s="40">
        <v>0.17</v>
      </c>
      <c r="P45" s="8">
        <v>0.19</v>
      </c>
      <c r="Q45" s="8">
        <v>0.17</v>
      </c>
      <c r="R45" s="8">
        <v>0.16</v>
      </c>
      <c r="S45" s="40">
        <v>0.15</v>
      </c>
      <c r="T45" s="40">
        <v>0.15</v>
      </c>
      <c r="U45" s="40">
        <v>0.15</v>
      </c>
      <c r="V45" s="40">
        <v>0.14000000000000001</v>
      </c>
      <c r="W45" s="111">
        <v>0.14000000000000001</v>
      </c>
      <c r="X45" s="40">
        <v>0.13</v>
      </c>
      <c r="Y45" s="40">
        <v>0.13</v>
      </c>
      <c r="Z45" s="40">
        <v>0.12</v>
      </c>
      <c r="AA45" s="8">
        <v>0.12</v>
      </c>
      <c r="AB45" s="8">
        <v>0.12</v>
      </c>
      <c r="AC45" s="40">
        <v>0.11</v>
      </c>
      <c r="AD45" s="17">
        <v>0.1</v>
      </c>
      <c r="AE45" s="40">
        <v>0.11</v>
      </c>
      <c r="AF45" s="40">
        <v>0.11</v>
      </c>
      <c r="AG45" s="8">
        <v>0.09</v>
      </c>
      <c r="AH45" s="40" t="s">
        <v>90</v>
      </c>
      <c r="AI45" s="40" t="s">
        <v>90</v>
      </c>
      <c r="AJ45" s="40" t="s">
        <v>90</v>
      </c>
      <c r="AK45" s="40" t="s">
        <v>90</v>
      </c>
      <c r="AL45" s="40">
        <v>0.2</v>
      </c>
      <c r="AM45" s="40">
        <v>0.2</v>
      </c>
      <c r="AN45" s="40">
        <v>0.2</v>
      </c>
      <c r="AO45" s="40">
        <v>0.21</v>
      </c>
      <c r="AP45" s="8">
        <v>0.21</v>
      </c>
      <c r="AQ45" s="8">
        <v>0.21</v>
      </c>
      <c r="AR45" s="76">
        <v>0.2</v>
      </c>
      <c r="AS45" s="8">
        <v>0.20748775838650399</v>
      </c>
      <c r="AT45" s="8">
        <v>0.19838657531588499</v>
      </c>
      <c r="AU45" s="40">
        <v>0.2</v>
      </c>
      <c r="AV45" s="8">
        <v>0.21</v>
      </c>
      <c r="AW45" s="8">
        <v>0.21</v>
      </c>
      <c r="AX45" s="8">
        <v>0.22</v>
      </c>
      <c r="AY45" s="40">
        <v>0.23</v>
      </c>
      <c r="AZ45" s="8">
        <v>0.24</v>
      </c>
      <c r="BA45" s="8">
        <v>0.24</v>
      </c>
      <c r="BB45" s="8">
        <v>0.23</v>
      </c>
      <c r="BC45" s="40">
        <v>0.23</v>
      </c>
      <c r="BD45" s="40">
        <v>0.24</v>
      </c>
    </row>
    <row r="46" spans="3:56" x14ac:dyDescent="0.2">
      <c r="C46" s="16" t="s">
        <v>89</v>
      </c>
      <c r="D46" s="6" t="s">
        <v>58</v>
      </c>
      <c r="E46" s="40">
        <v>0.44</v>
      </c>
      <c r="F46" s="40">
        <v>0.42</v>
      </c>
      <c r="G46" s="8">
        <v>0.42</v>
      </c>
      <c r="H46" s="40">
        <v>0.41</v>
      </c>
      <c r="I46" s="40">
        <v>0.41</v>
      </c>
      <c r="J46" s="40">
        <v>0.41</v>
      </c>
      <c r="K46" s="8">
        <v>0.41</v>
      </c>
      <c r="L46" s="8">
        <v>0.41</v>
      </c>
      <c r="M46" s="8">
        <v>0.4</v>
      </c>
      <c r="N46" s="8">
        <v>0.4</v>
      </c>
      <c r="O46" s="40">
        <v>0.39</v>
      </c>
      <c r="P46" s="8">
        <v>0.37</v>
      </c>
      <c r="Q46" s="8">
        <v>0.37</v>
      </c>
      <c r="R46" s="8">
        <v>0.37</v>
      </c>
      <c r="S46" s="40">
        <v>0.37</v>
      </c>
      <c r="T46" s="40">
        <v>0.35</v>
      </c>
      <c r="U46" s="40">
        <v>0.35</v>
      </c>
      <c r="V46" s="40">
        <v>0.35</v>
      </c>
      <c r="W46" s="111">
        <v>0.35</v>
      </c>
      <c r="X46" s="40">
        <v>0.35</v>
      </c>
      <c r="Y46" s="40">
        <v>0.35</v>
      </c>
      <c r="Z46" s="40">
        <v>0.35</v>
      </c>
      <c r="AA46" s="8">
        <v>0.35</v>
      </c>
      <c r="AB46" s="8">
        <v>0.35</v>
      </c>
      <c r="AC46" s="40">
        <v>0.35</v>
      </c>
      <c r="AD46" s="17">
        <v>0.35</v>
      </c>
      <c r="AE46" s="40">
        <v>0.35</v>
      </c>
      <c r="AF46" s="40">
        <v>0.35</v>
      </c>
      <c r="AG46" s="8">
        <v>0.35</v>
      </c>
      <c r="AH46" s="40" t="s">
        <v>90</v>
      </c>
      <c r="AI46" s="40" t="s">
        <v>90</v>
      </c>
      <c r="AJ46" s="40" t="s">
        <v>90</v>
      </c>
      <c r="AK46" s="40" t="s">
        <v>90</v>
      </c>
      <c r="AL46" s="40" t="s">
        <v>90</v>
      </c>
      <c r="AM46" s="40" t="s">
        <v>90</v>
      </c>
      <c r="AN46" s="40">
        <v>0.43</v>
      </c>
      <c r="AO46" s="40">
        <v>0.46</v>
      </c>
      <c r="AP46" s="8">
        <v>0.46</v>
      </c>
      <c r="AQ46" s="8">
        <v>0.47</v>
      </c>
      <c r="AR46" s="76">
        <v>0.49</v>
      </c>
      <c r="AS46" s="8">
        <v>0.4898405390614311</v>
      </c>
      <c r="AT46" s="8">
        <v>0.49008892748224692</v>
      </c>
      <c r="AU46" s="40">
        <v>0.49</v>
      </c>
      <c r="AV46" s="8">
        <v>0.49</v>
      </c>
      <c r="AW46" s="8">
        <v>0.47</v>
      </c>
      <c r="AX46" s="8">
        <v>0.45</v>
      </c>
      <c r="AY46" s="40">
        <v>0.42</v>
      </c>
      <c r="AZ46" s="8">
        <v>0.42</v>
      </c>
      <c r="BA46" s="8">
        <v>0.4</v>
      </c>
      <c r="BB46" s="8">
        <v>0.41</v>
      </c>
      <c r="BC46" s="40">
        <v>0.41</v>
      </c>
      <c r="BD46" s="40">
        <v>0.41</v>
      </c>
    </row>
    <row r="47" spans="3:56" x14ac:dyDescent="0.2">
      <c r="C47" s="16" t="s">
        <v>95</v>
      </c>
      <c r="D47" s="6" t="s">
        <v>58</v>
      </c>
      <c r="E47" s="40">
        <v>0.56000000000000005</v>
      </c>
      <c r="F47" s="40">
        <v>0.56000000000000005</v>
      </c>
      <c r="G47" s="8">
        <v>0.56000000000000005</v>
      </c>
      <c r="H47" s="40">
        <v>0.56000000000000005</v>
      </c>
      <c r="I47" s="40">
        <v>0.56000000000000005</v>
      </c>
      <c r="J47" s="40">
        <v>0.56000000000000005</v>
      </c>
      <c r="K47" s="8">
        <v>0.56000000000000005</v>
      </c>
      <c r="L47" s="8">
        <v>0.56000000000000005</v>
      </c>
      <c r="M47" s="8">
        <v>0.56000000000000005</v>
      </c>
      <c r="N47" s="8">
        <v>0.56000000000000005</v>
      </c>
      <c r="O47" s="40">
        <v>0.56000000000000005</v>
      </c>
      <c r="P47" s="8">
        <v>0.56000000000000005</v>
      </c>
      <c r="Q47" s="8">
        <v>0.56000000000000005</v>
      </c>
      <c r="R47" s="8">
        <v>0.55000000000000004</v>
      </c>
      <c r="S47" s="40">
        <v>0.55000000000000004</v>
      </c>
      <c r="T47" s="40">
        <v>0.55000000000000004</v>
      </c>
      <c r="U47" s="40">
        <v>0.55000000000000004</v>
      </c>
      <c r="V47" s="40" t="s">
        <v>90</v>
      </c>
      <c r="W47" s="111" t="s">
        <v>90</v>
      </c>
      <c r="X47" s="40" t="s">
        <v>90</v>
      </c>
      <c r="Y47" s="40" t="s">
        <v>90</v>
      </c>
      <c r="Z47" s="40" t="s">
        <v>90</v>
      </c>
      <c r="AA47" s="8" t="s">
        <v>90</v>
      </c>
      <c r="AB47" s="8" t="s">
        <v>90</v>
      </c>
      <c r="AC47" s="40" t="s">
        <v>162</v>
      </c>
      <c r="AD47" s="17" t="s">
        <v>90</v>
      </c>
      <c r="AE47" s="40" t="s">
        <v>90</v>
      </c>
      <c r="AF47" s="40" t="s">
        <v>90</v>
      </c>
      <c r="AG47" s="8" t="s">
        <v>90</v>
      </c>
      <c r="AH47" s="40" t="s">
        <v>90</v>
      </c>
      <c r="AI47" s="40" t="s">
        <v>90</v>
      </c>
      <c r="AJ47" s="40" t="s">
        <v>90</v>
      </c>
      <c r="AK47" s="40" t="s">
        <v>90</v>
      </c>
      <c r="AL47" s="40" t="s">
        <v>90</v>
      </c>
      <c r="AM47" s="40">
        <v>0.46</v>
      </c>
      <c r="AN47" s="40">
        <v>0.5</v>
      </c>
      <c r="AO47" s="40">
        <v>0.48</v>
      </c>
      <c r="AP47" s="8">
        <v>0.48</v>
      </c>
      <c r="AQ47" s="8">
        <v>0.48</v>
      </c>
      <c r="AR47" s="76">
        <v>0.5</v>
      </c>
      <c r="AS47" s="8">
        <v>0.49810566764171765</v>
      </c>
      <c r="AT47" s="8">
        <v>0.50574546562484546</v>
      </c>
      <c r="AU47" s="40">
        <v>0.5</v>
      </c>
      <c r="AV47" s="8">
        <v>0.53</v>
      </c>
      <c r="AW47" s="8">
        <v>0.52</v>
      </c>
      <c r="AX47" s="8">
        <v>0.55000000000000004</v>
      </c>
      <c r="AY47" s="40">
        <v>0.56999999999999995</v>
      </c>
      <c r="AZ47" s="8">
        <v>0.56999999999999995</v>
      </c>
      <c r="BA47" s="8">
        <v>0.57999999999999996</v>
      </c>
      <c r="BB47" s="8">
        <v>0.57999999999999996</v>
      </c>
      <c r="BC47" s="40">
        <v>0.62</v>
      </c>
      <c r="BD47" s="40">
        <v>0.62</v>
      </c>
    </row>
    <row r="48" spans="3:56" x14ac:dyDescent="0.2">
      <c r="C48" s="23" t="s">
        <v>96</v>
      </c>
      <c r="D48" s="6" t="s">
        <v>58</v>
      </c>
      <c r="E48" s="40">
        <v>0.7</v>
      </c>
      <c r="F48" s="40">
        <v>0.73</v>
      </c>
      <c r="G48" s="8">
        <v>0.73</v>
      </c>
      <c r="H48" s="40">
        <v>0.73</v>
      </c>
      <c r="I48" s="40">
        <v>0.73</v>
      </c>
      <c r="J48" s="40">
        <v>0.72</v>
      </c>
      <c r="K48" s="8">
        <v>0.73</v>
      </c>
      <c r="L48" s="8">
        <v>0.72</v>
      </c>
      <c r="M48" s="17">
        <v>0.72</v>
      </c>
      <c r="N48" s="8">
        <v>0.62</v>
      </c>
      <c r="O48" s="40">
        <v>0.52</v>
      </c>
      <c r="P48" s="8">
        <v>0.41</v>
      </c>
      <c r="Q48" s="8">
        <v>0.36</v>
      </c>
      <c r="R48" s="8">
        <v>0.32</v>
      </c>
      <c r="S48" s="40">
        <v>0.25</v>
      </c>
      <c r="T48" s="40">
        <v>0.25</v>
      </c>
      <c r="U48" s="40">
        <v>0.26</v>
      </c>
      <c r="V48" s="40">
        <v>0.25</v>
      </c>
      <c r="W48" s="111">
        <v>0.26</v>
      </c>
      <c r="X48" s="40">
        <v>0.28000000000000003</v>
      </c>
      <c r="Y48" s="40">
        <v>0.28000000000000003</v>
      </c>
      <c r="Z48" s="40">
        <v>0.28999999999999998</v>
      </c>
      <c r="AA48" s="8">
        <v>0.26</v>
      </c>
      <c r="AB48" s="8">
        <v>0.27</v>
      </c>
      <c r="AC48" s="40">
        <v>0.25</v>
      </c>
      <c r="AD48" s="17">
        <v>0.28999999999999998</v>
      </c>
      <c r="AE48" s="40">
        <v>0.28999999999999998</v>
      </c>
      <c r="AF48" s="40">
        <v>0.28999999999999998</v>
      </c>
      <c r="AG48" s="8">
        <v>0.28999999999999998</v>
      </c>
      <c r="AH48" s="40">
        <v>0.28999999999999998</v>
      </c>
      <c r="AI48" s="40">
        <v>0.18</v>
      </c>
      <c r="AJ48" s="40">
        <v>0.18</v>
      </c>
      <c r="AK48" s="40">
        <v>0.18</v>
      </c>
      <c r="AL48" s="40">
        <v>0.18</v>
      </c>
      <c r="AM48" s="40">
        <v>0.22</v>
      </c>
      <c r="AN48" s="40">
        <v>0.28999999999999998</v>
      </c>
      <c r="AO48" s="40">
        <v>0.52</v>
      </c>
      <c r="AP48" s="8">
        <v>0.52</v>
      </c>
      <c r="AQ48" s="8">
        <v>0.63</v>
      </c>
      <c r="AR48" s="76">
        <v>0.72</v>
      </c>
      <c r="AS48" s="8">
        <v>0.79249999999999998</v>
      </c>
      <c r="AT48" s="8">
        <v>0.87419999999999998</v>
      </c>
      <c r="AU48" s="40">
        <v>0.87</v>
      </c>
      <c r="AV48" s="8">
        <v>0.87</v>
      </c>
      <c r="AW48" s="8">
        <v>0.88</v>
      </c>
      <c r="AX48" s="8">
        <v>0.88</v>
      </c>
      <c r="AY48" s="40">
        <v>0.88</v>
      </c>
      <c r="AZ48" s="8">
        <v>0.78</v>
      </c>
      <c r="BA48" s="8">
        <v>0.81</v>
      </c>
      <c r="BB48" s="8">
        <v>0.81</v>
      </c>
      <c r="BC48" s="40">
        <v>0.44</v>
      </c>
      <c r="BD48" s="40">
        <v>0.34</v>
      </c>
    </row>
    <row r="49" spans="3:56" x14ac:dyDescent="0.2">
      <c r="D49" s="64"/>
      <c r="E49" s="65"/>
      <c r="F49" s="65"/>
      <c r="G49" s="65"/>
      <c r="H49" s="66"/>
      <c r="I49" s="66"/>
      <c r="J49" s="66"/>
      <c r="K49" s="65"/>
      <c r="L49" s="66"/>
      <c r="M49" s="66"/>
      <c r="N49" s="66"/>
      <c r="O49" s="66"/>
      <c r="P49" s="65"/>
      <c r="Q49" s="65"/>
      <c r="R49" s="65"/>
      <c r="S49" s="66"/>
      <c r="T49" s="66"/>
      <c r="U49" s="66"/>
      <c r="V49" s="66"/>
      <c r="W49" s="117"/>
      <c r="X49" s="66"/>
      <c r="Y49" s="66"/>
      <c r="Z49" s="66"/>
      <c r="AA49" s="66"/>
      <c r="AB49" s="65"/>
      <c r="AC49" s="65"/>
      <c r="AD49" s="65"/>
      <c r="AE49" s="66"/>
      <c r="AF49" s="66"/>
      <c r="AG49" s="65"/>
      <c r="AH49" s="66"/>
      <c r="AI49" s="66"/>
      <c r="AJ49" s="66"/>
      <c r="AK49" s="66"/>
      <c r="AL49" s="66"/>
      <c r="AM49" s="66"/>
      <c r="AN49" s="66"/>
      <c r="AO49" s="66"/>
      <c r="AP49" s="65"/>
      <c r="AQ49" s="65"/>
      <c r="AR49" s="101"/>
      <c r="AS49" s="65"/>
      <c r="AT49" s="65"/>
      <c r="AU49" s="66"/>
      <c r="AV49" s="65"/>
      <c r="AW49" s="65"/>
      <c r="AX49" s="65"/>
      <c r="AY49" s="66"/>
      <c r="AZ49" s="65"/>
      <c r="BA49" s="65"/>
      <c r="BB49" s="65"/>
      <c r="BC49" s="66"/>
      <c r="BD49" s="66"/>
    </row>
    <row r="50" spans="3:56" x14ac:dyDescent="0.2">
      <c r="D50" s="64"/>
      <c r="E50" s="65"/>
      <c r="F50" s="65"/>
      <c r="G50" s="65"/>
      <c r="I50" s="120"/>
      <c r="M50" s="66"/>
      <c r="N50" s="66"/>
      <c r="O50" s="92"/>
      <c r="P50" s="65"/>
      <c r="Q50" s="65"/>
      <c r="R50" s="65"/>
      <c r="S50" s="66"/>
      <c r="T50" s="66"/>
      <c r="U50" s="66"/>
      <c r="V50" s="66"/>
      <c r="W50" s="117"/>
      <c r="X50" s="66"/>
      <c r="Y50" s="66"/>
      <c r="Z50" s="66"/>
      <c r="AA50" s="66"/>
      <c r="AB50" s="65"/>
      <c r="AC50" s="65"/>
      <c r="AD50" s="65"/>
      <c r="AE50" s="66"/>
      <c r="AF50" s="66"/>
      <c r="AG50" s="65"/>
      <c r="AH50" s="66"/>
      <c r="AI50" s="66"/>
      <c r="AJ50" s="66"/>
      <c r="AK50" s="66"/>
      <c r="AL50" s="66"/>
      <c r="AM50" s="66"/>
      <c r="AN50" s="66"/>
      <c r="AO50" s="66"/>
      <c r="AP50" s="65"/>
      <c r="AQ50" s="65"/>
      <c r="AR50" s="101"/>
      <c r="AS50" s="65"/>
      <c r="AT50" s="65"/>
      <c r="AU50" s="66"/>
      <c r="AV50" s="65"/>
      <c r="AW50" s="65"/>
      <c r="AX50" s="65"/>
      <c r="AY50" s="66"/>
      <c r="AZ50" s="65"/>
      <c r="BA50" s="65"/>
      <c r="BB50" s="65"/>
      <c r="BC50" s="66"/>
      <c r="BD50" s="66"/>
    </row>
    <row r="51" spans="3:56" x14ac:dyDescent="0.2">
      <c r="D51" s="64"/>
      <c r="E51" s="65"/>
      <c r="F51" s="65"/>
      <c r="G51" s="65"/>
      <c r="K51" s="65"/>
      <c r="M51" s="66"/>
      <c r="N51" s="66"/>
      <c r="P51" s="65"/>
      <c r="Q51" s="65"/>
      <c r="R51" s="65"/>
      <c r="S51" s="66"/>
      <c r="T51" s="66"/>
      <c r="U51" s="66"/>
      <c r="V51" s="66"/>
      <c r="W51" s="117"/>
      <c r="X51" s="66"/>
      <c r="Y51" s="117"/>
      <c r="Z51" s="65"/>
      <c r="AA51" s="65"/>
      <c r="AB51" s="65"/>
      <c r="AC51" s="65"/>
      <c r="AD51" s="65"/>
      <c r="AE51" s="66"/>
      <c r="AF51" s="66"/>
      <c r="AG51" s="65"/>
      <c r="AH51" s="66"/>
      <c r="AI51" s="66"/>
      <c r="AJ51" s="66"/>
      <c r="AK51" s="66"/>
      <c r="AL51" s="66"/>
      <c r="AM51" s="66"/>
      <c r="AN51" s="66"/>
      <c r="AO51" s="66"/>
      <c r="AP51" s="65"/>
      <c r="AQ51" s="65"/>
      <c r="AR51" s="101"/>
      <c r="AS51" s="65"/>
      <c r="AT51" s="65"/>
      <c r="AU51" s="66"/>
      <c r="AV51" s="65"/>
      <c r="AW51" s="65"/>
      <c r="AX51" s="65"/>
      <c r="AY51" s="66"/>
      <c r="AZ51" s="65"/>
      <c r="BA51" s="65"/>
      <c r="BB51" s="65"/>
      <c r="BC51" s="66"/>
      <c r="BD51" s="66"/>
    </row>
    <row r="52" spans="3:56" ht="13.5" customHeight="1" x14ac:dyDescent="0.2">
      <c r="C52" s="100" t="s">
        <v>106</v>
      </c>
      <c r="D52" s="6" t="s">
        <v>58</v>
      </c>
      <c r="E52" s="23">
        <v>6.05</v>
      </c>
      <c r="F52" s="62">
        <v>5.84</v>
      </c>
      <c r="G52" s="108">
        <v>5.69</v>
      </c>
      <c r="H52" s="62">
        <v>5.3930409454545458</v>
      </c>
      <c r="I52" s="62">
        <v>5.5822725650677443</v>
      </c>
      <c r="J52" s="62" t="s">
        <v>90</v>
      </c>
      <c r="K52" s="17">
        <v>5.83</v>
      </c>
      <c r="L52" s="62">
        <v>5.8335518376302797</v>
      </c>
      <c r="M52" s="62">
        <v>5.8500000000000005</v>
      </c>
      <c r="N52" s="62">
        <v>5.5200000000000005</v>
      </c>
      <c r="O52" s="62">
        <v>5.4273931366646595</v>
      </c>
      <c r="P52" s="108">
        <v>6.2475682910268464</v>
      </c>
      <c r="Q52" s="108">
        <v>5.3690297441226136</v>
      </c>
      <c r="R52" s="108">
        <v>5.6794994911611347</v>
      </c>
      <c r="S52" s="108">
        <v>5.5894568447574127</v>
      </c>
      <c r="T52" s="62">
        <v>5.8130824099722993</v>
      </c>
      <c r="U52" s="62" t="s">
        <v>90</v>
      </c>
      <c r="V52" s="62">
        <v>5.673956824481813</v>
      </c>
      <c r="W52" s="62">
        <v>5.5638168924356224</v>
      </c>
      <c r="X52" s="62">
        <v>5.6504425690101225</v>
      </c>
      <c r="Y52" s="62">
        <v>5.5545494728252418</v>
      </c>
      <c r="Z52" s="108">
        <v>5.6179446277961125</v>
      </c>
      <c r="AA52" s="108">
        <v>6.0934710131505838</v>
      </c>
      <c r="AB52" s="62">
        <v>5.7474609913063111</v>
      </c>
      <c r="AC52" s="62">
        <v>5.4786819882928697</v>
      </c>
      <c r="AD52" s="17">
        <v>5.8599999999999994</v>
      </c>
      <c r="AE52" s="62">
        <v>6.10402033322372</v>
      </c>
      <c r="AF52" s="62">
        <v>6.0365271637155731</v>
      </c>
      <c r="AG52" s="62">
        <v>5.6950889453621345</v>
      </c>
      <c r="AH52" s="62" t="s">
        <v>90</v>
      </c>
      <c r="AI52" s="62">
        <v>5.7905343669814924</v>
      </c>
      <c r="AJ52" s="62">
        <v>5.4281710337931504</v>
      </c>
      <c r="AK52" s="62">
        <v>6.1264672743144981</v>
      </c>
      <c r="AL52" s="62">
        <v>5.87</v>
      </c>
      <c r="AM52" s="128">
        <v>5.883358390995185</v>
      </c>
      <c r="AN52" s="62">
        <v>6.023968972330092</v>
      </c>
      <c r="AO52" s="62">
        <v>5.9252326993120192</v>
      </c>
      <c r="AP52" s="62">
        <v>5.9933832460964247</v>
      </c>
      <c r="AQ52" s="62">
        <v>6.1756916232084897</v>
      </c>
      <c r="AR52" s="62">
        <v>6.0578441427604091</v>
      </c>
      <c r="AS52" s="62">
        <v>5.9310730938675764</v>
      </c>
      <c r="AT52" s="62">
        <v>6.8214370573452134</v>
      </c>
      <c r="AU52" s="62">
        <v>5.4884265114917286</v>
      </c>
      <c r="AV52" s="108">
        <v>5.4</v>
      </c>
      <c r="AW52" s="62">
        <v>5.29</v>
      </c>
      <c r="AX52" s="62">
        <v>4.838723798216229</v>
      </c>
      <c r="AY52" s="108">
        <v>4.96</v>
      </c>
      <c r="AZ52" s="62">
        <v>4.92</v>
      </c>
      <c r="BA52" s="62">
        <v>5.15</v>
      </c>
      <c r="BB52" s="62">
        <v>5.28</v>
      </c>
      <c r="BC52" s="62">
        <v>5.63</v>
      </c>
      <c r="BD52" s="62">
        <v>5.15</v>
      </c>
    </row>
    <row r="53" spans="3:56" x14ac:dyDescent="0.2">
      <c r="C53" s="102"/>
      <c r="D53" s="103"/>
      <c r="E53" s="104"/>
      <c r="F53" s="104"/>
      <c r="G53" s="104"/>
      <c r="H53" s="104"/>
      <c r="I53" s="104"/>
      <c r="J53" s="104"/>
      <c r="K53" s="104"/>
      <c r="L53" s="104"/>
      <c r="M53" s="104"/>
      <c r="N53" s="104"/>
      <c r="O53" s="104"/>
      <c r="P53" s="101"/>
      <c r="Q53" s="101"/>
      <c r="R53" s="101"/>
      <c r="S53" s="101"/>
      <c r="T53" s="101"/>
      <c r="U53" s="101"/>
      <c r="V53" s="101"/>
      <c r="W53" s="101"/>
      <c r="X53" s="101"/>
      <c r="Y53" s="101"/>
      <c r="Z53" s="101"/>
      <c r="AA53" s="101"/>
      <c r="AB53" s="101"/>
      <c r="AC53" s="101"/>
      <c r="AD53" s="101"/>
      <c r="AE53" s="101"/>
      <c r="AF53" s="101"/>
      <c r="AG53" s="101"/>
      <c r="AH53" s="101"/>
      <c r="AI53" s="101"/>
      <c r="AJ53" s="101"/>
      <c r="AK53" s="101"/>
      <c r="AL53" s="101"/>
      <c r="AM53" s="101"/>
      <c r="AN53" s="101"/>
      <c r="AO53" s="101"/>
      <c r="AP53" s="101"/>
      <c r="AQ53" s="101"/>
      <c r="AR53" s="101"/>
      <c r="AS53" s="101"/>
      <c r="AT53" s="101"/>
      <c r="AU53" s="101"/>
      <c r="AV53" s="101"/>
      <c r="AW53" s="101"/>
      <c r="AX53" s="101"/>
      <c r="AY53" s="101"/>
      <c r="AZ53" s="101"/>
      <c r="BA53" s="101"/>
      <c r="BB53" s="101"/>
      <c r="BC53" s="101"/>
      <c r="BD53" s="101"/>
    </row>
    <row r="54" spans="3:56" x14ac:dyDescent="0.2">
      <c r="C54" s="114"/>
    </row>
    <row r="55" spans="3:56" x14ac:dyDescent="0.2">
      <c r="C55" s="113"/>
    </row>
    <row r="56" spans="3:56" ht="12.75" customHeight="1" x14ac:dyDescent="0.25">
      <c r="C56" s="85"/>
    </row>
    <row r="57" spans="3:56" ht="17.25" customHeight="1" x14ac:dyDescent="0.25">
      <c r="C57" s="85"/>
    </row>
    <row r="58" spans="3:56" ht="15.75" customHeight="1" x14ac:dyDescent="0.2">
      <c r="C58" s="129"/>
    </row>
    <row r="59" spans="3:56" ht="15.75" customHeight="1" x14ac:dyDescent="0.2">
      <c r="C59" s="1" t="s">
        <v>1</v>
      </c>
      <c r="E59" s="2">
        <v>2019</v>
      </c>
      <c r="F59" s="2"/>
      <c r="G59" s="2"/>
      <c r="H59" s="2"/>
      <c r="I59" s="2"/>
      <c r="J59" s="2"/>
      <c r="K59" s="2"/>
      <c r="L59" s="2"/>
      <c r="M59" s="2"/>
    </row>
    <row r="60" spans="3:56" x14ac:dyDescent="0.2">
      <c r="C60" s="3" t="s">
        <v>2</v>
      </c>
      <c r="D60" s="3" t="s">
        <v>3</v>
      </c>
      <c r="E60" s="4" t="s">
        <v>15</v>
      </c>
      <c r="F60" s="4" t="s">
        <v>16</v>
      </c>
      <c r="G60" s="4" t="s">
        <v>17</v>
      </c>
      <c r="H60" s="4" t="s">
        <v>18</v>
      </c>
      <c r="I60" s="4" t="s">
        <v>19</v>
      </c>
      <c r="J60" s="4" t="s">
        <v>20</v>
      </c>
      <c r="K60" s="4" t="s">
        <v>21</v>
      </c>
      <c r="L60" s="4" t="s">
        <v>22</v>
      </c>
      <c r="M60" s="4" t="s">
        <v>23</v>
      </c>
      <c r="N60" s="4" t="s">
        <v>24</v>
      </c>
      <c r="O60" s="4" t="s">
        <v>25</v>
      </c>
      <c r="P60" s="4" t="s">
        <v>26</v>
      </c>
      <c r="Q60" s="4" t="s">
        <v>27</v>
      </c>
      <c r="R60" s="4" t="s">
        <v>28</v>
      </c>
      <c r="S60" s="4" t="s">
        <v>29</v>
      </c>
      <c r="T60" s="4" t="s">
        <v>30</v>
      </c>
      <c r="U60" s="4" t="s">
        <v>31</v>
      </c>
      <c r="V60" s="4" t="s">
        <v>32</v>
      </c>
      <c r="W60" s="4" t="s">
        <v>33</v>
      </c>
      <c r="X60" s="4" t="s">
        <v>34</v>
      </c>
      <c r="Y60" s="4" t="s">
        <v>35</v>
      </c>
      <c r="Z60" s="4" t="s">
        <v>36</v>
      </c>
      <c r="AA60" s="4" t="s">
        <v>37</v>
      </c>
      <c r="AB60" s="4" t="s">
        <v>38</v>
      </c>
      <c r="AC60" s="4" t="s">
        <v>39</v>
      </c>
      <c r="AD60" s="4" t="s">
        <v>40</v>
      </c>
      <c r="AE60" s="4" t="s">
        <v>41</v>
      </c>
      <c r="AF60" s="4" t="s">
        <v>42</v>
      </c>
      <c r="AG60" s="4" t="s">
        <v>43</v>
      </c>
      <c r="AH60" s="4" t="s">
        <v>44</v>
      </c>
      <c r="AI60" s="4" t="s">
        <v>45</v>
      </c>
      <c r="AJ60" s="4" t="s">
        <v>46</v>
      </c>
      <c r="AK60" s="4" t="s">
        <v>47</v>
      </c>
      <c r="AL60" s="4" t="s">
        <v>48</v>
      </c>
      <c r="AM60" s="4" t="s">
        <v>49</v>
      </c>
      <c r="AN60" s="4" t="s">
        <v>50</v>
      </c>
      <c r="AO60" s="4" t="s">
        <v>51</v>
      </c>
      <c r="AP60" s="4" t="s">
        <v>52</v>
      </c>
      <c r="AQ60" s="4" t="s">
        <v>53</v>
      </c>
      <c r="AR60" s="4" t="s">
        <v>54</v>
      </c>
      <c r="AS60" s="4" t="s">
        <v>55</v>
      </c>
      <c r="AT60" s="4" t="s">
        <v>4</v>
      </c>
      <c r="AU60" s="4" t="s">
        <v>5</v>
      </c>
      <c r="AV60" s="4" t="s">
        <v>6</v>
      </c>
      <c r="AW60" s="4" t="s">
        <v>7</v>
      </c>
      <c r="AX60" s="4" t="s">
        <v>8</v>
      </c>
      <c r="AY60" s="4" t="s">
        <v>9</v>
      </c>
      <c r="AZ60" s="4" t="s">
        <v>10</v>
      </c>
      <c r="BA60" s="4" t="s">
        <v>11</v>
      </c>
      <c r="BB60" s="4" t="s">
        <v>12</v>
      </c>
      <c r="BC60" s="4" t="s">
        <v>13</v>
      </c>
      <c r="BD60" s="4" t="s">
        <v>14</v>
      </c>
    </row>
    <row r="61" spans="3:56" x14ac:dyDescent="0.2">
      <c r="C61" s="5" t="s">
        <v>57</v>
      </c>
      <c r="D61" s="6" t="s">
        <v>58</v>
      </c>
      <c r="E61" s="39"/>
      <c r="F61" s="39"/>
      <c r="G61" s="8"/>
      <c r="H61" s="39"/>
      <c r="I61" s="8"/>
      <c r="J61" s="8"/>
      <c r="K61" s="39"/>
      <c r="L61" s="39"/>
      <c r="M61" s="8"/>
      <c r="N61" s="39"/>
      <c r="O61" s="39"/>
      <c r="P61" s="39"/>
      <c r="Q61" s="39"/>
      <c r="R61" s="39"/>
      <c r="S61" s="39"/>
      <c r="T61" s="39"/>
      <c r="U61" s="39"/>
      <c r="V61" s="39"/>
      <c r="W61" s="17"/>
      <c r="X61" s="39"/>
      <c r="Y61" s="39"/>
      <c r="Z61" s="39"/>
      <c r="AA61" s="39"/>
      <c r="AB61" s="39"/>
      <c r="AC61" s="39"/>
      <c r="AD61" s="39"/>
      <c r="AE61" s="39"/>
      <c r="AF61" s="8"/>
      <c r="AG61" s="39"/>
      <c r="AH61" s="39"/>
      <c r="AI61" s="39"/>
      <c r="AJ61" s="39"/>
      <c r="AK61" s="8"/>
      <c r="AL61" s="39"/>
      <c r="AM61" s="8"/>
      <c r="AN61" s="39"/>
      <c r="AO61" s="39"/>
      <c r="AP61" s="39"/>
      <c r="AQ61" s="39"/>
      <c r="AR61" s="8"/>
      <c r="AS61" s="39"/>
      <c r="AT61" s="39"/>
      <c r="AU61" s="39"/>
      <c r="AV61" s="8"/>
      <c r="AW61" s="39"/>
      <c r="AX61" s="39"/>
      <c r="AY61" s="8"/>
      <c r="AZ61" s="8"/>
      <c r="BA61" s="39"/>
      <c r="BB61" s="39"/>
      <c r="BC61" s="39"/>
      <c r="BD61" s="39"/>
    </row>
    <row r="62" spans="3:56" x14ac:dyDescent="0.2">
      <c r="C62" s="5" t="s">
        <v>59</v>
      </c>
      <c r="D62" s="6" t="s">
        <v>58</v>
      </c>
      <c r="E62" s="39"/>
      <c r="F62" s="39"/>
      <c r="G62" s="8"/>
      <c r="H62" s="39"/>
      <c r="I62" s="8"/>
      <c r="J62" s="8"/>
      <c r="K62" s="39"/>
      <c r="L62" s="39"/>
      <c r="M62" s="8"/>
      <c r="N62" s="39"/>
      <c r="O62" s="39"/>
      <c r="P62" s="39"/>
      <c r="Q62" s="39"/>
      <c r="R62" s="39"/>
      <c r="S62" s="39"/>
      <c r="T62" s="39"/>
      <c r="U62" s="39"/>
      <c r="V62" s="39"/>
      <c r="W62" s="17"/>
      <c r="X62" s="39"/>
      <c r="Y62" s="39"/>
      <c r="Z62" s="39"/>
      <c r="AA62" s="39"/>
      <c r="AB62" s="39"/>
      <c r="AC62" s="39"/>
      <c r="AD62" s="39"/>
      <c r="AE62" s="39"/>
      <c r="AF62" s="8"/>
      <c r="AG62" s="39"/>
      <c r="AH62" s="39"/>
      <c r="AI62" s="39"/>
      <c r="AJ62" s="39"/>
      <c r="AK62" s="8"/>
      <c r="AL62" s="39"/>
      <c r="AM62" s="8"/>
      <c r="AN62" s="39"/>
      <c r="AO62" s="39"/>
      <c r="AP62" s="39"/>
      <c r="AQ62" s="39"/>
      <c r="AR62" s="8"/>
      <c r="AS62" s="39"/>
      <c r="AT62" s="39"/>
      <c r="AU62" s="39"/>
      <c r="AV62" s="8"/>
      <c r="AW62" s="39"/>
      <c r="AX62" s="39"/>
      <c r="AY62" s="8"/>
      <c r="AZ62" s="8"/>
      <c r="BA62" s="39"/>
      <c r="BB62" s="39"/>
      <c r="BC62" s="39"/>
      <c r="BD62" s="39"/>
    </row>
    <row r="63" spans="3:56" x14ac:dyDescent="0.2">
      <c r="C63" s="5" t="s">
        <v>60</v>
      </c>
      <c r="D63" s="6" t="s">
        <v>58</v>
      </c>
      <c r="E63" s="39"/>
      <c r="F63" s="39"/>
      <c r="G63" s="8"/>
      <c r="H63" s="39"/>
      <c r="I63" s="8"/>
      <c r="J63" s="8"/>
      <c r="K63" s="39"/>
      <c r="L63" s="39"/>
      <c r="M63" s="8"/>
      <c r="N63" s="39"/>
      <c r="O63" s="39"/>
      <c r="P63" s="39"/>
      <c r="Q63" s="39"/>
      <c r="R63" s="39"/>
      <c r="S63" s="39"/>
      <c r="T63" s="39"/>
      <c r="U63" s="39"/>
      <c r="V63" s="39"/>
      <c r="W63" s="17"/>
      <c r="X63" s="39"/>
      <c r="Y63" s="39"/>
      <c r="Z63" s="39"/>
      <c r="AA63" s="39"/>
      <c r="AB63" s="39"/>
      <c r="AC63" s="39"/>
      <c r="AD63" s="39"/>
      <c r="AE63" s="39"/>
      <c r="AF63" s="8"/>
      <c r="AG63" s="39"/>
      <c r="AH63" s="39"/>
      <c r="AI63" s="39"/>
      <c r="AJ63" s="39"/>
      <c r="AK63" s="8"/>
      <c r="AL63" s="39"/>
      <c r="AM63" s="8"/>
      <c r="AN63" s="39"/>
      <c r="AO63" s="39"/>
      <c r="AP63" s="39"/>
      <c r="AQ63" s="39"/>
      <c r="AR63" s="8"/>
      <c r="AS63" s="39"/>
      <c r="AT63" s="39"/>
      <c r="AU63" s="39"/>
      <c r="AV63" s="8"/>
      <c r="AW63" s="39"/>
      <c r="AX63" s="39"/>
      <c r="AY63" s="8"/>
      <c r="AZ63" s="8"/>
      <c r="BA63" s="39"/>
      <c r="BB63" s="39"/>
      <c r="BC63" s="39"/>
      <c r="BD63" s="39"/>
    </row>
    <row r="64" spans="3:56" x14ac:dyDescent="0.2">
      <c r="C64" s="5" t="s">
        <v>61</v>
      </c>
      <c r="D64" s="6" t="s">
        <v>58</v>
      </c>
      <c r="E64" s="39"/>
      <c r="F64" s="39"/>
      <c r="G64" s="8"/>
      <c r="H64" s="39"/>
      <c r="I64" s="8"/>
      <c r="J64" s="8"/>
      <c r="K64" s="39"/>
      <c r="L64" s="39"/>
      <c r="M64" s="8"/>
      <c r="N64" s="39"/>
      <c r="O64" s="39"/>
      <c r="P64" s="39"/>
      <c r="Q64" s="39"/>
      <c r="R64" s="39"/>
      <c r="S64" s="39"/>
      <c r="T64" s="39"/>
      <c r="U64" s="39"/>
      <c r="V64" s="39"/>
      <c r="W64" s="17"/>
      <c r="X64" s="39"/>
      <c r="Y64" s="39"/>
      <c r="Z64" s="39"/>
      <c r="AA64" s="39"/>
      <c r="AB64" s="39"/>
      <c r="AC64" s="39"/>
      <c r="AD64" s="39"/>
      <c r="AE64" s="39"/>
      <c r="AF64" s="8"/>
      <c r="AG64" s="39"/>
      <c r="AH64" s="39"/>
      <c r="AI64" s="39"/>
      <c r="AJ64" s="39"/>
      <c r="AK64" s="8"/>
      <c r="AL64" s="39"/>
      <c r="AM64" s="8"/>
      <c r="AN64" s="39"/>
      <c r="AO64" s="39"/>
      <c r="AP64" s="39"/>
      <c r="AQ64" s="39"/>
      <c r="AR64" s="8"/>
      <c r="AS64" s="39"/>
      <c r="AT64" s="39"/>
      <c r="AU64" s="39"/>
      <c r="AV64" s="8"/>
      <c r="AW64" s="39"/>
      <c r="AX64" s="39"/>
      <c r="AY64" s="8"/>
      <c r="AZ64" s="8"/>
      <c r="BA64" s="39"/>
      <c r="BB64" s="39"/>
      <c r="BC64" s="39"/>
      <c r="BD64" s="39"/>
    </row>
    <row r="65" spans="3:56" x14ac:dyDescent="0.2">
      <c r="C65" s="5" t="s">
        <v>62</v>
      </c>
      <c r="D65" s="6" t="s">
        <v>58</v>
      </c>
      <c r="E65" s="39"/>
      <c r="F65" s="39"/>
      <c r="G65" s="8"/>
      <c r="H65" s="39"/>
      <c r="I65" s="8"/>
      <c r="J65" s="8"/>
      <c r="K65" s="39"/>
      <c r="L65" s="39"/>
      <c r="M65" s="8"/>
      <c r="N65" s="39"/>
      <c r="O65" s="39"/>
      <c r="P65" s="39"/>
      <c r="Q65" s="39"/>
      <c r="R65" s="39"/>
      <c r="S65" s="39"/>
      <c r="T65" s="39"/>
      <c r="U65" s="39"/>
      <c r="V65" s="39"/>
      <c r="W65" s="17"/>
      <c r="X65" s="39"/>
      <c r="Y65" s="39"/>
      <c r="Z65" s="39"/>
      <c r="AA65" s="39"/>
      <c r="AB65" s="39"/>
      <c r="AC65" s="39"/>
      <c r="AD65" s="39"/>
      <c r="AE65" s="39"/>
      <c r="AF65" s="8"/>
      <c r="AG65" s="39"/>
      <c r="AH65" s="39"/>
      <c r="AI65" s="39"/>
      <c r="AJ65" s="39"/>
      <c r="AK65" s="8"/>
      <c r="AL65" s="39"/>
      <c r="AM65" s="8"/>
      <c r="AN65" s="39"/>
      <c r="AO65" s="39"/>
      <c r="AP65" s="39"/>
      <c r="AQ65" s="39"/>
      <c r="AR65" s="8"/>
      <c r="AS65" s="39"/>
      <c r="AT65" s="39"/>
      <c r="AU65" s="39"/>
      <c r="AV65" s="8"/>
      <c r="AW65" s="39"/>
      <c r="AX65" s="39"/>
      <c r="AY65" s="8"/>
      <c r="AZ65" s="8"/>
      <c r="BA65" s="39"/>
      <c r="BB65" s="39"/>
      <c r="BC65" s="39"/>
      <c r="BD65" s="39"/>
    </row>
    <row r="66" spans="3:56" x14ac:dyDescent="0.2">
      <c r="C66" s="5" t="s">
        <v>75</v>
      </c>
      <c r="D66" s="20" t="s">
        <v>76</v>
      </c>
      <c r="E66" s="39"/>
      <c r="F66" s="39"/>
      <c r="G66" s="8"/>
      <c r="H66" s="39"/>
      <c r="I66" s="8"/>
      <c r="J66" s="8"/>
      <c r="K66" s="39"/>
      <c r="L66" s="39"/>
      <c r="M66" s="8"/>
      <c r="N66" s="39"/>
      <c r="O66" s="39"/>
      <c r="P66" s="39"/>
      <c r="Q66" s="39"/>
      <c r="R66" s="39"/>
      <c r="S66" s="39"/>
      <c r="T66" s="39"/>
      <c r="U66" s="39"/>
      <c r="V66" s="39"/>
      <c r="W66" s="17"/>
      <c r="X66" s="39"/>
      <c r="Y66" s="39"/>
      <c r="Z66" s="39"/>
      <c r="AA66" s="39"/>
      <c r="AB66" s="39"/>
      <c r="AC66" s="39"/>
      <c r="AD66" s="39"/>
      <c r="AE66" s="39"/>
      <c r="AF66" s="8"/>
      <c r="AG66" s="39"/>
      <c r="AH66" s="39"/>
      <c r="AI66" s="39"/>
      <c r="AJ66" s="39"/>
      <c r="AK66" s="8"/>
      <c r="AL66" s="39"/>
      <c r="AM66" s="8"/>
      <c r="AN66" s="39"/>
      <c r="AO66" s="39"/>
      <c r="AP66" s="39"/>
      <c r="AQ66" s="39"/>
      <c r="AR66" s="8"/>
      <c r="AS66" s="39"/>
      <c r="AT66" s="39"/>
      <c r="AU66" s="39"/>
      <c r="AV66" s="8"/>
      <c r="AW66" s="39"/>
      <c r="AX66" s="39"/>
      <c r="AY66" s="8"/>
      <c r="AZ66" s="8"/>
      <c r="BA66" s="39"/>
      <c r="BB66" s="39"/>
      <c r="BC66" s="39"/>
      <c r="BD66" s="39"/>
    </row>
    <row r="67" spans="3:56" x14ac:dyDescent="0.2">
      <c r="C67" s="5" t="s">
        <v>63</v>
      </c>
      <c r="D67" s="6" t="s">
        <v>58</v>
      </c>
      <c r="E67" s="8">
        <v>8.598815448992351</v>
      </c>
      <c r="F67" s="8">
        <v>7.5034220032386196</v>
      </c>
      <c r="G67" s="8">
        <v>5.7712096670400639</v>
      </c>
      <c r="H67" s="8">
        <v>4.198636601448146</v>
      </c>
      <c r="I67" s="8">
        <v>5.2402193109874755</v>
      </c>
      <c r="J67" s="8">
        <v>5.9872042128867831</v>
      </c>
      <c r="K67" s="8">
        <v>5.4866724166570826</v>
      </c>
      <c r="L67" s="8">
        <v>4.7592447295844433</v>
      </c>
      <c r="M67" s="8">
        <v>4.8976346281698175</v>
      </c>
      <c r="N67" s="8">
        <v>5.6181822394155239</v>
      </c>
      <c r="O67" s="8">
        <v>6.6981317975486885</v>
      </c>
      <c r="P67" s="8">
        <v>7.3963875401577104</v>
      </c>
      <c r="Q67" s="8">
        <v>6.593089054824997</v>
      </c>
      <c r="R67" s="8">
        <v>6.6603150199515548</v>
      </c>
      <c r="S67" s="8">
        <v>6.3251329242470078</v>
      </c>
      <c r="T67" s="8">
        <v>7.5624702907711754</v>
      </c>
      <c r="U67" s="8">
        <v>8.0512095852012262</v>
      </c>
      <c r="V67" s="8">
        <v>7.9351439008310898</v>
      </c>
      <c r="W67" s="17">
        <v>7.2443691698859887</v>
      </c>
      <c r="X67" s="8">
        <v>6.9304451867085799</v>
      </c>
      <c r="Y67" s="8">
        <v>6.0496653453502161</v>
      </c>
      <c r="Z67" s="8">
        <v>4.8074020763861274</v>
      </c>
      <c r="AA67" s="8">
        <v>4.3791018058905253</v>
      </c>
      <c r="AB67" s="8">
        <v>6.1278494086395545</v>
      </c>
      <c r="AC67" s="8">
        <v>5.5391151933647995</v>
      </c>
      <c r="AD67" s="8">
        <v>6.2957000597408488</v>
      </c>
      <c r="AE67" s="39">
        <v>6.2207633284631454</v>
      </c>
      <c r="AF67" s="39">
        <v>6.602100265435662</v>
      </c>
      <c r="AG67" s="39">
        <v>6.4918041471363459</v>
      </c>
      <c r="AH67" s="39">
        <v>6.4851851234434124</v>
      </c>
      <c r="AI67" s="8">
        <v>6.1663002804403328</v>
      </c>
      <c r="AJ67" s="39">
        <v>6.3663636975129068</v>
      </c>
      <c r="AK67" s="8">
        <v>7.3773054354694718</v>
      </c>
      <c r="AL67" s="39">
        <v>7.6820824031562847</v>
      </c>
      <c r="AM67" s="39">
        <v>7.3056517647058827</v>
      </c>
      <c r="AN67" s="8">
        <v>7.3214206575540048</v>
      </c>
      <c r="AO67" s="8">
        <v>7.5051394718381035</v>
      </c>
      <c r="AP67" s="8">
        <v>7.919978407138168</v>
      </c>
      <c r="AQ67" s="8">
        <v>7.8356601738718714</v>
      </c>
      <c r="AR67" s="8">
        <v>8.5733305946968006</v>
      </c>
      <c r="AS67" s="8">
        <v>9.4105047700412925</v>
      </c>
      <c r="AT67" s="8">
        <v>8.0124450951683759</v>
      </c>
      <c r="AU67" s="8">
        <v>7.702775027455556</v>
      </c>
      <c r="AV67" s="8">
        <v>7.1564327488803681</v>
      </c>
      <c r="AW67" s="8">
        <v>8.6892274957998055</v>
      </c>
      <c r="AX67" s="8">
        <v>9.5379931606394805</v>
      </c>
      <c r="AY67" s="8">
        <v>8.5561388218696326</v>
      </c>
      <c r="AZ67" s="8">
        <v>6.5793273154099827</v>
      </c>
      <c r="BA67" s="8">
        <v>7.5697990411867577</v>
      </c>
      <c r="BB67" s="8">
        <v>9.8975117974231619</v>
      </c>
      <c r="BC67" s="8">
        <v>13.587282473355598</v>
      </c>
      <c r="BD67" s="8">
        <v>11.317610719914791</v>
      </c>
    </row>
    <row r="68" spans="3:56" x14ac:dyDescent="0.2">
      <c r="C68" s="5" t="s">
        <v>64</v>
      </c>
      <c r="D68" s="6" t="s">
        <v>58</v>
      </c>
      <c r="E68" s="8">
        <v>5.8326886833800842</v>
      </c>
      <c r="F68" s="8">
        <v>5.7223327077939041</v>
      </c>
      <c r="G68" s="8">
        <v>4.9993095913946375</v>
      </c>
      <c r="H68" s="8">
        <v>4.2212704483935513</v>
      </c>
      <c r="I68" s="8">
        <v>5.1814988384371699</v>
      </c>
      <c r="J68" s="8">
        <v>5.5522094068304382</v>
      </c>
      <c r="K68" s="8">
        <v>5.1190886849060648</v>
      </c>
      <c r="L68" s="8">
        <v>4.8341146549353864</v>
      </c>
      <c r="M68" s="8">
        <v>4.590691711074764</v>
      </c>
      <c r="N68" s="8">
        <v>5.1028044266139512</v>
      </c>
      <c r="O68" s="8">
        <v>5.5248395009270705</v>
      </c>
      <c r="P68" s="8">
        <v>6.1791112688109209</v>
      </c>
      <c r="Q68" s="8">
        <v>5.4716908658922918</v>
      </c>
      <c r="R68" s="8">
        <v>5.0893189368770768</v>
      </c>
      <c r="S68" s="8">
        <v>5.2087593635990759</v>
      </c>
      <c r="T68" s="8">
        <v>5.8160247280220609</v>
      </c>
      <c r="U68" s="8">
        <v>6.0354803430610717</v>
      </c>
      <c r="V68" s="8">
        <v>5.7441651175077784</v>
      </c>
      <c r="W68" s="17">
        <v>5.7764131750179768</v>
      </c>
      <c r="X68" s="8">
        <v>5.8686426499642685</v>
      </c>
      <c r="Y68" s="8">
        <v>6.0232568890054585</v>
      </c>
      <c r="Z68" s="8">
        <v>5.0829584923522981</v>
      </c>
      <c r="AA68" s="8">
        <v>5.1317244014638241</v>
      </c>
      <c r="AB68" s="8">
        <v>6.4564139402058949</v>
      </c>
      <c r="AC68" s="8">
        <v>5.6037494313164018</v>
      </c>
      <c r="AD68" s="8">
        <v>6.7417298711003175</v>
      </c>
      <c r="AE68" s="8">
        <v>5.9280755757491672</v>
      </c>
      <c r="AF68" s="8">
        <v>6.4658215303299338</v>
      </c>
      <c r="AG68" s="8">
        <v>7.1812055644476063</v>
      </c>
      <c r="AH68" s="8">
        <v>6.9822869986328984</v>
      </c>
      <c r="AI68" s="8">
        <v>6.5633828944208759</v>
      </c>
      <c r="AJ68" s="8">
        <v>6.7950496734613095</v>
      </c>
      <c r="AK68" s="8">
        <v>7.9600152336238548</v>
      </c>
      <c r="AL68" s="8">
        <v>8.216268101501262</v>
      </c>
      <c r="AM68" s="8">
        <v>8.6929982402656965</v>
      </c>
      <c r="AN68" s="8">
        <v>7.9874008299495793</v>
      </c>
      <c r="AO68" s="8">
        <v>6.6341716282681844</v>
      </c>
      <c r="AP68" s="8">
        <v>5.9895748862602369</v>
      </c>
      <c r="AQ68" s="8">
        <v>5.9291111245758605</v>
      </c>
      <c r="AR68" s="8">
        <v>5.8059600415543748</v>
      </c>
      <c r="AS68" s="8">
        <v>7.2912313389653978</v>
      </c>
      <c r="AT68" s="8">
        <v>7.8163839557026131</v>
      </c>
      <c r="AU68" s="8">
        <v>7.8390653406052824</v>
      </c>
      <c r="AV68" s="8">
        <v>7.0704671071769933</v>
      </c>
      <c r="AW68" s="8">
        <v>7.0737177139740544</v>
      </c>
      <c r="AX68" s="8">
        <v>7.317423098347466</v>
      </c>
      <c r="AY68" s="8">
        <v>7.421446839605407</v>
      </c>
      <c r="AZ68" s="8">
        <v>6.1953639231512536</v>
      </c>
      <c r="BA68" s="8">
        <v>7.4251401616098285</v>
      </c>
      <c r="BB68" s="8">
        <v>7.1289786829821358</v>
      </c>
      <c r="BC68" s="8">
        <v>7.8722444974064203</v>
      </c>
      <c r="BD68" s="8">
        <v>7.265758075011421</v>
      </c>
    </row>
    <row r="69" spans="3:56" x14ac:dyDescent="0.2">
      <c r="C69" s="5" t="s">
        <v>65</v>
      </c>
      <c r="D69" s="6" t="s">
        <v>58</v>
      </c>
      <c r="E69" s="8">
        <v>5.0181311244379332</v>
      </c>
      <c r="F69" s="8">
        <v>2.9933129448315521</v>
      </c>
      <c r="G69" s="8">
        <v>2.5754767813782129</v>
      </c>
      <c r="H69" s="8">
        <v>2.9461069628420486</v>
      </c>
      <c r="I69" s="8">
        <v>4.8158829482794721</v>
      </c>
      <c r="J69" s="8">
        <v>2.4594217013016979</v>
      </c>
      <c r="K69" s="8">
        <v>2.4870737443365121</v>
      </c>
      <c r="L69" s="8">
        <v>2.988570137723908</v>
      </c>
      <c r="M69" s="8">
        <v>2.5636887381224582</v>
      </c>
      <c r="N69" s="8">
        <v>3.2928657857393531</v>
      </c>
      <c r="O69" s="8">
        <v>2.8449637669192303</v>
      </c>
      <c r="P69" s="8">
        <v>2.8956741338093663</v>
      </c>
      <c r="Q69" s="8">
        <v>3.3141695895364616</v>
      </c>
      <c r="R69" s="8">
        <v>3.5776812771661861</v>
      </c>
      <c r="S69" s="8">
        <v>3.3477541215937427</v>
      </c>
      <c r="T69" s="8">
        <v>4.1540048342019791</v>
      </c>
      <c r="U69" s="8">
        <v>3.9293577974848737</v>
      </c>
      <c r="V69" s="8">
        <v>3.8130475950687441</v>
      </c>
      <c r="W69" s="17">
        <v>3.1933590732229957</v>
      </c>
      <c r="X69" s="8">
        <v>3.1601074234280082</v>
      </c>
      <c r="Y69" s="8">
        <v>3.0726567708217334</v>
      </c>
      <c r="Z69" s="8">
        <v>2.8823341811689169</v>
      </c>
      <c r="AA69" s="8">
        <v>2.7894766168402692</v>
      </c>
      <c r="AB69" s="8">
        <v>2.8412743212165807</v>
      </c>
      <c r="AC69" s="8">
        <v>3.0967388206652107</v>
      </c>
      <c r="AD69" s="8">
        <v>3.2193617979146785</v>
      </c>
      <c r="AE69" s="8">
        <v>3.1202004127552208</v>
      </c>
      <c r="AF69" s="8">
        <v>3.1998562036041189</v>
      </c>
      <c r="AG69" s="8">
        <v>3.414493753998451</v>
      </c>
      <c r="AH69" s="8">
        <v>3.7673030427413798</v>
      </c>
      <c r="AI69" s="8">
        <v>3.2927845796894522</v>
      </c>
      <c r="AJ69" s="8">
        <v>4.1289001704061352</v>
      </c>
      <c r="AK69" s="8">
        <v>4.1246684151367559</v>
      </c>
      <c r="AL69" s="8">
        <v>4.2899913713941924</v>
      </c>
      <c r="AM69" s="8">
        <v>3.5698863455438392</v>
      </c>
      <c r="AN69" s="8">
        <v>3.4275156516888581</v>
      </c>
      <c r="AO69" s="8">
        <v>3.4338958471091043</v>
      </c>
      <c r="AP69" s="8">
        <v>2.9754188270336592</v>
      </c>
      <c r="AQ69" s="8">
        <v>3.1660576946833783</v>
      </c>
      <c r="AR69" s="8">
        <v>2.9145192979839871</v>
      </c>
      <c r="AS69" s="8">
        <v>2.8380259162639523</v>
      </c>
      <c r="AT69" s="8">
        <v>3.1033905931775587</v>
      </c>
      <c r="AU69" s="8">
        <v>2.9245074042153099</v>
      </c>
      <c r="AV69" s="8">
        <v>3.2718854648225042</v>
      </c>
      <c r="AW69" s="8">
        <v>4.9656588377277417</v>
      </c>
      <c r="AX69" s="8">
        <v>4.7432556246994517</v>
      </c>
      <c r="AY69" s="8">
        <v>3.5676225906404375</v>
      </c>
      <c r="AZ69" s="8">
        <v>3.1942166960800042</v>
      </c>
      <c r="BA69" s="8">
        <v>2.9706627007123734</v>
      </c>
      <c r="BB69" s="8">
        <v>4.3644353708649328</v>
      </c>
      <c r="BC69" s="8">
        <v>4.0994025199506279</v>
      </c>
      <c r="BD69" s="8">
        <v>4.9201125266074088</v>
      </c>
    </row>
    <row r="70" spans="3:56" x14ac:dyDescent="0.2">
      <c r="C70" s="5" t="s">
        <v>66</v>
      </c>
      <c r="D70" s="6" t="s">
        <v>58</v>
      </c>
      <c r="E70" s="8">
        <v>4.3438784102931276</v>
      </c>
      <c r="F70" s="8">
        <v>3.2283699442870546</v>
      </c>
      <c r="G70" s="8">
        <v>2.6590187539938399</v>
      </c>
      <c r="H70" s="8">
        <v>4.4392858528099861</v>
      </c>
      <c r="I70" s="8">
        <v>3.9632638541463701</v>
      </c>
      <c r="J70" s="8">
        <v>3.354206395632251</v>
      </c>
      <c r="K70" s="8">
        <v>2.9799933851920595</v>
      </c>
      <c r="L70" s="8">
        <v>3.3106186488217273</v>
      </c>
      <c r="M70" s="8">
        <v>2.2383640416466801</v>
      </c>
      <c r="N70" s="8">
        <v>3.7382435263006313</v>
      </c>
      <c r="O70" s="8">
        <v>3.1833617103132354</v>
      </c>
      <c r="P70" s="8">
        <v>3.2973372732088473</v>
      </c>
      <c r="Q70" s="8">
        <v>3.0660664446737473</v>
      </c>
      <c r="R70" s="8">
        <v>2.9176786881888153</v>
      </c>
      <c r="S70" s="8">
        <v>2.4551395323545409</v>
      </c>
      <c r="T70" s="8">
        <v>2.9886663149873982</v>
      </c>
      <c r="U70" s="8">
        <v>3.3464241022039216</v>
      </c>
      <c r="V70" s="8">
        <v>2.7121228543857767</v>
      </c>
      <c r="W70" s="17">
        <v>3.2084454038849781</v>
      </c>
      <c r="X70" s="8">
        <v>3.1675216522318457</v>
      </c>
      <c r="Y70" s="8">
        <v>2.9409675991540998</v>
      </c>
      <c r="Z70" s="8">
        <v>2.386625770814871</v>
      </c>
      <c r="AA70" s="8">
        <v>3.3435013016757016</v>
      </c>
      <c r="AB70" s="8">
        <v>3.7122181623902599</v>
      </c>
      <c r="AC70" s="8">
        <v>3.9814800570433602</v>
      </c>
      <c r="AD70" s="8">
        <v>3.5415615824911777</v>
      </c>
      <c r="AE70" s="8">
        <v>2.8669438825778015</v>
      </c>
      <c r="AF70" s="8">
        <v>3.456255227257147</v>
      </c>
      <c r="AG70" s="8">
        <v>3.9120900678793578</v>
      </c>
      <c r="AH70" s="8">
        <v>4.2437518317105738</v>
      </c>
      <c r="AI70" s="8">
        <v>3.5121341405696849</v>
      </c>
      <c r="AJ70" s="8">
        <v>3.2338396827474467</v>
      </c>
      <c r="AK70" s="8">
        <v>3.9635132557512236</v>
      </c>
      <c r="AL70" s="8">
        <v>3.9357556384015204</v>
      </c>
      <c r="AM70" s="8">
        <v>3.5859886493852398</v>
      </c>
      <c r="AN70" s="8">
        <v>3.9208305575776294</v>
      </c>
      <c r="AO70" s="8">
        <v>4.1785515741132393</v>
      </c>
      <c r="AP70" s="8">
        <v>3.8117121923798818</v>
      </c>
      <c r="AQ70" s="8">
        <v>3.5412104827780424</v>
      </c>
      <c r="AR70" s="8">
        <v>3.5795776289056795</v>
      </c>
      <c r="AS70" s="8">
        <v>3.1385313281115947</v>
      </c>
      <c r="AT70" s="8">
        <v>4.4994456294842982</v>
      </c>
      <c r="AU70" s="8">
        <v>4.3253422231285734</v>
      </c>
      <c r="AV70" s="8">
        <v>3.9529321533923305</v>
      </c>
      <c r="AW70" s="8">
        <v>5.3507818251370765</v>
      </c>
      <c r="AX70" s="8">
        <v>5.2307806425505463</v>
      </c>
      <c r="AY70" s="8">
        <v>3.7546110168755171</v>
      </c>
      <c r="AZ70" s="8">
        <v>3.5734213967163528</v>
      </c>
      <c r="BA70" s="8">
        <v>5.2441258202285335</v>
      </c>
      <c r="BB70" s="8">
        <v>5.1465729105059594</v>
      </c>
      <c r="BC70" s="8">
        <v>4.8493289720092889</v>
      </c>
      <c r="BD70" s="8">
        <v>4.5382755838347517</v>
      </c>
    </row>
    <row r="71" spans="3:56" x14ac:dyDescent="0.2">
      <c r="C71" s="5" t="s">
        <v>116</v>
      </c>
      <c r="D71" s="6" t="s">
        <v>58</v>
      </c>
      <c r="E71" s="8">
        <v>7.2608047863247878</v>
      </c>
      <c r="F71" s="8">
        <v>7.2656690279252985</v>
      </c>
      <c r="G71" s="8">
        <v>6.7075338494548431</v>
      </c>
      <c r="H71" s="8">
        <v>6.6791995896716019</v>
      </c>
      <c r="I71" s="8">
        <v>6.8221671906664092</v>
      </c>
      <c r="J71" s="8">
        <v>7.7939113802449658</v>
      </c>
      <c r="K71" s="8">
        <v>6.7148159148220792</v>
      </c>
      <c r="L71" s="8">
        <v>6.7172435032812627</v>
      </c>
      <c r="M71" s="8">
        <v>6.7627729942637123</v>
      </c>
      <c r="N71" s="8">
        <v>6.6132652176269708</v>
      </c>
      <c r="O71" s="8">
        <v>6.5267255818257537</v>
      </c>
      <c r="P71" s="8">
        <v>7.8264463572834089</v>
      </c>
      <c r="Q71" s="8">
        <v>6.8922350917031787</v>
      </c>
      <c r="R71" s="8">
        <v>6.4298580643932413</v>
      </c>
      <c r="S71" s="8">
        <v>5.694310918541766</v>
      </c>
      <c r="T71" s="8">
        <v>6.222142506200683</v>
      </c>
      <c r="U71" s="8">
        <v>6.1192531653291402</v>
      </c>
      <c r="V71" s="8">
        <v>6.2157566411792526</v>
      </c>
      <c r="W71" s="17">
        <v>6.3608755891009547</v>
      </c>
      <c r="X71" s="8">
        <v>6.1690445975671526</v>
      </c>
      <c r="Y71" s="8">
        <v>5.8688872270854411</v>
      </c>
      <c r="Z71" s="8">
        <v>5.4394124925819778</v>
      </c>
      <c r="AA71" s="8">
        <v>5.3994216383232958</v>
      </c>
      <c r="AB71" s="8">
        <v>5.8777600180250467</v>
      </c>
      <c r="AC71" s="8">
        <v>5.7520363534421364</v>
      </c>
      <c r="AD71" s="8">
        <v>5.0377422101090907</v>
      </c>
      <c r="AE71" s="8">
        <v>5.1301889909467056</v>
      </c>
      <c r="AF71" s="8">
        <v>5.3335364676199672</v>
      </c>
      <c r="AG71" s="8">
        <v>5.7825630797126717</v>
      </c>
      <c r="AH71" s="8">
        <v>6.0085803401661755</v>
      </c>
      <c r="AI71" s="8">
        <v>6.3503676171814583</v>
      </c>
      <c r="AJ71" s="8">
        <v>6.4791270767603457</v>
      </c>
      <c r="AK71" s="8">
        <v>6.3072123270253657</v>
      </c>
      <c r="AL71" s="8">
        <v>6.2658335318327776</v>
      </c>
      <c r="AM71" s="8">
        <v>6.8276828464367503</v>
      </c>
      <c r="AN71" s="8">
        <v>6.704733345932155</v>
      </c>
      <c r="AO71" s="8">
        <v>6.195117430390348</v>
      </c>
      <c r="AP71" s="8">
        <v>6.5316966553767992</v>
      </c>
      <c r="AQ71" s="8">
        <v>6.4127046414371351</v>
      </c>
      <c r="AR71" s="8">
        <v>6.6729293280320512</v>
      </c>
      <c r="AS71" s="8">
        <v>6.819185072855543</v>
      </c>
      <c r="AT71" s="8">
        <v>6.5360367857112216</v>
      </c>
      <c r="AU71" s="8">
        <v>7.0571568514253409</v>
      </c>
      <c r="AV71" s="8">
        <v>7.0769002762862954</v>
      </c>
      <c r="AW71" s="8">
        <v>7.4501826718981148</v>
      </c>
      <c r="AX71" s="8">
        <v>7.512527354916414</v>
      </c>
      <c r="AY71" s="8">
        <v>7.1289193004600486</v>
      </c>
      <c r="AZ71" s="8">
        <v>6.4344623165711106</v>
      </c>
      <c r="BA71" s="8">
        <v>6.0125682764322059</v>
      </c>
      <c r="BB71" s="8">
        <v>6.3002845273348891</v>
      </c>
      <c r="BC71" s="8">
        <v>7.8426598931381202</v>
      </c>
      <c r="BD71" s="8">
        <v>7.0736769469088863</v>
      </c>
    </row>
    <row r="72" spans="3:56" x14ac:dyDescent="0.2">
      <c r="C72" s="5" t="s">
        <v>68</v>
      </c>
      <c r="D72" s="6" t="s">
        <v>58</v>
      </c>
      <c r="E72" s="8">
        <v>3.8726448915141236</v>
      </c>
      <c r="F72" s="8">
        <v>3.9846247329473328</v>
      </c>
      <c r="G72" s="8">
        <v>3.5723429492976426</v>
      </c>
      <c r="H72" s="8">
        <v>4.4322500302830452</v>
      </c>
      <c r="I72" s="8">
        <v>4.5733633232224555</v>
      </c>
      <c r="J72" s="8">
        <v>4.1477761649005664</v>
      </c>
      <c r="K72" s="8">
        <v>3.7482319901983727</v>
      </c>
      <c r="L72" s="8">
        <v>3.7311017713883086</v>
      </c>
      <c r="M72" s="8">
        <v>3.3460240121399663</v>
      </c>
      <c r="N72" s="8">
        <v>3.2341067501430119</v>
      </c>
      <c r="O72" s="8">
        <v>3.1650421081493958</v>
      </c>
      <c r="P72" s="8">
        <v>3.5032890167016926</v>
      </c>
      <c r="Q72" s="8">
        <v>3.3985732091873695</v>
      </c>
      <c r="R72" s="8">
        <v>3.44932845780174</v>
      </c>
      <c r="S72" s="8">
        <v>3.3389081574713733</v>
      </c>
      <c r="T72" s="8">
        <v>3.3104164141924191</v>
      </c>
      <c r="U72" s="8">
        <v>3.3023447446179826</v>
      </c>
      <c r="V72" s="8">
        <v>3.4434692709805033</v>
      </c>
      <c r="W72" s="17">
        <v>3.2954398599729493</v>
      </c>
      <c r="X72" s="8">
        <v>3.3904384690478926</v>
      </c>
      <c r="Y72" s="8">
        <v>3.3045526165284533</v>
      </c>
      <c r="Z72" s="8">
        <v>3.2269005912110682</v>
      </c>
      <c r="AA72" s="8">
        <v>3.1637843024158663</v>
      </c>
      <c r="AB72" s="8">
        <v>2.9732395267364535</v>
      </c>
      <c r="AC72" s="8">
        <v>3.2140615549310851</v>
      </c>
      <c r="AD72" s="8">
        <v>2.6149520464810871</v>
      </c>
      <c r="AE72" s="8">
        <v>2.6899948678470618</v>
      </c>
      <c r="AF72" s="8">
        <v>2.7016963704956423</v>
      </c>
      <c r="AG72" s="8">
        <v>2.9591771217712175</v>
      </c>
      <c r="AH72" s="8">
        <v>3.0747831201967886</v>
      </c>
      <c r="AI72" s="8">
        <v>2.9009755341737287</v>
      </c>
      <c r="AJ72" s="8">
        <v>2.850956898152778</v>
      </c>
      <c r="AK72" s="8">
        <v>2.6456453364172248</v>
      </c>
      <c r="AL72" s="8">
        <v>2.9127625173003331</v>
      </c>
      <c r="AM72" s="8">
        <v>2.9882631370999602</v>
      </c>
      <c r="AN72" s="8">
        <v>2.7746286106327269</v>
      </c>
      <c r="AO72" s="8">
        <v>2.9281272184888429</v>
      </c>
      <c r="AP72" s="8">
        <v>3.2033788183906742</v>
      </c>
      <c r="AQ72" s="8">
        <v>2.8629232586783298</v>
      </c>
      <c r="AR72" s="8">
        <v>3.0370022203573548</v>
      </c>
      <c r="AS72" s="8">
        <v>2.9477758860594818</v>
      </c>
      <c r="AT72" s="8">
        <v>2.8800167623602664</v>
      </c>
      <c r="AU72" s="8">
        <v>2.488906737007591</v>
      </c>
      <c r="AV72" s="8">
        <v>2.3860593273624056</v>
      </c>
      <c r="AW72" s="8">
        <v>2.6103120615620088</v>
      </c>
      <c r="AX72" s="8">
        <v>3.0690662501748336</v>
      </c>
      <c r="AY72" s="8">
        <v>2.8749049878097113</v>
      </c>
      <c r="AZ72" s="8">
        <v>2.9810588567804555</v>
      </c>
      <c r="BA72" s="8">
        <v>3.7790119155628141</v>
      </c>
      <c r="BB72" s="8">
        <v>3.4061783994275805</v>
      </c>
      <c r="BC72" s="8">
        <v>3.264349624636127</v>
      </c>
      <c r="BD72" s="8">
        <v>3.1794853828804635</v>
      </c>
    </row>
    <row r="73" spans="3:56" x14ac:dyDescent="0.2">
      <c r="C73" s="5" t="s">
        <v>69</v>
      </c>
      <c r="D73" s="6" t="s">
        <v>58</v>
      </c>
      <c r="E73" s="8">
        <v>3.0225978335257984</v>
      </c>
      <c r="F73" s="8">
        <v>2.4022942313136162</v>
      </c>
      <c r="G73" s="8">
        <v>2.609406344686183</v>
      </c>
      <c r="H73" s="8">
        <v>2.7775482281718076</v>
      </c>
      <c r="I73" s="8">
        <v>3.2871273096242479</v>
      </c>
      <c r="J73" s="8">
        <v>2.3203614815893059</v>
      </c>
      <c r="K73" s="8">
        <v>2.3907829813763617</v>
      </c>
      <c r="L73" s="8">
        <v>2.356314696540772</v>
      </c>
      <c r="M73" s="8">
        <v>2.1150038072457269</v>
      </c>
      <c r="N73" s="8">
        <v>2.2258580996520569</v>
      </c>
      <c r="O73" s="8">
        <v>2.5081589298704099</v>
      </c>
      <c r="P73" s="8">
        <v>2.3604658002053269</v>
      </c>
      <c r="Q73" s="8">
        <v>2.4459998896328456</v>
      </c>
      <c r="R73" s="8">
        <v>2.3184601620187819</v>
      </c>
      <c r="S73" s="8">
        <v>2.2753483233774565</v>
      </c>
      <c r="T73" s="8">
        <v>2.0842449839718324</v>
      </c>
      <c r="U73" s="8">
        <v>2.1135714060789104</v>
      </c>
      <c r="V73" s="8">
        <v>2.1347779637431623</v>
      </c>
      <c r="W73" s="17">
        <v>1.6384437349019096</v>
      </c>
      <c r="X73" s="8">
        <v>2.2076304906548541</v>
      </c>
      <c r="Y73" s="8">
        <v>2.467842255607279</v>
      </c>
      <c r="Z73" s="8">
        <v>2.2595167825521481</v>
      </c>
      <c r="AA73" s="8">
        <v>2.1331753493482264</v>
      </c>
      <c r="AB73" s="8">
        <v>2.69745759760744</v>
      </c>
      <c r="AC73" s="8">
        <v>2.4808491901672141</v>
      </c>
      <c r="AD73" s="8">
        <v>2.5223315498704553</v>
      </c>
      <c r="AE73" s="8">
        <v>2.1109796931770397</v>
      </c>
      <c r="AF73" s="8">
        <v>1.7873935849774671</v>
      </c>
      <c r="AG73" s="8">
        <v>2.0374813848583884</v>
      </c>
      <c r="AH73" s="8">
        <v>2.3412375580623754</v>
      </c>
      <c r="AI73" s="8" t="s">
        <v>90</v>
      </c>
      <c r="AJ73" s="8">
        <v>2.2777854880057213</v>
      </c>
      <c r="AK73" s="8">
        <v>2.1250921465388237</v>
      </c>
      <c r="AL73" s="8">
        <v>2.1196744701833987</v>
      </c>
      <c r="AM73" s="8">
        <v>2.3244111850704852</v>
      </c>
      <c r="AN73" s="40">
        <v>2.117241760747536</v>
      </c>
      <c r="AO73" s="8">
        <v>1.9815868472821045</v>
      </c>
      <c r="AP73" s="8">
        <v>1.7620296997857381</v>
      </c>
      <c r="AQ73" s="8">
        <v>1.9680929472259809</v>
      </c>
      <c r="AR73" s="8">
        <v>1.9923645482829171</v>
      </c>
      <c r="AS73" s="8">
        <v>1.5224096964402707</v>
      </c>
      <c r="AT73" s="8">
        <v>1.5776433236619043</v>
      </c>
      <c r="AU73" s="8">
        <v>1.5487563423596302</v>
      </c>
      <c r="AV73" s="8">
        <v>1.5628551646425441</v>
      </c>
      <c r="AW73" s="8">
        <v>2.694936745312027</v>
      </c>
      <c r="AX73" s="8">
        <v>2.4634349643274218</v>
      </c>
      <c r="AY73" s="8">
        <v>2.4351481815685196</v>
      </c>
      <c r="AZ73" s="8">
        <v>2.0728001583779152</v>
      </c>
      <c r="BA73" s="8">
        <v>2.4748823503443402</v>
      </c>
      <c r="BB73" s="8">
        <v>2.4426395064448609</v>
      </c>
      <c r="BC73" s="8">
        <v>3.1353971358619077</v>
      </c>
      <c r="BD73" s="8">
        <v>2.8964632838446285</v>
      </c>
    </row>
    <row r="74" spans="3:56" x14ac:dyDescent="0.2">
      <c r="C74" s="5" t="s">
        <v>70</v>
      </c>
      <c r="D74" s="6" t="s">
        <v>58</v>
      </c>
      <c r="E74" s="8">
        <v>4.3954093041300748</v>
      </c>
      <c r="F74" s="8">
        <v>3.9255516912375739</v>
      </c>
      <c r="G74" s="8">
        <v>3.71754763200871</v>
      </c>
      <c r="H74" s="8">
        <v>3.9115873834556636</v>
      </c>
      <c r="I74" s="8">
        <v>3.980936791511744</v>
      </c>
      <c r="J74" s="8">
        <v>3.6689630762770329</v>
      </c>
      <c r="K74" s="8">
        <v>3.356085934621357</v>
      </c>
      <c r="L74" s="8">
        <v>3.3462997733894464</v>
      </c>
      <c r="M74" s="8">
        <v>3.0654717051032692</v>
      </c>
      <c r="N74" s="8">
        <v>3.2318763583675443</v>
      </c>
      <c r="O74" s="8">
        <v>2.4205216865291819</v>
      </c>
      <c r="P74" s="8">
        <v>2.3124295118120761</v>
      </c>
      <c r="Q74" s="8">
        <v>1.9287131180531907</v>
      </c>
      <c r="R74" s="8">
        <v>2.0461798884048292</v>
      </c>
      <c r="S74" s="8">
        <v>2.1626064096144217</v>
      </c>
      <c r="T74" s="8">
        <v>2.2853441780275214</v>
      </c>
      <c r="U74" s="8">
        <v>2.1650329894900739</v>
      </c>
      <c r="V74" s="8">
        <v>2.4642715265992767</v>
      </c>
      <c r="W74" s="17">
        <v>2.5755026124675493</v>
      </c>
      <c r="X74" s="8">
        <v>2.7060383006304876</v>
      </c>
      <c r="Y74" s="8">
        <v>2.8930819729528645</v>
      </c>
      <c r="Z74" s="8">
        <v>3.1424971480720969</v>
      </c>
      <c r="AA74" s="8">
        <v>3.2162080369097743</v>
      </c>
      <c r="AB74" s="8">
        <v>3.3240831166073992</v>
      </c>
      <c r="AC74" s="8">
        <v>3.3575987766057049</v>
      </c>
      <c r="AD74" s="8">
        <v>4.4064230297310054</v>
      </c>
      <c r="AE74" s="8">
        <v>3.4283599660336574</v>
      </c>
      <c r="AF74" s="8">
        <v>3.339244014402976</v>
      </c>
      <c r="AG74" s="8">
        <v>3.1104955747762246</v>
      </c>
      <c r="AH74" s="8">
        <v>3.1184819586625667</v>
      </c>
      <c r="AI74" s="8">
        <v>3.3972771980328655</v>
      </c>
      <c r="AJ74" s="8">
        <v>3.6378261885923897</v>
      </c>
      <c r="AK74" s="8">
        <v>3.5069150317539011</v>
      </c>
      <c r="AL74" s="8">
        <v>4.4590181051224755</v>
      </c>
      <c r="AM74" s="8">
        <v>4.0598992646318122</v>
      </c>
      <c r="AN74" s="8">
        <v>4.010433777453307</v>
      </c>
      <c r="AO74" s="8">
        <v>3.4637538396356318</v>
      </c>
      <c r="AP74" s="8">
        <v>3.4102008051967294</v>
      </c>
      <c r="AQ74" s="8">
        <v>3.4896149610210121</v>
      </c>
      <c r="AR74" s="8">
        <v>3.5871428829251566</v>
      </c>
      <c r="AS74" s="8">
        <v>3.358157824580112</v>
      </c>
      <c r="AT74" s="8">
        <v>3.6380722633215394</v>
      </c>
      <c r="AU74" s="8">
        <v>3.7223864971250746</v>
      </c>
      <c r="AV74" s="8">
        <v>3.6165905695124918</v>
      </c>
      <c r="AW74" s="8">
        <v>4.0282866145154284</v>
      </c>
      <c r="AX74" s="8">
        <v>4.3172075253770466</v>
      </c>
      <c r="AY74" s="8">
        <v>4.1879830202241948</v>
      </c>
      <c r="AZ74" s="8">
        <v>4.0469418457648541</v>
      </c>
      <c r="BA74" s="8">
        <v>4.077441768131286</v>
      </c>
      <c r="BB74" s="8">
        <v>3.8211661985324539</v>
      </c>
      <c r="BC74" s="8">
        <v>3.9115129889438545</v>
      </c>
      <c r="BD74" s="8">
        <v>4.5943193916349809</v>
      </c>
    </row>
    <row r="75" spans="3:56" x14ac:dyDescent="0.2">
      <c r="C75" s="5" t="s">
        <v>101</v>
      </c>
      <c r="D75" s="6" t="s">
        <v>58</v>
      </c>
      <c r="E75" s="8">
        <v>6.7915714632960622</v>
      </c>
      <c r="F75" s="8">
        <v>7.7518356477078196</v>
      </c>
      <c r="G75" s="8">
        <v>6.76</v>
      </c>
      <c r="H75" s="8">
        <v>7.8246273410625555</v>
      </c>
      <c r="I75" s="8">
        <v>7.0943001215613881</v>
      </c>
      <c r="J75" s="8">
        <v>5.6505783190837224</v>
      </c>
      <c r="K75" s="8">
        <v>8.0779451859253459</v>
      </c>
      <c r="L75" s="8">
        <v>6.2896192052980133</v>
      </c>
      <c r="M75" s="8">
        <v>6.9834455219623504</v>
      </c>
      <c r="N75" s="8">
        <v>7.0907761358928321</v>
      </c>
      <c r="O75" s="8">
        <v>5.9485054006531026</v>
      </c>
      <c r="P75" s="8">
        <v>6.1995662395674147</v>
      </c>
      <c r="Q75" s="8">
        <v>7.0036336717428087</v>
      </c>
      <c r="R75" s="8">
        <v>7.0860617283950624</v>
      </c>
      <c r="S75" s="8">
        <v>6.7317027530126392</v>
      </c>
      <c r="T75" s="8">
        <v>6.4627175280794145</v>
      </c>
      <c r="U75" s="8">
        <v>6.8691280869278897</v>
      </c>
      <c r="V75" s="8">
        <v>6.5409598603839445</v>
      </c>
      <c r="W75" s="17">
        <v>7.9206563663851925</v>
      </c>
      <c r="X75" s="8">
        <v>7.5761561752209801</v>
      </c>
      <c r="Y75" s="8">
        <v>5.9920729107969715</v>
      </c>
      <c r="Z75" s="8">
        <v>6.7629403426599284</v>
      </c>
      <c r="AA75" s="8">
        <v>6.8744978718819025</v>
      </c>
      <c r="AB75" s="8">
        <v>6.9693028897105584</v>
      </c>
      <c r="AC75" s="8">
        <v>6.6687375795939063</v>
      </c>
      <c r="AD75" s="8">
        <v>6.3920551294343237</v>
      </c>
      <c r="AE75" s="8">
        <v>5.422339297262341</v>
      </c>
      <c r="AF75" s="39">
        <v>5.2880613780948131</v>
      </c>
      <c r="AG75" s="39">
        <v>5.2193751094634822</v>
      </c>
      <c r="AH75" s="39">
        <v>5.2102912314856225</v>
      </c>
      <c r="AI75" s="39">
        <v>5.911205066063661</v>
      </c>
      <c r="AJ75" s="8">
        <v>6.1668545564896249</v>
      </c>
      <c r="AK75" s="39">
        <v>6.0791127170530972</v>
      </c>
      <c r="AL75" s="8">
        <v>5.9841424549026891</v>
      </c>
      <c r="AM75" s="39">
        <v>6.2140167498447099</v>
      </c>
      <c r="AN75" s="39">
        <v>5.9058040303109989</v>
      </c>
      <c r="AO75" s="39">
        <v>5.9657261603593366</v>
      </c>
      <c r="AP75" s="39">
        <v>5.8915543717965502</v>
      </c>
      <c r="AQ75" s="8">
        <v>5.9310168193550226</v>
      </c>
      <c r="AR75" s="39">
        <v>5.9157331666369002</v>
      </c>
      <c r="AS75" s="8">
        <v>5.8541182260622309</v>
      </c>
      <c r="AT75" s="39" t="s">
        <v>90</v>
      </c>
      <c r="AU75" s="39" t="s">
        <v>90</v>
      </c>
      <c r="AV75" s="8">
        <v>5.7829270638011439</v>
      </c>
      <c r="AW75" s="8" t="s">
        <v>90</v>
      </c>
      <c r="AX75" s="8" t="s">
        <v>90</v>
      </c>
      <c r="AY75" s="8">
        <v>5.8328739134951686</v>
      </c>
      <c r="AZ75" s="8">
        <v>6.3981001495224437</v>
      </c>
      <c r="BA75" s="8">
        <v>6.8574348178137647</v>
      </c>
      <c r="BB75" s="8">
        <v>6.666108198486695</v>
      </c>
      <c r="BC75" s="8">
        <v>7.005333816212131</v>
      </c>
      <c r="BD75" s="8">
        <v>6.7604306816159454</v>
      </c>
    </row>
    <row r="76" spans="3:56" x14ac:dyDescent="0.2">
      <c r="C76" s="5" t="s">
        <v>71</v>
      </c>
      <c r="D76" s="6" t="s">
        <v>58</v>
      </c>
      <c r="E76" s="8">
        <v>4.5223371335504883</v>
      </c>
      <c r="F76" s="8">
        <v>4.1953618267940751</v>
      </c>
      <c r="G76" s="8">
        <v>4.2044156243019879</v>
      </c>
      <c r="H76" s="8">
        <v>4.2005634355553063</v>
      </c>
      <c r="I76" s="8">
        <v>4.2077159008900651</v>
      </c>
      <c r="J76" s="8">
        <v>4.2033974141824748</v>
      </c>
      <c r="K76" s="8">
        <v>4.2174684964387277</v>
      </c>
      <c r="L76" s="8">
        <v>4.1994302726228616</v>
      </c>
      <c r="M76" s="8">
        <v>4.4590175506925345</v>
      </c>
      <c r="N76" s="8">
        <v>4.2149829184968279</v>
      </c>
      <c r="O76" s="8">
        <v>4.2026441875786071</v>
      </c>
      <c r="P76" s="8">
        <v>4.2173566004201</v>
      </c>
      <c r="Q76" s="8">
        <v>4.2090581813958892</v>
      </c>
      <c r="R76" s="8">
        <v>4.1979584876242448</v>
      </c>
      <c r="S76" s="8">
        <v>4.2002267436587353</v>
      </c>
      <c r="T76" s="8">
        <v>5.4458786833023627</v>
      </c>
      <c r="U76" s="8">
        <v>4.1949741291236862</v>
      </c>
      <c r="V76" s="8">
        <v>4.1941858442988806</v>
      </c>
      <c r="W76" s="17">
        <v>4.2007669050141248</v>
      </c>
      <c r="X76" s="8">
        <v>4.3236813445211748</v>
      </c>
      <c r="Y76" s="8">
        <v>4.3376389280677019</v>
      </c>
      <c r="Z76" s="8">
        <v>4.3157388010445663</v>
      </c>
      <c r="AA76" s="8">
        <v>4.317580046170832</v>
      </c>
      <c r="AB76" s="8">
        <v>4.3171644874349875</v>
      </c>
      <c r="AC76" s="8">
        <v>4.3115544388609717</v>
      </c>
      <c r="AD76" s="8">
        <v>4.6738840373299357</v>
      </c>
      <c r="AE76" s="8">
        <v>4.4616745000239799</v>
      </c>
      <c r="AF76" s="39">
        <v>4.3316359405763381</v>
      </c>
      <c r="AG76" s="39">
        <v>4.3174029898644131</v>
      </c>
      <c r="AH76" s="8">
        <v>4.3283471447093973</v>
      </c>
      <c r="AI76" s="39">
        <v>4.3242535551241019</v>
      </c>
      <c r="AJ76" s="8">
        <v>4.2884003273917788</v>
      </c>
      <c r="AK76" s="39">
        <v>4.2817072394590294</v>
      </c>
      <c r="AL76" s="39">
        <v>4.4764910997752647</v>
      </c>
      <c r="AM76" s="39">
        <v>4.5350961456285788</v>
      </c>
      <c r="AN76" s="39">
        <v>4.2838555340186959</v>
      </c>
      <c r="AO76" s="8">
        <v>4.2853555281545415</v>
      </c>
      <c r="AP76" s="39">
        <v>4.2863198352779683</v>
      </c>
      <c r="AQ76" s="8">
        <v>4.2818895325555939</v>
      </c>
      <c r="AR76" s="39">
        <v>4.2762250685759451</v>
      </c>
      <c r="AS76" s="39">
        <v>4.2708330917734365</v>
      </c>
      <c r="AT76" s="8">
        <v>4.2827170627475502</v>
      </c>
      <c r="AU76" s="8">
        <v>4.2746800465386849</v>
      </c>
      <c r="AV76" s="8">
        <v>4.274583415292101</v>
      </c>
      <c r="AW76" s="8">
        <v>4.2745201862085862</v>
      </c>
      <c r="AX76" s="8">
        <v>4.270274290324207</v>
      </c>
      <c r="AY76" s="8">
        <v>4.2725288954312513</v>
      </c>
      <c r="AZ76" s="8">
        <v>4.2614092172301996</v>
      </c>
      <c r="BA76" s="8">
        <v>4.2787476466417269</v>
      </c>
      <c r="BB76" s="8">
        <v>4.2758515202387617</v>
      </c>
      <c r="BC76" s="8">
        <v>4.2867735029280274</v>
      </c>
      <c r="BD76" s="8">
        <v>4.3000165892501663</v>
      </c>
    </row>
    <row r="77" spans="3:56" x14ac:dyDescent="0.2">
      <c r="C77" s="5" t="s">
        <v>102</v>
      </c>
      <c r="D77" s="6" t="s">
        <v>58</v>
      </c>
      <c r="E77" s="8">
        <v>5.5918717068361827</v>
      </c>
      <c r="F77" s="8">
        <v>5.4403076505344918</v>
      </c>
      <c r="G77" s="8">
        <v>5.5339824993229136</v>
      </c>
      <c r="H77" s="8">
        <v>5.1294030786539242</v>
      </c>
      <c r="I77" s="8">
        <v>5.0468273736347928</v>
      </c>
      <c r="J77" s="8">
        <v>5.1376953942991026</v>
      </c>
      <c r="K77" s="8">
        <v>5.1669838686763025</v>
      </c>
      <c r="L77" s="8">
        <v>5.1066379073498016</v>
      </c>
      <c r="M77" s="8">
        <v>5.1869868192500261</v>
      </c>
      <c r="N77" s="8">
        <v>4.9478784046938618</v>
      </c>
      <c r="O77" s="8">
        <v>4.8404634582877604</v>
      </c>
      <c r="P77" s="8">
        <v>4.858123518021265</v>
      </c>
      <c r="Q77" s="8">
        <v>4.8697059908122124</v>
      </c>
      <c r="R77" s="8">
        <v>5.0097571635222051</v>
      </c>
      <c r="S77" s="8">
        <v>5.1002912157139226</v>
      </c>
      <c r="T77" s="8">
        <v>5.9185282294685795</v>
      </c>
      <c r="U77" s="8">
        <v>5.3536634896788176</v>
      </c>
      <c r="V77" s="8">
        <v>5.3811662931749238</v>
      </c>
      <c r="W77" s="17">
        <v>5.2134858959048804</v>
      </c>
      <c r="X77" s="8">
        <v>5.1817340151889004</v>
      </c>
      <c r="Y77" s="8">
        <v>5.1051311707831868</v>
      </c>
      <c r="Z77" s="8">
        <v>5.3701601923826674</v>
      </c>
      <c r="AA77" s="8">
        <v>5.6822368501043616</v>
      </c>
      <c r="AB77" s="8">
        <v>5.5736283428772211</v>
      </c>
      <c r="AC77" s="8">
        <v>5.199221702996538</v>
      </c>
      <c r="AD77" s="8">
        <v>5.8418045787819839</v>
      </c>
      <c r="AE77" s="8">
        <v>5.1482936846985261</v>
      </c>
      <c r="AF77" s="8">
        <v>5.3282947593347103</v>
      </c>
      <c r="AG77" s="8">
        <v>5.1611090466463327</v>
      </c>
      <c r="AH77" s="8">
        <v>4.9935254039109847</v>
      </c>
      <c r="AI77" s="8">
        <v>4.8040978744972014</v>
      </c>
      <c r="AJ77" s="8">
        <v>5.0073152292246279</v>
      </c>
      <c r="AK77" s="8">
        <v>5.1102217420083331</v>
      </c>
      <c r="AL77" s="8">
        <v>5.4772232265907883</v>
      </c>
      <c r="AM77" s="8">
        <v>5.5010255285590244</v>
      </c>
      <c r="AN77" s="8">
        <v>5.180559418200736</v>
      </c>
      <c r="AO77" s="8">
        <v>5.2814283591858375</v>
      </c>
      <c r="AP77" s="8">
        <v>5.2014103904603797</v>
      </c>
      <c r="AQ77" s="8">
        <v>5.192891336816448</v>
      </c>
      <c r="AR77" s="8">
        <v>5.1261779070405531</v>
      </c>
      <c r="AS77" s="8">
        <v>5.1497242303784976</v>
      </c>
      <c r="AT77" s="8">
        <v>5.1650503816668305</v>
      </c>
      <c r="AU77" s="8">
        <v>5.0534245216334517</v>
      </c>
      <c r="AV77" s="8">
        <v>5.3814196775783687</v>
      </c>
      <c r="AW77" s="8">
        <v>5.3886292849076538</v>
      </c>
      <c r="AX77" s="8">
        <v>5.3382903955980128</v>
      </c>
      <c r="AY77" s="8">
        <v>5.0109957783313543</v>
      </c>
      <c r="AZ77" s="8">
        <v>5.1275599371785425</v>
      </c>
      <c r="BA77" s="8">
        <v>5.0197665806212148</v>
      </c>
      <c r="BB77" s="8">
        <v>5.297315919854829</v>
      </c>
      <c r="BC77" s="8">
        <v>5.2206948464269276</v>
      </c>
      <c r="BD77" s="8">
        <v>5.2881640768834242</v>
      </c>
    </row>
    <row r="78" spans="3:56" x14ac:dyDescent="0.2">
      <c r="C78" s="5" t="s">
        <v>72</v>
      </c>
      <c r="D78" s="6" t="s">
        <v>58</v>
      </c>
      <c r="E78" s="8">
        <v>7.4344195733433365</v>
      </c>
      <c r="F78" s="8">
        <v>7.5595257218802558</v>
      </c>
      <c r="G78" s="8">
        <v>7.3795040854144469</v>
      </c>
      <c r="H78" s="8">
        <v>7.1988685656163547</v>
      </c>
      <c r="I78" s="8">
        <v>6.9734730673821694</v>
      </c>
      <c r="J78" s="8">
        <v>6.6754286304033714</v>
      </c>
      <c r="K78" s="8">
        <v>6.6852347647909012</v>
      </c>
      <c r="L78" s="8">
        <v>6.6459797458489733</v>
      </c>
      <c r="M78" s="8">
        <v>7.0342602477933989</v>
      </c>
      <c r="N78" s="8">
        <v>7.6856490949017751</v>
      </c>
      <c r="O78" s="8">
        <v>8.4477471402890334</v>
      </c>
      <c r="P78" s="8">
        <v>8.6404983754891003</v>
      </c>
      <c r="Q78" s="8">
        <v>7.9690322493439085</v>
      </c>
      <c r="R78" s="8">
        <v>7.6340088244946571</v>
      </c>
      <c r="S78" s="8">
        <v>7.8429758541796666</v>
      </c>
      <c r="T78" s="8">
        <v>8.0367057040365211</v>
      </c>
      <c r="U78" s="8">
        <v>8.7444518699459266</v>
      </c>
      <c r="V78" s="8">
        <v>8.4183736467388073</v>
      </c>
      <c r="W78" s="17">
        <v>7.5039781092441871</v>
      </c>
      <c r="X78" s="8">
        <v>7.6538621527462638</v>
      </c>
      <c r="Y78" s="8">
        <v>8.0796996189531978</v>
      </c>
      <c r="Z78" s="8">
        <v>7.7548868128049566</v>
      </c>
      <c r="AA78" s="8">
        <v>7.4851194962938408</v>
      </c>
      <c r="AB78" s="8">
        <v>8.0942738073309997</v>
      </c>
      <c r="AC78" s="8">
        <v>8.4860901136301266</v>
      </c>
      <c r="AD78" s="8">
        <v>8.2671996005929334</v>
      </c>
      <c r="AE78" s="8">
        <v>7.2452194596926205</v>
      </c>
      <c r="AF78" s="8">
        <v>7.3996599735531667</v>
      </c>
      <c r="AG78" s="8">
        <v>7.8057024656931091</v>
      </c>
      <c r="AH78" s="8">
        <v>7.5659068049132356</v>
      </c>
      <c r="AI78" s="8">
        <v>6.8434938208442757</v>
      </c>
      <c r="AJ78" s="8">
        <v>6.4898973817600352</v>
      </c>
      <c r="AK78" s="8">
        <v>6.8219746108299475</v>
      </c>
      <c r="AL78" s="8">
        <v>7.0530435968923548</v>
      </c>
      <c r="AM78" s="8">
        <v>6.7982199229007207</v>
      </c>
      <c r="AN78" s="8">
        <v>7.0587719855733333</v>
      </c>
      <c r="AO78" s="8">
        <v>7.0325266170473455</v>
      </c>
      <c r="AP78" s="8">
        <v>6.685945312514983</v>
      </c>
      <c r="AQ78" s="8">
        <v>6.3712058884030309</v>
      </c>
      <c r="AR78" s="8">
        <v>5.997583671659104</v>
      </c>
      <c r="AS78" s="8">
        <v>6.0172235556052893</v>
      </c>
      <c r="AT78" s="8">
        <v>6.5332650828003791</v>
      </c>
      <c r="AU78" s="8">
        <v>6.4933291597414593</v>
      </c>
      <c r="AV78" s="8">
        <v>6.3137449575722329</v>
      </c>
      <c r="AW78" s="8">
        <v>5.9491471683331065</v>
      </c>
      <c r="AX78" s="8">
        <v>6.4340284494017155</v>
      </c>
      <c r="AY78" s="8">
        <v>6.4494296978837502</v>
      </c>
      <c r="AZ78" s="8">
        <v>6.5309892025836911</v>
      </c>
      <c r="BA78" s="8">
        <v>7.1407773299207653</v>
      </c>
      <c r="BB78" s="8">
        <v>7.3688065683877637</v>
      </c>
      <c r="BC78" s="8">
        <v>8.3484384492185342</v>
      </c>
      <c r="BD78" s="8">
        <v>9.3725138033745612</v>
      </c>
    </row>
    <row r="79" spans="3:56" x14ac:dyDescent="0.2">
      <c r="C79" s="5" t="s">
        <v>73</v>
      </c>
      <c r="D79" s="6" t="s">
        <v>58</v>
      </c>
      <c r="E79" s="8">
        <v>5.8552903681417412</v>
      </c>
      <c r="F79" s="8">
        <v>5.0876796934119293</v>
      </c>
      <c r="G79" s="8">
        <v>5.011500587755803</v>
      </c>
      <c r="H79" s="8">
        <v>5.0419828381483907</v>
      </c>
      <c r="I79" s="8">
        <v>4.9748676374177121</v>
      </c>
      <c r="J79" s="8">
        <v>5.1984444751381211</v>
      </c>
      <c r="K79" s="8">
        <v>5.2365961265513601</v>
      </c>
      <c r="L79" s="8">
        <v>5.2520281646021347</v>
      </c>
      <c r="M79" s="8">
        <v>5.1466750720757819</v>
      </c>
      <c r="N79" s="8">
        <v>5.222669260809317</v>
      </c>
      <c r="O79" s="8">
        <v>5.1635061387115195</v>
      </c>
      <c r="P79" s="8">
        <v>5.4699037014312362</v>
      </c>
      <c r="Q79" s="8">
        <v>5.7382576688033229</v>
      </c>
      <c r="R79" s="8">
        <v>5.4679716738391848</v>
      </c>
      <c r="S79" s="8">
        <v>5.6439370350654947</v>
      </c>
      <c r="T79" s="8">
        <v>5.9261218040425918</v>
      </c>
      <c r="U79" s="8">
        <v>5.950874571183534</v>
      </c>
      <c r="V79" s="8">
        <v>5.8104143729761555</v>
      </c>
      <c r="W79" s="17" t="s">
        <v>90</v>
      </c>
      <c r="X79" s="8">
        <v>5.7114766199064793</v>
      </c>
      <c r="Y79" s="8">
        <v>5.6721120449634315</v>
      </c>
      <c r="Z79" s="8">
        <v>5.6524645276946526</v>
      </c>
      <c r="AA79" s="8">
        <v>5.5414599358627115</v>
      </c>
      <c r="AB79" s="8">
        <v>5.4136807954463926</v>
      </c>
      <c r="AC79" s="8">
        <v>5.5860822822489693</v>
      </c>
      <c r="AD79" s="8">
        <v>5.5731223521827227</v>
      </c>
      <c r="AE79" s="8">
        <v>5.42915250037895</v>
      </c>
      <c r="AF79" s="8">
        <v>5.4703100167419052</v>
      </c>
      <c r="AG79" s="8">
        <v>5.6380899966323561</v>
      </c>
      <c r="AH79" s="8">
        <v>4.2522219926608917</v>
      </c>
      <c r="AI79" s="8">
        <v>4.718769209341195</v>
      </c>
      <c r="AJ79" s="8">
        <v>4.7518292692284083</v>
      </c>
      <c r="AK79" s="8">
        <v>4.8329718967071429</v>
      </c>
      <c r="AL79" s="8">
        <v>5.3370614881314653</v>
      </c>
      <c r="AM79" s="8">
        <v>4.920069242126722</v>
      </c>
      <c r="AN79" s="8">
        <v>4.9397195681100401</v>
      </c>
      <c r="AO79" s="8">
        <v>4.8908237841439055</v>
      </c>
      <c r="AP79" s="8">
        <v>4.9296946213336286</v>
      </c>
      <c r="AQ79" s="8">
        <v>4.9520213385657783</v>
      </c>
      <c r="AR79" s="8">
        <v>4.7627554456588674</v>
      </c>
      <c r="AS79" s="8">
        <v>4.8258815164943387</v>
      </c>
      <c r="AT79" s="8">
        <v>4.781412571987266</v>
      </c>
      <c r="AU79" s="8">
        <v>4.8024416216416252</v>
      </c>
      <c r="AV79" s="8">
        <v>4.847072196866292</v>
      </c>
      <c r="AW79" s="8">
        <v>4.9845863627897735</v>
      </c>
      <c r="AX79" s="8">
        <v>5.0157423099827811</v>
      </c>
      <c r="AY79" s="8">
        <v>4.9221603485172727</v>
      </c>
      <c r="AZ79" s="8">
        <v>5.0109125259236036</v>
      </c>
      <c r="BA79" s="8">
        <v>5.3077851305071562</v>
      </c>
      <c r="BB79" s="8">
        <v>5.2168909382624378</v>
      </c>
      <c r="BC79" s="8">
        <v>5.9167473846649052</v>
      </c>
      <c r="BD79" s="8">
        <v>5.7218376483393385</v>
      </c>
    </row>
    <row r="80" spans="3:56" x14ac:dyDescent="0.2">
      <c r="C80" s="5" t="s">
        <v>74</v>
      </c>
      <c r="D80" s="6" t="s">
        <v>58</v>
      </c>
      <c r="E80" s="8">
        <v>1.5459085571919871</v>
      </c>
      <c r="F80" s="8">
        <v>1.5481891366447984</v>
      </c>
      <c r="G80" s="8">
        <v>1.5477529676975572</v>
      </c>
      <c r="H80" s="8">
        <v>1.5489833074194173</v>
      </c>
      <c r="I80" s="8">
        <v>1.545625903005704</v>
      </c>
      <c r="J80" s="8">
        <v>1.5915922379993723</v>
      </c>
      <c r="K80" s="8">
        <v>1.5600634014985562</v>
      </c>
      <c r="L80" s="8">
        <v>1.5592695725995902</v>
      </c>
      <c r="M80" s="8">
        <v>1.5580162734959118</v>
      </c>
      <c r="N80" s="8">
        <v>1.5685015619616844</v>
      </c>
      <c r="O80" s="8">
        <v>1.5696704132266004</v>
      </c>
      <c r="P80" s="8">
        <v>1.5726414521674148</v>
      </c>
      <c r="Q80" s="8">
        <v>1.5941417665055899</v>
      </c>
      <c r="R80" s="8">
        <v>1.5636802435423183</v>
      </c>
      <c r="S80" s="8">
        <v>1.5666932221684455</v>
      </c>
      <c r="T80" s="8">
        <v>1.5610959028014277</v>
      </c>
      <c r="U80" s="8">
        <v>1.5687643578156856</v>
      </c>
      <c r="V80" s="8">
        <v>1.562068343540751</v>
      </c>
      <c r="W80" s="17">
        <v>1.5467563224449987</v>
      </c>
      <c r="X80" s="8">
        <v>1.5413910181102266</v>
      </c>
      <c r="Y80" s="8">
        <v>1.5406243924548659</v>
      </c>
      <c r="Z80" s="8">
        <v>1.5565975647219543</v>
      </c>
      <c r="AA80" s="8">
        <v>1.5446614097158731</v>
      </c>
      <c r="AB80" s="8">
        <v>1.5377252581238547</v>
      </c>
      <c r="AC80" s="8">
        <v>1.5378988045247775</v>
      </c>
      <c r="AD80" s="8">
        <v>1.5720979632481344</v>
      </c>
      <c r="AE80" s="8">
        <v>1.3799279676414877</v>
      </c>
      <c r="AF80" s="8">
        <v>1.3860835068849289</v>
      </c>
      <c r="AG80" s="8">
        <v>1.357905552373972</v>
      </c>
      <c r="AH80" s="8">
        <v>1.4980752149055123</v>
      </c>
      <c r="AI80" s="8">
        <v>1.5095322881434052</v>
      </c>
      <c r="AJ80" s="8">
        <v>1.5113056211666973</v>
      </c>
      <c r="AK80" s="8">
        <v>1.5240281522801005</v>
      </c>
      <c r="AL80" s="8">
        <v>1.5181349201794958</v>
      </c>
      <c r="AM80" s="8">
        <v>1.5185022953055185</v>
      </c>
      <c r="AN80" s="8">
        <v>1.5220505104939768</v>
      </c>
      <c r="AO80" s="8">
        <v>1.5237441717348028</v>
      </c>
      <c r="AP80" s="8">
        <v>1.5201589482506959</v>
      </c>
      <c r="AQ80" s="8">
        <v>1.5375287957078696</v>
      </c>
      <c r="AR80" s="8">
        <v>1.52007858874183</v>
      </c>
      <c r="AS80" s="8">
        <v>1.5442808035965858</v>
      </c>
      <c r="AT80" s="8">
        <v>1.5251922240211266</v>
      </c>
      <c r="AU80" s="8">
        <v>1.5156048866251095</v>
      </c>
      <c r="AV80" s="8">
        <v>1.5240784012251873</v>
      </c>
      <c r="AW80" s="8">
        <v>1.5260369969406902</v>
      </c>
      <c r="AX80" s="8">
        <v>1.5291651820388661</v>
      </c>
      <c r="AY80" s="8">
        <v>1.5359401385467719</v>
      </c>
      <c r="AZ80" s="8">
        <v>1.5477255832044741</v>
      </c>
      <c r="BA80" s="8">
        <v>1.5283528492669065</v>
      </c>
      <c r="BB80" s="8">
        <v>1.5219351185815446</v>
      </c>
      <c r="BC80" s="8">
        <v>1.5686392155099536</v>
      </c>
      <c r="BD80" s="8">
        <v>1.6001068073113172</v>
      </c>
    </row>
    <row r="81" spans="3:56" x14ac:dyDescent="0.2">
      <c r="C81" s="16" t="s">
        <v>78</v>
      </c>
      <c r="D81" s="6" t="s">
        <v>58</v>
      </c>
      <c r="E81" s="8">
        <v>0.44473725593116969</v>
      </c>
      <c r="F81" s="8">
        <v>0.45621079324969327</v>
      </c>
      <c r="G81" s="8">
        <v>0.47142312077092996</v>
      </c>
      <c r="H81" s="8">
        <v>0.45319702795855948</v>
      </c>
      <c r="I81" s="8">
        <v>0.44583086041268777</v>
      </c>
      <c r="J81" s="8">
        <v>0.44653546147634354</v>
      </c>
      <c r="K81" s="8">
        <v>0.45678047566352037</v>
      </c>
      <c r="L81" s="8">
        <v>0.460631972437203</v>
      </c>
      <c r="M81" s="8">
        <v>0.46082031945444119</v>
      </c>
      <c r="N81" s="8">
        <v>0.45518660421048235</v>
      </c>
      <c r="O81" s="8">
        <v>0.472538417985368</v>
      </c>
      <c r="P81" s="8">
        <v>0.4775057266771241</v>
      </c>
      <c r="Q81" s="8">
        <v>0.46683576487690143</v>
      </c>
      <c r="R81" s="8">
        <v>0.47048605789387943</v>
      </c>
      <c r="S81" s="8">
        <v>0.47772953284312386</v>
      </c>
      <c r="T81" s="8" t="s">
        <v>90</v>
      </c>
      <c r="U81" s="8">
        <v>0.4908930015819814</v>
      </c>
      <c r="V81" s="8">
        <v>0.49403428035198077</v>
      </c>
      <c r="W81" s="8">
        <v>0.49971808144173846</v>
      </c>
      <c r="X81" s="8">
        <v>0.51880885033838853</v>
      </c>
      <c r="Y81" s="8">
        <v>0.45795025307482612</v>
      </c>
      <c r="Z81" s="8">
        <v>0.39807585709627374</v>
      </c>
      <c r="AA81" s="8">
        <v>0.38523551978647325</v>
      </c>
      <c r="AB81" s="8">
        <v>0.44216749080210022</v>
      </c>
      <c r="AC81" s="8">
        <v>0.45028809484323512</v>
      </c>
      <c r="AD81" s="8">
        <v>0.45583324911609052</v>
      </c>
      <c r="AE81" s="8">
        <v>0.45641259690951352</v>
      </c>
      <c r="AF81" s="8">
        <v>0.47318371202753395</v>
      </c>
      <c r="AG81" s="8">
        <v>0.47653351130822752</v>
      </c>
      <c r="AH81" s="8">
        <v>0.47505455469533658</v>
      </c>
      <c r="AI81" s="8">
        <v>0.46435590559754653</v>
      </c>
      <c r="AJ81" s="8">
        <v>0.43862558673833296</v>
      </c>
      <c r="AK81" s="8">
        <v>0.44106972813919887</v>
      </c>
      <c r="AL81" s="8">
        <v>0.43207780908655802</v>
      </c>
      <c r="AM81" s="8">
        <v>0.40978673061754739</v>
      </c>
      <c r="AN81" s="8">
        <v>0.40627623395445367</v>
      </c>
      <c r="AO81" s="8">
        <v>0.39543850446423057</v>
      </c>
      <c r="AP81" s="8">
        <v>0.41576191173002253</v>
      </c>
      <c r="AQ81" s="8">
        <v>0.39094013474644435</v>
      </c>
      <c r="AR81" s="8">
        <v>0.38837642610097972</v>
      </c>
      <c r="AS81" s="8">
        <v>0.39586593830840999</v>
      </c>
      <c r="AT81" s="8">
        <v>0.38902485040565604</v>
      </c>
      <c r="AU81" s="8">
        <v>0.38821761058485588</v>
      </c>
      <c r="AV81" s="8">
        <v>0.38369643444469798</v>
      </c>
      <c r="AW81" s="8">
        <v>0.37366919896787382</v>
      </c>
      <c r="AX81" s="8">
        <v>0.3696688247323634</v>
      </c>
      <c r="AY81" s="8">
        <v>0.37097489192688332</v>
      </c>
      <c r="AZ81" s="8">
        <v>0.37226485209354693</v>
      </c>
      <c r="BA81" s="8">
        <v>0.38629033195453544</v>
      </c>
      <c r="BB81" s="8">
        <v>0.34940753895351812</v>
      </c>
      <c r="BC81" s="8">
        <v>0.36045944207716685</v>
      </c>
      <c r="BD81" s="8">
        <v>0.36481493681542837</v>
      </c>
    </row>
    <row r="82" spans="3:56" x14ac:dyDescent="0.2">
      <c r="C82" s="16" t="s">
        <v>79</v>
      </c>
      <c r="D82" s="6" t="s">
        <v>58</v>
      </c>
      <c r="E82" s="8">
        <v>0.7319656080118716</v>
      </c>
      <c r="F82" s="8">
        <v>0.9461343745580818</v>
      </c>
      <c r="G82" s="8">
        <v>0.87554767895047314</v>
      </c>
      <c r="H82" s="8">
        <v>0.88216176694913029</v>
      </c>
      <c r="I82" s="8">
        <v>0.78688876235553695</v>
      </c>
      <c r="J82" s="8">
        <v>0.77136440794604766</v>
      </c>
      <c r="K82" s="8">
        <v>0.74519249753208283</v>
      </c>
      <c r="L82" s="8">
        <v>0.64542143378900141</v>
      </c>
      <c r="M82" s="8">
        <v>0.68157042937360146</v>
      </c>
      <c r="N82" s="8">
        <v>0.67158710734199634</v>
      </c>
      <c r="O82" s="8">
        <v>0.65192455012657846</v>
      </c>
      <c r="P82" s="8">
        <v>0.57906264051443013</v>
      </c>
      <c r="Q82" s="8">
        <v>0.62167333363297217</v>
      </c>
      <c r="R82" s="8">
        <v>0.66237437332652771</v>
      </c>
      <c r="S82" s="8">
        <v>0.7802526903767083</v>
      </c>
      <c r="T82" s="8">
        <v>0.76871587385136375</v>
      </c>
      <c r="U82" s="8">
        <v>0.6626199540119394</v>
      </c>
      <c r="V82" s="8">
        <v>0.69024217008576061</v>
      </c>
      <c r="W82" s="17">
        <v>0.7125822879811301</v>
      </c>
      <c r="X82" s="8">
        <v>0.66237062351792442</v>
      </c>
      <c r="Y82" s="8">
        <v>0.69272752590768505</v>
      </c>
      <c r="Z82" s="8">
        <v>0.5911173282147858</v>
      </c>
      <c r="AA82" s="8">
        <v>0.61050122934909201</v>
      </c>
      <c r="AB82" s="8">
        <v>0.59509611141077823</v>
      </c>
      <c r="AC82" s="40">
        <v>0.64424416833124554</v>
      </c>
      <c r="AD82" s="8">
        <v>0.65073992970862582</v>
      </c>
      <c r="AE82" s="8">
        <v>0.68468615765643737</v>
      </c>
      <c r="AF82" s="39">
        <v>0.74125665989497502</v>
      </c>
      <c r="AG82" s="39">
        <v>0.76047277141152503</v>
      </c>
      <c r="AH82" s="39">
        <v>0.7254753436086594</v>
      </c>
      <c r="AI82" s="39">
        <v>0.68685983175943532</v>
      </c>
      <c r="AJ82" s="8">
        <v>0.6473719864514843</v>
      </c>
      <c r="AK82" s="39">
        <v>0.68432026915198141</v>
      </c>
      <c r="AL82" s="8">
        <v>0.7772811322908344</v>
      </c>
      <c r="AM82" s="39">
        <v>0.79213338082094209</v>
      </c>
      <c r="AN82" s="39">
        <v>0.89832934799936226</v>
      </c>
      <c r="AO82" s="8">
        <v>0.86822098327420172</v>
      </c>
      <c r="AP82" s="8">
        <v>0.79710922839678211</v>
      </c>
      <c r="AQ82" s="8">
        <v>0.81944335740298446</v>
      </c>
      <c r="AR82" s="8">
        <v>0.862952816193712</v>
      </c>
      <c r="AS82" s="8">
        <v>0.76434929327314438</v>
      </c>
      <c r="AT82" s="8">
        <v>0.87136851319396746</v>
      </c>
      <c r="AU82" s="8">
        <v>0.86110023434884497</v>
      </c>
      <c r="AV82" s="8">
        <v>0.74963283467282027</v>
      </c>
      <c r="AW82" s="8">
        <v>0.59683543633168801</v>
      </c>
      <c r="AX82" s="8">
        <v>0.56431412164396744</v>
      </c>
      <c r="AY82" s="8">
        <v>0.66231495906863447</v>
      </c>
      <c r="AZ82" s="8">
        <v>0.61681408192019327</v>
      </c>
      <c r="BA82" s="8">
        <v>0.6765747186553166</v>
      </c>
      <c r="BB82" s="8">
        <v>0.73481178561451277</v>
      </c>
      <c r="BC82" s="8">
        <v>0.72003922982710278</v>
      </c>
      <c r="BD82" s="8">
        <v>0.73934168617030638</v>
      </c>
    </row>
    <row r="83" spans="3:56" x14ac:dyDescent="0.2">
      <c r="C83" s="16" t="s">
        <v>80</v>
      </c>
      <c r="D83" s="6" t="s">
        <v>58</v>
      </c>
      <c r="E83" s="130">
        <v>0.76936105608199667</v>
      </c>
      <c r="F83" s="8">
        <v>1.6839700092995329</v>
      </c>
      <c r="G83" s="8">
        <v>1.7908747864325125</v>
      </c>
      <c r="H83" s="8">
        <v>1.6508075685461503</v>
      </c>
      <c r="I83" s="8">
        <v>1.1649586944271926</v>
      </c>
      <c r="J83" s="8">
        <v>0.94264384021766501</v>
      </c>
      <c r="K83" s="8">
        <v>0.8954031301340899</v>
      </c>
      <c r="L83" s="8">
        <v>0.66055023816943415</v>
      </c>
      <c r="M83" s="8">
        <v>0.64802878515417439</v>
      </c>
      <c r="N83" s="8">
        <v>0.64766807129099269</v>
      </c>
      <c r="O83" s="8">
        <v>0.56502129916343047</v>
      </c>
      <c r="P83" s="8">
        <v>0.63076539579289925</v>
      </c>
      <c r="Q83" s="8">
        <v>0.65011828932574978</v>
      </c>
      <c r="R83" s="8">
        <v>0.76562829233790741</v>
      </c>
      <c r="S83" s="8">
        <v>0.92629190740025946</v>
      </c>
      <c r="T83" s="8">
        <v>0.86241228502270262</v>
      </c>
      <c r="U83" s="8">
        <v>0.59832300437120278</v>
      </c>
      <c r="V83" s="8">
        <v>0.51498753381977669</v>
      </c>
      <c r="W83" s="17">
        <v>0.48259745298082041</v>
      </c>
      <c r="X83" s="8">
        <v>0.44596901886389145</v>
      </c>
      <c r="Y83" s="8">
        <v>0.47016948139524611</v>
      </c>
      <c r="Z83" s="8">
        <v>0.78839390589468072</v>
      </c>
      <c r="AA83" s="8">
        <v>0.79930197025858263</v>
      </c>
      <c r="AB83" s="8">
        <v>0.86396792650395149</v>
      </c>
      <c r="AC83" s="8">
        <v>0.84416220392204655</v>
      </c>
      <c r="AD83" s="8">
        <v>0.73222378118506493</v>
      </c>
      <c r="AE83" s="8">
        <v>0.59378472375956304</v>
      </c>
      <c r="AF83" s="39">
        <v>0.51331007031710485</v>
      </c>
      <c r="AG83" s="39">
        <v>0.53211869330935735</v>
      </c>
      <c r="AH83" s="8">
        <v>0.53430903585785838</v>
      </c>
      <c r="AI83" s="39">
        <v>0.55129238903408151</v>
      </c>
      <c r="AJ83" s="8">
        <v>0.49645362887508776</v>
      </c>
      <c r="AK83" s="39">
        <v>0.51969751908396944</v>
      </c>
      <c r="AL83" s="39">
        <v>0.60663180004200801</v>
      </c>
      <c r="AM83" s="8">
        <v>0.6727758626545306</v>
      </c>
      <c r="AN83" s="8">
        <v>0.61894152377079426</v>
      </c>
      <c r="AO83" s="8">
        <v>0.60141652498685627</v>
      </c>
      <c r="AP83" s="8">
        <v>0.67384830591276801</v>
      </c>
      <c r="AQ83" s="8">
        <v>0.68005930566517458</v>
      </c>
      <c r="AR83" s="8">
        <v>0.58493543112229074</v>
      </c>
      <c r="AS83" s="8">
        <v>0.52867184980419257</v>
      </c>
      <c r="AT83" s="8">
        <v>0.62905431476429663</v>
      </c>
      <c r="AU83" s="8">
        <v>0.73729686256408</v>
      </c>
      <c r="AV83" s="8">
        <v>0.70282818708652184</v>
      </c>
      <c r="AW83" s="8">
        <v>0.82531542678522807</v>
      </c>
      <c r="AX83" s="8">
        <v>0.84319218701867682</v>
      </c>
      <c r="AY83" s="8">
        <v>1.1443542406751182</v>
      </c>
      <c r="AZ83" s="8">
        <v>1.0757677851414706</v>
      </c>
      <c r="BA83" s="8">
        <v>1.0719647560804022</v>
      </c>
      <c r="BB83" s="8">
        <v>0.98776405879539519</v>
      </c>
      <c r="BC83" s="8">
        <v>0.87222583268514187</v>
      </c>
      <c r="BD83" s="130">
        <v>0.91243059759435696</v>
      </c>
    </row>
    <row r="84" spans="3:56" x14ac:dyDescent="0.2">
      <c r="C84" s="16" t="s">
        <v>122</v>
      </c>
      <c r="D84" s="6" t="s">
        <v>58</v>
      </c>
      <c r="E84" s="8">
        <v>0.44049834307710117</v>
      </c>
      <c r="F84" s="8">
        <v>0.47409813720078708</v>
      </c>
      <c r="G84" s="8">
        <v>0.47974081998211765</v>
      </c>
      <c r="H84" s="8">
        <v>0.49088938874021043</v>
      </c>
      <c r="I84" s="8">
        <v>0.51336481984506244</v>
      </c>
      <c r="J84" s="8">
        <v>0.49648724060404004</v>
      </c>
      <c r="K84" s="8">
        <v>0.50728181973210962</v>
      </c>
      <c r="L84" s="8">
        <v>0.5010565460396641</v>
      </c>
      <c r="M84" s="8">
        <v>0.52599827888664508</v>
      </c>
      <c r="N84" s="8">
        <v>0.52232058637001166</v>
      </c>
      <c r="O84" s="8">
        <v>0.51393148318708426</v>
      </c>
      <c r="P84" s="8">
        <v>0.51759236077454152</v>
      </c>
      <c r="Q84" s="8">
        <v>0.51335601266508979</v>
      </c>
      <c r="R84" s="8">
        <v>0.56095342482817634</v>
      </c>
      <c r="S84" s="8">
        <v>0.55498970774390444</v>
      </c>
      <c r="T84" s="8">
        <v>0.5400201804388286</v>
      </c>
      <c r="U84" s="8">
        <v>0.59097106840435698</v>
      </c>
      <c r="V84" s="8">
        <v>0.62226738068594201</v>
      </c>
      <c r="W84" s="17">
        <v>0.66762841682104745</v>
      </c>
      <c r="X84" s="8">
        <v>0.67430369450653349</v>
      </c>
      <c r="Y84" s="8">
        <v>0.64226588510739546</v>
      </c>
      <c r="Z84" s="8">
        <v>0.65129584906761073</v>
      </c>
      <c r="AA84" s="8">
        <v>0.65842161426256085</v>
      </c>
      <c r="AB84" s="8">
        <v>0.67053186251649444</v>
      </c>
      <c r="AC84" s="8">
        <v>0.64733940674910773</v>
      </c>
      <c r="AD84" s="8">
        <v>0.66081398503023281</v>
      </c>
      <c r="AE84" s="8">
        <v>0.66096829391213141</v>
      </c>
      <c r="AF84" s="8">
        <v>0.6254900344088814</v>
      </c>
      <c r="AG84" s="8">
        <v>0.5029229356698427</v>
      </c>
      <c r="AH84" s="8">
        <v>0.44882238759862192</v>
      </c>
      <c r="AI84" s="8">
        <v>0.44056489667200915</v>
      </c>
      <c r="AJ84" s="8">
        <v>0.43439210836288472</v>
      </c>
      <c r="AK84" s="8">
        <v>0.43390477239157244</v>
      </c>
      <c r="AL84" s="8">
        <v>0.41544370382774004</v>
      </c>
      <c r="AM84" s="8">
        <v>0.44691808800207383</v>
      </c>
      <c r="AN84" s="8">
        <v>0.40294959674066688</v>
      </c>
      <c r="AO84" s="8">
        <v>0.35475950220598002</v>
      </c>
      <c r="AP84" s="8">
        <v>0.33360191329742817</v>
      </c>
      <c r="AQ84" s="8">
        <v>0.32744884456182582</v>
      </c>
      <c r="AR84" s="8">
        <v>0.34061529442389432</v>
      </c>
      <c r="AS84" s="8">
        <v>0.3410920308380469</v>
      </c>
      <c r="AT84" s="8">
        <v>0.3248559000376347</v>
      </c>
      <c r="AU84" s="8">
        <v>0.31192755776514863</v>
      </c>
      <c r="AV84" s="8">
        <v>0.29901063065386813</v>
      </c>
      <c r="AW84" s="8">
        <v>0.28519182421868527</v>
      </c>
      <c r="AX84" s="8">
        <v>0.29323805873669856</v>
      </c>
      <c r="AY84" s="8">
        <v>0.28655199297147493</v>
      </c>
      <c r="AZ84" s="8">
        <v>0.28544813902521465</v>
      </c>
      <c r="BA84" s="8">
        <v>0.30669515529039215</v>
      </c>
      <c r="BB84" s="8">
        <v>0.3224317769783821</v>
      </c>
      <c r="BC84" s="8">
        <v>0.3382064659075632</v>
      </c>
      <c r="BD84" s="8">
        <v>0.33907152301851612</v>
      </c>
    </row>
    <row r="85" spans="3:56" x14ac:dyDescent="0.2">
      <c r="C85" s="16" t="s">
        <v>82</v>
      </c>
      <c r="D85" s="6" t="s">
        <v>58</v>
      </c>
      <c r="E85" s="8">
        <v>2.04</v>
      </c>
      <c r="F85" s="8">
        <v>3.0384668743832259</v>
      </c>
      <c r="G85" s="8">
        <v>3.8522334150210371</v>
      </c>
      <c r="H85" s="8">
        <v>4.0627362481577656</v>
      </c>
      <c r="I85" s="8">
        <v>4.1844428196647065</v>
      </c>
      <c r="J85" s="8">
        <v>4.763434822065908</v>
      </c>
      <c r="K85" s="8">
        <v>5.4223983205649011</v>
      </c>
      <c r="L85" s="8">
        <v>4.5774269310934441</v>
      </c>
      <c r="M85" s="8">
        <v>2.9777934200250988</v>
      </c>
      <c r="N85" s="8">
        <v>3.15</v>
      </c>
      <c r="O85" s="8">
        <v>3.31</v>
      </c>
      <c r="P85" s="8">
        <v>3.06</v>
      </c>
      <c r="Q85" s="8">
        <v>2.7551021460492064</v>
      </c>
      <c r="R85" s="8">
        <v>2.85</v>
      </c>
      <c r="S85" s="8">
        <v>2.5299999999999998</v>
      </c>
      <c r="T85" s="8">
        <v>1.7265140481536427</v>
      </c>
      <c r="U85" s="8">
        <v>2.0699999999999998</v>
      </c>
      <c r="V85" s="8">
        <v>2.06</v>
      </c>
      <c r="W85" s="17">
        <v>2.17</v>
      </c>
      <c r="X85" s="8">
        <v>2.36519813950623</v>
      </c>
      <c r="Y85" s="8">
        <v>2.7335467929141553</v>
      </c>
      <c r="Z85" s="8">
        <v>2.7000227779929546</v>
      </c>
      <c r="AA85" s="8">
        <v>2.3709383661299941</v>
      </c>
      <c r="AB85" s="8">
        <v>2.42089346932601</v>
      </c>
      <c r="AC85" s="8">
        <v>2.7053579522265498</v>
      </c>
      <c r="AD85" s="8">
        <v>2.8861648528022328</v>
      </c>
      <c r="AE85" s="8">
        <v>2.4267400658896277</v>
      </c>
      <c r="AF85" s="8">
        <v>2.248471591312001</v>
      </c>
      <c r="AG85" s="8">
        <v>2.2020566304700608</v>
      </c>
      <c r="AH85" s="8">
        <v>2.2665418680443388</v>
      </c>
      <c r="AI85" s="8">
        <v>2.1375519437304238</v>
      </c>
      <c r="AJ85" s="8">
        <v>2.3073215588833071</v>
      </c>
      <c r="AK85" s="8">
        <v>2.4850701421374355</v>
      </c>
      <c r="AL85" s="8">
        <v>2.4951412437863247</v>
      </c>
      <c r="AM85" s="8">
        <v>2.1186623248862531</v>
      </c>
      <c r="AN85" s="8">
        <v>2.9700629100341995</v>
      </c>
      <c r="AO85" s="8">
        <v>3.1681457114809861</v>
      </c>
      <c r="AP85" s="8">
        <v>3.2473708487619444</v>
      </c>
      <c r="AQ85" s="8">
        <v>3.2171297170372606</v>
      </c>
      <c r="AR85" s="8">
        <v>2.7774983484424212</v>
      </c>
      <c r="AS85" s="8">
        <v>2.1897642367706838</v>
      </c>
      <c r="AT85" s="8">
        <v>2.0475954726967696</v>
      </c>
      <c r="AU85" s="8">
        <v>2.5897787806405765</v>
      </c>
      <c r="AV85" s="8">
        <v>3.1557789589254748</v>
      </c>
      <c r="AW85" s="8">
        <v>2.5695754746566073</v>
      </c>
      <c r="AX85" s="8">
        <v>2.1475840109675213</v>
      </c>
      <c r="AY85" s="8">
        <v>2.8782456415930211</v>
      </c>
      <c r="AZ85" s="8">
        <v>2.9324835725610847</v>
      </c>
      <c r="BA85" s="8">
        <v>2.9828709502407915</v>
      </c>
      <c r="BB85" s="8">
        <v>2.5196659434788149</v>
      </c>
      <c r="BC85" s="8">
        <v>2.3508822647418133</v>
      </c>
      <c r="BD85" s="8">
        <v>2.6974553377154185</v>
      </c>
    </row>
    <row r="86" spans="3:56" x14ac:dyDescent="0.2">
      <c r="C86" s="16" t="s">
        <v>84</v>
      </c>
      <c r="D86" s="6" t="s">
        <v>85</v>
      </c>
      <c r="E86" s="8">
        <v>0.51395082233541345</v>
      </c>
      <c r="F86" s="8">
        <v>0.55675148407345476</v>
      </c>
      <c r="G86" s="8">
        <v>0.62516326564873959</v>
      </c>
      <c r="H86" s="8">
        <v>0.6122345692904968</v>
      </c>
      <c r="I86" s="8">
        <v>0.61953414025833287</v>
      </c>
      <c r="J86" s="8">
        <v>0.58090720588693834</v>
      </c>
      <c r="K86" s="8">
        <v>0.55391329951684354</v>
      </c>
      <c r="L86" s="8">
        <v>0.51215134181845323</v>
      </c>
      <c r="M86" s="8">
        <v>0.49867744055883045</v>
      </c>
      <c r="N86" s="8">
        <v>0.45804049593771162</v>
      </c>
      <c r="O86" s="8">
        <v>0.42905958406647499</v>
      </c>
      <c r="P86" s="8">
        <v>0.40539394078634994</v>
      </c>
      <c r="Q86" s="8">
        <v>0.37906264374537091</v>
      </c>
      <c r="R86" s="8">
        <v>0.37637502678667095</v>
      </c>
      <c r="S86" s="8">
        <v>0.37484663199487728</v>
      </c>
      <c r="T86" s="8">
        <v>0.37497095817904674</v>
      </c>
      <c r="U86" s="8">
        <v>0.37421094373233166</v>
      </c>
      <c r="V86" s="8">
        <v>0.36386551875048806</v>
      </c>
      <c r="W86" s="17">
        <v>0.38895997756438744</v>
      </c>
      <c r="X86" s="8">
        <v>0.37813520546368634</v>
      </c>
      <c r="Y86" s="8">
        <v>0.39626198930048023</v>
      </c>
      <c r="Z86" s="8">
        <v>0.39562593159279008</v>
      </c>
      <c r="AA86" s="8">
        <v>0.41421099899305419</v>
      </c>
      <c r="AB86" s="8">
        <v>0.406740008482396</v>
      </c>
      <c r="AC86" s="8">
        <v>0.42836777706313156</v>
      </c>
      <c r="AD86" s="8">
        <v>0.40445932717641692</v>
      </c>
      <c r="AE86" s="8">
        <v>0.38613881511407366</v>
      </c>
      <c r="AF86" s="8">
        <v>0.40480199528708471</v>
      </c>
      <c r="AG86" s="8">
        <v>0.39284718450117695</v>
      </c>
      <c r="AH86" s="8">
        <v>0.40629687351006011</v>
      </c>
      <c r="AI86" s="8">
        <v>0.41485737212511786</v>
      </c>
      <c r="AJ86" s="8">
        <v>0.40153417102907613</v>
      </c>
      <c r="AK86" s="8">
        <v>0.39119110204931146</v>
      </c>
      <c r="AL86" s="8">
        <v>0.4160844337388826</v>
      </c>
      <c r="AM86" s="8">
        <v>0.40582770161844939</v>
      </c>
      <c r="AN86" s="8">
        <v>0.40055108174826826</v>
      </c>
      <c r="AO86" s="8">
        <v>0.40630424155824624</v>
      </c>
      <c r="AP86" s="8">
        <v>0.43485267491327317</v>
      </c>
      <c r="AQ86" s="8">
        <v>0.44089952626866913</v>
      </c>
      <c r="AR86" s="8">
        <v>0.47487307574676318</v>
      </c>
      <c r="AS86" s="8">
        <v>0.44428995047944814</v>
      </c>
      <c r="AT86" s="8">
        <v>0.45299962907413677</v>
      </c>
      <c r="AU86" s="8">
        <v>0.44043689003279285</v>
      </c>
      <c r="AV86" s="8">
        <v>0.42148331933151023</v>
      </c>
      <c r="AW86" s="8">
        <v>0.42254026431327824</v>
      </c>
      <c r="AX86" s="8">
        <v>0.4582203725261933</v>
      </c>
      <c r="AY86" s="8">
        <v>0.44407939430408738</v>
      </c>
      <c r="AZ86" s="8">
        <v>0.47339506254526387</v>
      </c>
      <c r="BA86" s="8">
        <v>0.42131128009494351</v>
      </c>
      <c r="BB86" s="8">
        <v>0.42522804713018103</v>
      </c>
      <c r="BC86" s="8">
        <v>0.41873097899585987</v>
      </c>
      <c r="BD86" s="8">
        <v>0.44096319743534601</v>
      </c>
    </row>
    <row r="87" spans="3:56" x14ac:dyDescent="0.2">
      <c r="C87" s="16" t="s">
        <v>118</v>
      </c>
      <c r="D87" s="6" t="s">
        <v>58</v>
      </c>
      <c r="E87" s="8">
        <v>1.2672495447734835</v>
      </c>
      <c r="F87" s="8">
        <v>1.1803378618989737</v>
      </c>
      <c r="G87" s="8">
        <v>1.2141138054207248</v>
      </c>
      <c r="H87" s="8">
        <v>1.2095354686360729</v>
      </c>
      <c r="I87" s="8">
        <v>1.2996784629166411</v>
      </c>
      <c r="J87" s="8">
        <v>1.5338246259593142</v>
      </c>
      <c r="K87" s="8">
        <v>1.3756692070456267</v>
      </c>
      <c r="L87" s="8">
        <v>1.4062631197753555</v>
      </c>
      <c r="M87" s="8">
        <v>1.5838607399152074</v>
      </c>
      <c r="N87" s="8">
        <v>1.6180576930799162</v>
      </c>
      <c r="O87" s="8">
        <v>1.5759431915659514</v>
      </c>
      <c r="P87" s="8">
        <v>1.638160759561432</v>
      </c>
      <c r="Q87" s="8">
        <v>1.7033095843549699</v>
      </c>
      <c r="R87" s="8">
        <v>1.7655029255021801</v>
      </c>
      <c r="S87" s="8">
        <v>1.7436336837820612</v>
      </c>
      <c r="T87" s="8">
        <v>1.6234992740557483</v>
      </c>
      <c r="U87" s="8">
        <v>1.705106523704772</v>
      </c>
      <c r="V87" s="8">
        <v>1.5171358414338341</v>
      </c>
      <c r="W87" s="17">
        <v>1.4148872800716856</v>
      </c>
      <c r="X87" s="8">
        <v>1.0891692021672612</v>
      </c>
      <c r="Y87" s="8">
        <v>1.0011499883342283</v>
      </c>
      <c r="Z87" s="8">
        <v>0.88898131765877708</v>
      </c>
      <c r="AA87" s="8">
        <v>1.0029415580841243</v>
      </c>
      <c r="AB87" s="8">
        <v>1.0529636266780542</v>
      </c>
      <c r="AC87" s="8">
        <v>1.0896732084221052</v>
      </c>
      <c r="AD87" s="8">
        <v>1.1201860924361822</v>
      </c>
      <c r="AE87" s="8">
        <v>1.1665713219427121</v>
      </c>
      <c r="AF87" s="8">
        <v>1.3606555908614004</v>
      </c>
      <c r="AG87" s="8">
        <v>1.1130298929904445</v>
      </c>
      <c r="AH87" s="8">
        <v>1.0057510906855109</v>
      </c>
      <c r="AI87" s="8">
        <v>0.94869440619348289</v>
      </c>
      <c r="AJ87" s="8">
        <v>0.77974246382636658</v>
      </c>
      <c r="AK87" s="8">
        <v>0.82585289914991167</v>
      </c>
      <c r="AL87" s="8">
        <v>0.92007243722621379</v>
      </c>
      <c r="AM87" s="8">
        <v>1.2100606944997188</v>
      </c>
      <c r="AN87" s="8">
        <v>1.0536515389384604</v>
      </c>
      <c r="AO87" s="8">
        <v>1.0458558934474742</v>
      </c>
      <c r="AP87" s="8">
        <v>1.2567929194751906</v>
      </c>
      <c r="AQ87" s="8">
        <v>1.2174204206938717</v>
      </c>
      <c r="AR87" s="8">
        <v>1.1080928322239534</v>
      </c>
      <c r="AS87" s="8">
        <v>1.0758022936759606</v>
      </c>
      <c r="AT87" s="8">
        <v>1.2319149279315811</v>
      </c>
      <c r="AU87" s="8">
        <v>1.110633585745898</v>
      </c>
      <c r="AV87" s="8">
        <v>0.99158710253610249</v>
      </c>
      <c r="AW87" s="8">
        <v>1.0834623195118103</v>
      </c>
      <c r="AX87" s="8">
        <v>1.104623122841879</v>
      </c>
      <c r="AY87" s="8">
        <v>1.1719705893220784</v>
      </c>
      <c r="AZ87" s="8">
        <v>1.1123100843817852</v>
      </c>
      <c r="BA87" s="8">
        <v>1.2577173941253108</v>
      </c>
      <c r="BB87" s="8">
        <v>1.2345677155418948</v>
      </c>
      <c r="BC87" s="8">
        <v>1.0987969347690811</v>
      </c>
      <c r="BD87" s="8">
        <v>1.2621966896595782</v>
      </c>
    </row>
    <row r="88" spans="3:56" x14ac:dyDescent="0.2">
      <c r="C88" s="16" t="s">
        <v>104</v>
      </c>
      <c r="D88" s="6" t="s">
        <v>58</v>
      </c>
      <c r="E88" s="8">
        <v>1.052903290797315</v>
      </c>
      <c r="F88" s="8">
        <v>1.215298726540198</v>
      </c>
      <c r="G88" s="8">
        <v>1.2901142772669119</v>
      </c>
      <c r="H88" s="8">
        <v>1.2736237900853968</v>
      </c>
      <c r="I88" s="8">
        <v>1.1848730456949745</v>
      </c>
      <c r="J88" s="8">
        <v>1.0490834518672099</v>
      </c>
      <c r="K88" s="8">
        <v>1.0859132183040097</v>
      </c>
      <c r="L88" s="8">
        <v>1.165292895351363</v>
      </c>
      <c r="M88" s="8">
        <v>1.1942649621937058</v>
      </c>
      <c r="N88" s="8">
        <v>1.2862416235865499</v>
      </c>
      <c r="O88" s="8">
        <v>1.3460928250043696</v>
      </c>
      <c r="P88" s="8">
        <v>1.3084733863356959</v>
      </c>
      <c r="Q88" s="8">
        <v>1.383987877277425</v>
      </c>
      <c r="R88" s="8">
        <v>1.4460242282731859</v>
      </c>
      <c r="S88" s="8">
        <v>1.5157212025864639</v>
      </c>
      <c r="T88" s="8">
        <v>1.3914419456745961</v>
      </c>
      <c r="U88" s="8">
        <v>1.3395487447016627</v>
      </c>
      <c r="V88" s="8">
        <v>1.1667515803104158</v>
      </c>
      <c r="W88" s="17">
        <v>0.96527900338324535</v>
      </c>
      <c r="X88" s="8">
        <v>0.9315372628305022</v>
      </c>
      <c r="Y88" s="8">
        <v>0.92587126162247124</v>
      </c>
      <c r="Z88" s="8">
        <v>0.84030864475669931</v>
      </c>
      <c r="AA88" s="8">
        <v>0.92922809890164959</v>
      </c>
      <c r="AB88" s="8">
        <v>1.1613588422600472</v>
      </c>
      <c r="AC88" s="8">
        <v>1.0908802726099374</v>
      </c>
      <c r="AD88" s="8">
        <v>1.1082529459836754</v>
      </c>
      <c r="AE88" s="8">
        <v>1.0640868499546992</v>
      </c>
      <c r="AF88" s="8">
        <v>1.0406250419746674</v>
      </c>
      <c r="AG88" s="8">
        <v>1.0062640513555727</v>
      </c>
      <c r="AH88" s="8">
        <v>0.99045502026251675</v>
      </c>
      <c r="AI88" s="8">
        <v>1.1552642952673073</v>
      </c>
      <c r="AJ88" s="8">
        <v>1.0829926129259242</v>
      </c>
      <c r="AK88" s="8">
        <v>1.0418314548604082</v>
      </c>
      <c r="AL88" s="8">
        <v>0.91532239276911231</v>
      </c>
      <c r="AM88" s="8">
        <v>0.88809813127128789</v>
      </c>
      <c r="AN88" s="8">
        <v>0.9917508168319672</v>
      </c>
      <c r="AO88" s="8">
        <v>0.96356629970667629</v>
      </c>
      <c r="AP88" s="8">
        <v>0.90707167613423079</v>
      </c>
      <c r="AQ88" s="8">
        <v>0.9211771419034156</v>
      </c>
      <c r="AR88" s="8">
        <v>0.96746249670289874</v>
      </c>
      <c r="AS88" s="8">
        <v>0.99412290029761707</v>
      </c>
      <c r="AT88" s="8">
        <v>0.98277045689398579</v>
      </c>
      <c r="AU88" s="8">
        <v>1.0221517978261556</v>
      </c>
      <c r="AV88" s="8">
        <v>1.0929783225463252</v>
      </c>
      <c r="AW88" s="8">
        <v>1.3215270407941559</v>
      </c>
      <c r="AX88" s="8">
        <v>1.1339181372875895</v>
      </c>
      <c r="AY88" s="8">
        <v>0.99258581714440974</v>
      </c>
      <c r="AZ88" s="8">
        <v>0.96728046924851518</v>
      </c>
      <c r="BA88" s="8">
        <v>1.1650059299238169</v>
      </c>
      <c r="BB88" s="8">
        <v>1.1441817440306263</v>
      </c>
      <c r="BC88" s="8">
        <v>1.0921319931974047</v>
      </c>
      <c r="BD88" s="8">
        <v>1.0384157543512613</v>
      </c>
    </row>
    <row r="89" spans="3:56" x14ac:dyDescent="0.2">
      <c r="C89" s="16" t="s">
        <v>87</v>
      </c>
      <c r="D89" s="6" t="s">
        <v>58</v>
      </c>
      <c r="E89" s="8">
        <v>0.47532703215568101</v>
      </c>
      <c r="F89" s="8">
        <v>0.50638145261091594</v>
      </c>
      <c r="G89" s="8">
        <v>0.54190511489466242</v>
      </c>
      <c r="H89" s="8">
        <v>0.5522638850183702</v>
      </c>
      <c r="I89" s="8">
        <v>0.50017236783239793</v>
      </c>
      <c r="J89" s="8">
        <v>0.5376427224216318</v>
      </c>
      <c r="K89" s="8">
        <v>0.53559041423860498</v>
      </c>
      <c r="L89" s="8">
        <v>0.51525697859419972</v>
      </c>
      <c r="M89" s="8">
        <v>0.53098329877916461</v>
      </c>
      <c r="N89" s="8">
        <v>0.48766476458850078</v>
      </c>
      <c r="O89" s="8">
        <v>0.50434189083286907</v>
      </c>
      <c r="P89" s="8">
        <v>0.6</v>
      </c>
      <c r="Q89" s="8">
        <v>0.59</v>
      </c>
      <c r="R89" s="8">
        <v>0.52567592950333353</v>
      </c>
      <c r="S89" s="8">
        <v>0.59</v>
      </c>
      <c r="T89" s="8">
        <v>0.59</v>
      </c>
      <c r="U89" s="8">
        <v>0.59</v>
      </c>
      <c r="V89" s="8">
        <v>0.52379077445536126</v>
      </c>
      <c r="W89" s="17">
        <v>0.620815304453738</v>
      </c>
      <c r="X89" s="8">
        <v>0.50591141716095422</v>
      </c>
      <c r="Y89" s="8">
        <v>0.50846603616710462</v>
      </c>
      <c r="Z89" s="8">
        <v>0.61</v>
      </c>
      <c r="AA89" s="8">
        <v>0.61</v>
      </c>
      <c r="AB89" s="8">
        <v>0.61</v>
      </c>
      <c r="AC89" s="8">
        <v>0.6</v>
      </c>
      <c r="AD89" s="8">
        <v>0.55934244082463735</v>
      </c>
      <c r="AE89" s="8">
        <v>0.54682654678456577</v>
      </c>
      <c r="AF89" s="8">
        <v>0.54278227856411443</v>
      </c>
      <c r="AG89" s="8">
        <v>0.54896707606581718</v>
      </c>
      <c r="AH89" s="8">
        <v>0.53898545661983388</v>
      </c>
      <c r="AI89" s="8">
        <v>0.54957731833718126</v>
      </c>
      <c r="AJ89" s="8">
        <v>0.55560734124530953</v>
      </c>
      <c r="AK89" s="8">
        <v>0.55405529607480808</v>
      </c>
      <c r="AL89" s="8">
        <v>0.53639100031590159</v>
      </c>
      <c r="AM89" s="8">
        <v>0.53124104616944134</v>
      </c>
      <c r="AN89" s="8">
        <v>0.54567027133027379</v>
      </c>
      <c r="AO89" s="8">
        <v>0.55437378350544508</v>
      </c>
      <c r="AP89" s="8">
        <v>0.55357171530637495</v>
      </c>
      <c r="AQ89" s="8">
        <v>0.54033052779798452</v>
      </c>
      <c r="AR89" s="8">
        <v>0.55598517402804604</v>
      </c>
      <c r="AS89" s="8">
        <v>0.55293152735193918</v>
      </c>
      <c r="AT89" s="8">
        <v>0.60819951134692962</v>
      </c>
      <c r="AU89" s="8">
        <v>0.5825328234052003</v>
      </c>
      <c r="AV89" s="8">
        <v>0.58843464276158919</v>
      </c>
      <c r="AW89" s="8">
        <v>0.61825406373893754</v>
      </c>
      <c r="AX89" s="8">
        <v>0.62689221893574365</v>
      </c>
      <c r="AY89" s="8">
        <v>0.60491231759753195</v>
      </c>
      <c r="AZ89" s="8">
        <v>0.60427508612998171</v>
      </c>
      <c r="BA89" s="8">
        <v>0.61720963748997548</v>
      </c>
      <c r="BB89" s="8">
        <v>0.60296158439888881</v>
      </c>
      <c r="BC89" s="8">
        <v>0.6015210711935709</v>
      </c>
      <c r="BD89" s="8">
        <v>0.61913792998102213</v>
      </c>
    </row>
    <row r="90" spans="3:56" x14ac:dyDescent="0.2">
      <c r="C90" s="16" t="s">
        <v>88</v>
      </c>
      <c r="D90" s="6" t="s">
        <v>58</v>
      </c>
      <c r="E90" s="17">
        <v>0.95557280869918959</v>
      </c>
      <c r="F90" s="17">
        <v>0.8648961270250346</v>
      </c>
      <c r="G90" s="17">
        <v>0.82761328752935004</v>
      </c>
      <c r="H90" s="17">
        <v>0.79214956108478751</v>
      </c>
      <c r="I90" s="17">
        <v>0.80792123103292945</v>
      </c>
      <c r="J90" s="17">
        <v>0.80470916149860616</v>
      </c>
      <c r="K90" s="17">
        <v>0.80130336830094662</v>
      </c>
      <c r="L90" s="17">
        <v>0.87470644995416846</v>
      </c>
      <c r="M90" s="17">
        <v>0.87809869307786459</v>
      </c>
      <c r="N90" s="17">
        <v>0.68532222635705886</v>
      </c>
      <c r="O90" s="17">
        <v>0.66322862998592302</v>
      </c>
      <c r="P90" s="17">
        <v>0.69640345876910947</v>
      </c>
      <c r="Q90" s="17">
        <v>0.70728828902824015</v>
      </c>
      <c r="R90" s="17">
        <v>0.65036394709367651</v>
      </c>
      <c r="S90" s="17">
        <v>0.72670714643162138</v>
      </c>
      <c r="T90" s="17">
        <v>0.77641641919192883</v>
      </c>
      <c r="U90" s="17">
        <v>0.78757788576558785</v>
      </c>
      <c r="V90" s="17">
        <v>0.79229712351770731</v>
      </c>
      <c r="W90" s="17">
        <v>0.81337671885154661</v>
      </c>
      <c r="X90" s="17">
        <v>0.79237130666511346</v>
      </c>
      <c r="Y90" s="17">
        <v>0.82821007978857508</v>
      </c>
      <c r="Z90" s="17">
        <v>0.94966156119933187</v>
      </c>
      <c r="AA90" s="17">
        <v>0.93288491257610151</v>
      </c>
      <c r="AB90" s="17">
        <v>0.95003908778864521</v>
      </c>
      <c r="AC90" s="17">
        <v>0.92029763032336953</v>
      </c>
      <c r="AD90" s="17">
        <v>0.9604948727978877</v>
      </c>
      <c r="AE90" s="17">
        <v>0.92788622912575336</v>
      </c>
      <c r="AF90" s="17">
        <v>0.89855856916278465</v>
      </c>
      <c r="AG90" s="17">
        <v>0.92173824159745865</v>
      </c>
      <c r="AH90" s="17">
        <v>0.78980010492743669</v>
      </c>
      <c r="AI90" s="17">
        <v>0.71912100557132663</v>
      </c>
      <c r="AJ90" s="17">
        <v>0.84662982869399217</v>
      </c>
      <c r="AK90" s="17">
        <v>0.83037258109940926</v>
      </c>
      <c r="AL90" s="17">
        <v>0.84953185430179756</v>
      </c>
      <c r="AM90" s="17">
        <v>0.86214235990678201</v>
      </c>
      <c r="AN90" s="17">
        <v>0.90302505546284484</v>
      </c>
      <c r="AO90" s="17">
        <v>1.0692663755625706</v>
      </c>
      <c r="AP90" s="17">
        <v>1.0429843779257952</v>
      </c>
      <c r="AQ90" s="17">
        <v>1.0037435670492485</v>
      </c>
      <c r="AR90" s="17">
        <v>0.98714304914774775</v>
      </c>
      <c r="AS90" s="17">
        <v>1.0910746456737135</v>
      </c>
      <c r="AT90" s="17">
        <v>0.94979073118003654</v>
      </c>
      <c r="AU90" s="17">
        <v>0.88962218770095813</v>
      </c>
      <c r="AV90" s="17">
        <v>1.0369471443062621</v>
      </c>
      <c r="AW90" s="17">
        <v>1.0686657469774383</v>
      </c>
      <c r="AX90" s="17">
        <v>1.1230041759239879</v>
      </c>
      <c r="AY90" s="17">
        <v>1.0825934042490584</v>
      </c>
      <c r="AZ90" s="17">
        <v>0.90349532210102912</v>
      </c>
      <c r="BA90" s="17">
        <v>1.04331676174708</v>
      </c>
      <c r="BB90" s="17">
        <v>0.9472433825152643</v>
      </c>
      <c r="BC90" s="17">
        <v>0.93656787652378382</v>
      </c>
      <c r="BD90" s="17">
        <v>0.92778507782116482</v>
      </c>
    </row>
    <row r="91" spans="3:56" x14ac:dyDescent="0.2">
      <c r="C91" s="18" t="s">
        <v>123</v>
      </c>
      <c r="D91" s="6" t="s">
        <v>58</v>
      </c>
      <c r="E91" s="17">
        <v>0.77607482421192531</v>
      </c>
      <c r="F91" s="17">
        <v>0.80504557530259635</v>
      </c>
      <c r="G91" s="17">
        <v>0.84085144533797007</v>
      </c>
      <c r="H91" s="17">
        <v>0.76135842595406322</v>
      </c>
      <c r="I91" s="17">
        <v>0.75508694941542387</v>
      </c>
      <c r="J91" s="17">
        <v>0.77188365059020669</v>
      </c>
      <c r="K91" s="17">
        <v>0.83182018735151331</v>
      </c>
      <c r="L91" s="17">
        <v>0.89466777259707342</v>
      </c>
      <c r="M91" s="17">
        <v>0.85991662791189283</v>
      </c>
      <c r="N91" s="17">
        <v>0.9101931058053806</v>
      </c>
      <c r="O91" s="17">
        <v>0.91537413329423267</v>
      </c>
      <c r="P91" s="17">
        <v>0.98496647042929308</v>
      </c>
      <c r="Q91" s="17">
        <v>1.1206593212325187</v>
      </c>
      <c r="R91" s="17">
        <v>1.1937225538264762</v>
      </c>
      <c r="S91" s="17">
        <v>1.2540671567439481</v>
      </c>
      <c r="T91" s="17">
        <v>1.3069904873831908</v>
      </c>
      <c r="U91" s="17">
        <v>1.2981298649350954</v>
      </c>
      <c r="V91" s="17">
        <v>1.4097075584856373</v>
      </c>
      <c r="W91" s="17">
        <v>1.2586322812981914</v>
      </c>
      <c r="X91" s="17">
        <v>1.1898826750567411</v>
      </c>
      <c r="Y91" s="17">
        <v>1.1514974068345183</v>
      </c>
      <c r="Z91" s="17">
        <v>1.0843990909381902</v>
      </c>
      <c r="AA91" s="17">
        <v>1.1635964029519532</v>
      </c>
      <c r="AB91" s="17">
        <v>1.2697698586616397</v>
      </c>
      <c r="AC91" s="17">
        <v>1.3208839490359985</v>
      </c>
      <c r="AD91" s="17">
        <v>1.1050896063735931</v>
      </c>
      <c r="AE91" s="17">
        <v>1.125645898913108</v>
      </c>
      <c r="AF91" s="17">
        <v>1.1298247721236871</v>
      </c>
      <c r="AG91" s="17">
        <v>1.2236472799415266</v>
      </c>
      <c r="AH91" s="17">
        <v>1.455702556158017</v>
      </c>
      <c r="AI91" s="17">
        <v>1.4136667106478427</v>
      </c>
      <c r="AJ91" s="17">
        <v>1.4699366162847392</v>
      </c>
      <c r="AK91" s="17">
        <v>1.4575339751971155</v>
      </c>
      <c r="AL91" s="17">
        <v>1.4338386013263285</v>
      </c>
      <c r="AM91" s="17">
        <v>1.474610090235589</v>
      </c>
      <c r="AN91" s="17">
        <v>1.6567291743165731</v>
      </c>
      <c r="AO91" s="17">
        <v>1.9194020488148809</v>
      </c>
      <c r="AP91" s="17">
        <v>1.5922936275931254</v>
      </c>
      <c r="AQ91" s="17">
        <v>1.3561883669206056</v>
      </c>
      <c r="AR91" s="17">
        <v>1.1928298563588471</v>
      </c>
      <c r="AS91" s="17">
        <v>1.2898449643947099</v>
      </c>
      <c r="AT91" s="17">
        <v>1.3911026775058235</v>
      </c>
      <c r="AU91" s="17">
        <v>1.3526204698894451</v>
      </c>
      <c r="AV91" s="17">
        <v>1.2394224750492211</v>
      </c>
      <c r="AW91" s="17" t="s">
        <v>170</v>
      </c>
      <c r="AX91" s="17">
        <v>1.0934016343442279</v>
      </c>
      <c r="AY91" s="17">
        <v>1.0746210071960265</v>
      </c>
      <c r="AZ91" s="17">
        <v>1.054233133495114</v>
      </c>
      <c r="BA91" s="17">
        <v>1.0756742047659344</v>
      </c>
      <c r="BB91" s="17">
        <v>1.1444443079417925</v>
      </c>
      <c r="BC91" s="17">
        <v>1.1545059493209804</v>
      </c>
      <c r="BD91" s="17">
        <v>1.0754838931402648</v>
      </c>
    </row>
    <row r="92" spans="3:56" x14ac:dyDescent="0.2">
      <c r="C92" s="18" t="s">
        <v>100</v>
      </c>
      <c r="D92" s="6" t="s">
        <v>58</v>
      </c>
      <c r="E92" s="8">
        <v>0.69933646966123797</v>
      </c>
      <c r="F92" s="8">
        <v>0.66903372010059015</v>
      </c>
      <c r="G92" s="8">
        <v>0.63252097468360424</v>
      </c>
      <c r="H92" s="8">
        <v>0.57375623548262722</v>
      </c>
      <c r="I92" s="8">
        <v>0.4922642106741611</v>
      </c>
      <c r="J92" s="8">
        <v>0.45592789784426135</v>
      </c>
      <c r="K92" s="8">
        <v>0.52810318474375884</v>
      </c>
      <c r="L92" s="8">
        <v>0.60204993149378949</v>
      </c>
      <c r="M92" s="8">
        <v>0.64931203986377417</v>
      </c>
      <c r="N92" s="8">
        <v>0.60713768308964267</v>
      </c>
      <c r="O92" s="8">
        <v>0.65056777687289491</v>
      </c>
      <c r="P92" s="8">
        <v>0.66594057319435396</v>
      </c>
      <c r="Q92" s="8">
        <v>0.70185116451364449</v>
      </c>
      <c r="R92" s="8">
        <v>0.72605820030809087</v>
      </c>
      <c r="S92" s="8">
        <v>0.74549989732257638</v>
      </c>
      <c r="T92" s="8">
        <v>0.68261591858007076</v>
      </c>
      <c r="U92" s="8">
        <v>0.70416543864418502</v>
      </c>
      <c r="V92" s="8">
        <v>0.76046326270209652</v>
      </c>
      <c r="W92" s="17">
        <v>0.75828519276378648</v>
      </c>
      <c r="X92" s="8">
        <v>0.76775480171086674</v>
      </c>
      <c r="Y92" s="8">
        <v>0.68608054203016555</v>
      </c>
      <c r="Z92" s="8">
        <v>0.6511423894020214</v>
      </c>
      <c r="AA92" s="8">
        <v>0.67900659274321029</v>
      </c>
      <c r="AB92" s="8">
        <v>0.71567335873876481</v>
      </c>
      <c r="AC92" s="8">
        <v>0.75453263761379985</v>
      </c>
      <c r="AD92" s="8">
        <v>0.61204980465353542</v>
      </c>
      <c r="AE92" s="8">
        <v>0.74215910655869932</v>
      </c>
      <c r="AF92" s="8">
        <v>0.75045090069071241</v>
      </c>
      <c r="AG92" s="8">
        <v>0.76408186552941915</v>
      </c>
      <c r="AH92" s="8">
        <v>0.74551083341194602</v>
      </c>
      <c r="AI92" s="8">
        <v>0.80970249165237884</v>
      </c>
      <c r="AJ92" s="8">
        <v>0.95332408037354088</v>
      </c>
      <c r="AK92" s="8">
        <v>0.98702037572124801</v>
      </c>
      <c r="AL92" s="8">
        <v>0.98116296950111115</v>
      </c>
      <c r="AM92" s="8">
        <v>1.0575565809722178</v>
      </c>
      <c r="AN92" s="8">
        <v>1.061715532256412</v>
      </c>
      <c r="AO92" s="8">
        <v>1.0738043553080436</v>
      </c>
      <c r="AP92" s="8">
        <v>1.1048612684643362</v>
      </c>
      <c r="AQ92" s="8">
        <v>1.0286288689143011</v>
      </c>
      <c r="AR92" s="8">
        <v>0.97704694806739401</v>
      </c>
      <c r="AS92" s="8">
        <v>0.91931085015601766</v>
      </c>
      <c r="AT92" s="8">
        <v>0.91506444984865409</v>
      </c>
      <c r="AU92" s="8">
        <v>0.87622720950007349</v>
      </c>
      <c r="AV92" s="8">
        <v>0.76844329718318172</v>
      </c>
      <c r="AW92" s="8">
        <v>0.79534760865222098</v>
      </c>
      <c r="AX92" s="8">
        <v>0.84587265744705198</v>
      </c>
      <c r="AY92" s="8">
        <v>0.84094567147969224</v>
      </c>
      <c r="AZ92" s="8">
        <v>0.74862580798418654</v>
      </c>
      <c r="BA92" s="8">
        <v>0.67381256248407895</v>
      </c>
      <c r="BB92" s="8">
        <v>0.92111497537938869</v>
      </c>
      <c r="BC92" s="8">
        <v>0.92285362896973622</v>
      </c>
      <c r="BD92" s="8">
        <v>0.83295554634039071</v>
      </c>
    </row>
    <row r="93" spans="3:56" x14ac:dyDescent="0.2">
      <c r="C93" s="16" t="s">
        <v>89</v>
      </c>
      <c r="D93" s="6" t="s">
        <v>58</v>
      </c>
      <c r="E93" s="8">
        <v>0.91035368637920289</v>
      </c>
      <c r="F93" s="8">
        <v>0.91858884404358054</v>
      </c>
      <c r="G93" s="8">
        <v>0.90955471087593998</v>
      </c>
      <c r="H93" s="8">
        <v>0.92288946883009459</v>
      </c>
      <c r="I93" s="8">
        <v>0.90221869246119979</v>
      </c>
      <c r="J93" s="8">
        <v>0.85523565551752478</v>
      </c>
      <c r="K93" s="8">
        <v>0.82714734301073656</v>
      </c>
      <c r="L93" s="8">
        <v>0.84152669714967276</v>
      </c>
      <c r="M93" s="8">
        <v>0.88369450413427364</v>
      </c>
      <c r="N93" s="8">
        <v>0.89801436711247173</v>
      </c>
      <c r="O93" s="8">
        <v>0.86154834022674454</v>
      </c>
      <c r="P93" s="8">
        <v>0.87888512126357454</v>
      </c>
      <c r="Q93" s="8">
        <v>0.81238633199254895</v>
      </c>
      <c r="R93" s="8">
        <v>0.68355465200220811</v>
      </c>
      <c r="S93" s="8">
        <v>0.6934123313074021</v>
      </c>
      <c r="T93" s="8">
        <v>0.71962149316021318</v>
      </c>
      <c r="U93" s="8">
        <v>0.74212558820894647</v>
      </c>
      <c r="V93" s="8">
        <v>0.74268067100717061</v>
      </c>
      <c r="W93" s="17">
        <v>0.81886248950848539</v>
      </c>
      <c r="X93" s="8">
        <v>0.90016693433505945</v>
      </c>
      <c r="Y93" s="8">
        <v>0.90124887518291108</v>
      </c>
      <c r="Z93" s="8">
        <v>0.886849862061038</v>
      </c>
      <c r="AA93" s="8">
        <v>0.90190901531959433</v>
      </c>
      <c r="AB93" s="8">
        <v>0.96754266670319256</v>
      </c>
      <c r="AC93" s="8">
        <v>0.92451633906633912</v>
      </c>
      <c r="AD93" s="8">
        <v>0.88193146116341847</v>
      </c>
      <c r="AE93" s="8">
        <v>0.89670250480350777</v>
      </c>
      <c r="AF93" s="8">
        <v>0.89187116920446619</v>
      </c>
      <c r="AG93" s="8">
        <v>0.90900917337219267</v>
      </c>
      <c r="AH93" s="8">
        <v>0.88932966119771761</v>
      </c>
      <c r="AI93" s="8">
        <v>0.89941568250570902</v>
      </c>
      <c r="AJ93" s="8">
        <v>0.9060620566139197</v>
      </c>
      <c r="AK93" s="8">
        <v>0.91367864991631054</v>
      </c>
      <c r="AL93" s="8">
        <v>0.96803946015362097</v>
      </c>
      <c r="AM93" s="8">
        <v>0.9688417770448422</v>
      </c>
      <c r="AN93" s="8">
        <v>0.95884471510164437</v>
      </c>
      <c r="AO93" s="8">
        <v>0.82648061433082332</v>
      </c>
      <c r="AP93" s="8">
        <v>0.91945959847908987</v>
      </c>
      <c r="AQ93" s="8">
        <v>0.89725347845877523</v>
      </c>
      <c r="AR93" s="8">
        <v>0.93870219862803783</v>
      </c>
      <c r="AS93" s="8">
        <v>0.93175046538518624</v>
      </c>
      <c r="AT93" s="8">
        <v>0.89250903459655395</v>
      </c>
      <c r="AU93" s="8">
        <v>0.89333573840375524</v>
      </c>
      <c r="AV93" s="8">
        <v>0.78182336018858134</v>
      </c>
      <c r="AW93" s="8">
        <v>0.72592744215468485</v>
      </c>
      <c r="AX93" s="8">
        <v>0.84816693593371806</v>
      </c>
      <c r="AY93" s="8">
        <v>0.77415952866312554</v>
      </c>
      <c r="AZ93" s="8">
        <v>0.934285014897274</v>
      </c>
      <c r="BA93" s="8">
        <v>0.9789110139079622</v>
      </c>
      <c r="BB93" s="8">
        <v>0.9857246014731047</v>
      </c>
      <c r="BC93" s="8">
        <v>0.98781050916812918</v>
      </c>
      <c r="BD93" s="8">
        <v>0.94830130406466218</v>
      </c>
    </row>
    <row r="94" spans="3:56" x14ac:dyDescent="0.2">
      <c r="C94" s="16" t="s">
        <v>95</v>
      </c>
      <c r="D94" s="6" t="s">
        <v>58</v>
      </c>
      <c r="E94" s="8">
        <v>1.0878977029937822</v>
      </c>
      <c r="F94" s="8">
        <v>1.0781167521599102</v>
      </c>
      <c r="G94" s="8">
        <v>1.0659850566661278</v>
      </c>
      <c r="H94" s="8">
        <v>1.0792303674319255</v>
      </c>
      <c r="I94" s="8">
        <v>1.1146862985408132</v>
      </c>
      <c r="J94" s="8">
        <v>1.1262009249151386</v>
      </c>
      <c r="K94" s="8">
        <v>1.0086481614902632</v>
      </c>
      <c r="L94" s="8">
        <v>0.98814198157668265</v>
      </c>
      <c r="M94" s="8">
        <v>0.99169672660609154</v>
      </c>
      <c r="N94" s="8">
        <v>0.99195652457221795</v>
      </c>
      <c r="O94" s="8">
        <v>1.0365378285244047</v>
      </c>
      <c r="P94" s="8">
        <v>1.0603041285871178</v>
      </c>
      <c r="Q94" s="8">
        <v>1.1264492271138675</v>
      </c>
      <c r="R94" s="8">
        <v>1.1230795765685857</v>
      </c>
      <c r="S94" s="8">
        <v>1.2217293104748597</v>
      </c>
      <c r="T94" s="8">
        <v>1.2152586357750323</v>
      </c>
      <c r="U94" s="8">
        <v>1.1707096529335619</v>
      </c>
      <c r="V94" s="8">
        <v>1.1666877209399042</v>
      </c>
      <c r="W94" s="17">
        <v>1.1935653943392737</v>
      </c>
      <c r="X94" s="8">
        <v>1.2232230483271376</v>
      </c>
      <c r="Y94" s="8">
        <v>1.3755261458556343</v>
      </c>
      <c r="Z94" s="8">
        <v>1.3670532595250995</v>
      </c>
      <c r="AA94" s="8">
        <v>1.3026175768434503</v>
      </c>
      <c r="AB94" s="8">
        <v>1.2778518336703824</v>
      </c>
      <c r="AC94" s="8">
        <v>1.2887767731765933</v>
      </c>
      <c r="AD94" s="8">
        <v>1.4281809814667614</v>
      </c>
      <c r="AE94" s="8">
        <v>1.3253289303022691</v>
      </c>
      <c r="AF94" s="8">
        <v>1.12748671018823</v>
      </c>
      <c r="AG94" s="8">
        <v>1.0845316064463904</v>
      </c>
      <c r="AH94" s="8">
        <v>1.0987956833561354</v>
      </c>
      <c r="AI94" s="8">
        <v>1.0443684296419198</v>
      </c>
      <c r="AJ94" s="8">
        <v>1.0989414478189017</v>
      </c>
      <c r="AK94" s="8">
        <v>1.0755357337104317</v>
      </c>
      <c r="AL94" s="8">
        <v>0.99095050066249624</v>
      </c>
      <c r="AM94" s="8">
        <v>0.96039306725232887</v>
      </c>
      <c r="AN94" s="8">
        <v>1.1448577719995643</v>
      </c>
      <c r="AO94" s="8">
        <v>1.1469674880696563</v>
      </c>
      <c r="AP94" s="8">
        <v>1.0806511195876445</v>
      </c>
      <c r="AQ94" s="8">
        <v>1.0524867625501457</v>
      </c>
      <c r="AR94" s="8">
        <v>1.0364815627802035</v>
      </c>
      <c r="AS94" s="8">
        <v>1.0280224672004026</v>
      </c>
      <c r="AT94" s="8">
        <v>0.99513577677827891</v>
      </c>
      <c r="AU94" s="8">
        <v>1.006420700568494</v>
      </c>
      <c r="AV94" s="8">
        <v>1.1565186572431281</v>
      </c>
      <c r="AW94" s="8">
        <v>1.2413415954844198</v>
      </c>
      <c r="AX94" s="8">
        <v>1.2815680362506412</v>
      </c>
      <c r="AY94" s="8">
        <v>0.96030451215987012</v>
      </c>
      <c r="AZ94" s="8">
        <v>1.0307214391251789</v>
      </c>
      <c r="BA94" s="8">
        <v>1.107781102038558</v>
      </c>
      <c r="BB94" s="8">
        <v>1.2481623927699494</v>
      </c>
      <c r="BC94" s="8">
        <v>1.3207532938786799</v>
      </c>
      <c r="BD94" s="8">
        <v>1.2784648749868632</v>
      </c>
    </row>
    <row r="95" spans="3:56" x14ac:dyDescent="0.2">
      <c r="C95" s="23" t="s">
        <v>96</v>
      </c>
      <c r="D95" s="6" t="s">
        <v>58</v>
      </c>
      <c r="E95" s="17">
        <v>1.3240583773953118</v>
      </c>
      <c r="F95" s="17">
        <v>1.3989504402046191</v>
      </c>
      <c r="G95" s="17">
        <v>1.4127405275890674</v>
      </c>
      <c r="H95" s="17">
        <v>1.3406644850376468</v>
      </c>
      <c r="I95" s="17">
        <v>1.2984685474653892</v>
      </c>
      <c r="J95" s="17">
        <v>1.291501660980821</v>
      </c>
      <c r="K95" s="17">
        <v>1.2972942672736072</v>
      </c>
      <c r="L95" s="17">
        <v>1.3415091941456088</v>
      </c>
      <c r="M95" s="17">
        <v>1.333829395206044</v>
      </c>
      <c r="N95" s="17">
        <v>1.3500669205569529</v>
      </c>
      <c r="O95" s="17">
        <v>1.2736902940944916</v>
      </c>
      <c r="P95" s="17">
        <v>1.2580236166511449</v>
      </c>
      <c r="Q95" s="17">
        <v>1.2024093247627718</v>
      </c>
      <c r="R95" s="17">
        <v>1.0841779724770413</v>
      </c>
      <c r="S95" s="17">
        <v>1.0168911594685861</v>
      </c>
      <c r="T95" s="17">
        <v>1.0068787077478416</v>
      </c>
      <c r="U95" s="17">
        <v>0.95331709719976032</v>
      </c>
      <c r="V95" s="17">
        <v>0.9419143618158391</v>
      </c>
      <c r="W95" s="17">
        <v>0.94628619025018479</v>
      </c>
      <c r="X95" s="17">
        <v>1.0555855700608414</v>
      </c>
      <c r="Y95" s="17">
        <v>1.0579801264716173</v>
      </c>
      <c r="Z95" s="17">
        <v>0.99683916370084957</v>
      </c>
      <c r="AA95" s="17">
        <v>0.95103043233240925</v>
      </c>
      <c r="AB95" s="17">
        <v>0.91431283466344337</v>
      </c>
      <c r="AC95" s="17">
        <v>0.92865645291636567</v>
      </c>
      <c r="AD95" s="17">
        <v>0.92603837464348993</v>
      </c>
      <c r="AE95" s="17">
        <v>0.94063199173340706</v>
      </c>
      <c r="AF95" s="17">
        <v>0.97366287083876124</v>
      </c>
      <c r="AG95" s="17">
        <v>0.9700105624666826</v>
      </c>
      <c r="AH95" s="17">
        <v>0.93246351116946347</v>
      </c>
      <c r="AI95" s="17">
        <v>0.89761232127488844</v>
      </c>
      <c r="AJ95" s="17">
        <v>0.90055385202305838</v>
      </c>
      <c r="AK95" s="17">
        <v>0.88794387617906445</v>
      </c>
      <c r="AL95" s="17">
        <v>0.99686803784185207</v>
      </c>
      <c r="AM95" s="17">
        <v>1.0071483913624528</v>
      </c>
      <c r="AN95" s="17">
        <v>1.0968841281643162</v>
      </c>
      <c r="AO95" s="17">
        <v>1.2111252181498831</v>
      </c>
      <c r="AP95" s="17">
        <v>1.4482194814846305</v>
      </c>
      <c r="AQ95" s="17">
        <v>1.8117410620783174</v>
      </c>
      <c r="AR95" s="17">
        <v>2.0430130554172976</v>
      </c>
      <c r="AS95" s="17">
        <v>2.0975308609982184</v>
      </c>
      <c r="AT95" s="17">
        <v>2.098816630941128</v>
      </c>
      <c r="AU95" s="17">
        <v>2.1215379808292343</v>
      </c>
      <c r="AV95" s="17">
        <v>2.0726770353608419</v>
      </c>
      <c r="AW95" s="17">
        <v>2.1177867783659132</v>
      </c>
      <c r="AX95" s="17">
        <v>2.1199441255611751</v>
      </c>
      <c r="AY95" s="17">
        <v>2.0213646891756243</v>
      </c>
      <c r="AZ95" s="17">
        <v>1.8352599718265936</v>
      </c>
      <c r="BA95" s="17">
        <v>1.5524662718155027</v>
      </c>
      <c r="BB95" s="17">
        <v>1.4580361617122459</v>
      </c>
      <c r="BC95" s="17">
        <v>1.3522430573051394</v>
      </c>
      <c r="BD95" s="17">
        <v>1.2043124545293269</v>
      </c>
    </row>
    <row r="96" spans="3:56" x14ac:dyDescent="0.2">
      <c r="C96" s="67"/>
      <c r="D96" s="64"/>
      <c r="E96" s="65"/>
      <c r="F96" s="65"/>
      <c r="G96" s="65"/>
      <c r="H96" s="65"/>
      <c r="J96" s="121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G96" s="65"/>
      <c r="AH96" s="65"/>
      <c r="AO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97" spans="3:56" x14ac:dyDescent="0.2">
      <c r="D97" s="64"/>
      <c r="E97" s="65"/>
      <c r="F97" s="65"/>
      <c r="G97" s="65"/>
      <c r="H97" s="65"/>
      <c r="M97" s="65"/>
      <c r="N97" s="65"/>
      <c r="O97" s="92"/>
      <c r="P97" s="65"/>
      <c r="Q97" s="65"/>
      <c r="R97" s="65"/>
      <c r="S97" s="65"/>
      <c r="T97" s="65"/>
      <c r="U97" s="65"/>
      <c r="V97" s="65"/>
      <c r="W97" s="65"/>
      <c r="X97" s="65"/>
      <c r="Y97" s="65"/>
      <c r="Z97" s="65"/>
      <c r="AA97" s="65"/>
      <c r="AB97" s="65"/>
      <c r="AC97" s="65"/>
      <c r="AD97" s="65"/>
      <c r="AE97" s="65"/>
      <c r="AG97" s="65"/>
      <c r="AH97" s="65"/>
      <c r="AO97" s="65"/>
      <c r="AQ97" s="65"/>
      <c r="AR97" s="65"/>
      <c r="AS97" s="65"/>
      <c r="AT97" s="65"/>
      <c r="AU97" s="65"/>
      <c r="AV97" s="65"/>
      <c r="AW97" s="65"/>
      <c r="AX97" s="65"/>
      <c r="AY97" s="65"/>
      <c r="AZ97" s="65"/>
      <c r="BA97" s="65"/>
      <c r="BB97" s="65"/>
      <c r="BC97" s="65"/>
    </row>
    <row r="98" spans="3:56" x14ac:dyDescent="0.2">
      <c r="D98" s="64"/>
      <c r="E98" s="65"/>
      <c r="F98" s="65"/>
      <c r="G98" s="65"/>
      <c r="K98" s="65"/>
      <c r="M98" s="65"/>
      <c r="N98" s="65"/>
      <c r="P98" s="65"/>
      <c r="Q98" s="65"/>
      <c r="R98" s="65"/>
      <c r="S98" s="65"/>
      <c r="T98" s="65"/>
      <c r="U98" s="65"/>
      <c r="V98" s="65"/>
      <c r="W98" s="65"/>
      <c r="X98" s="65"/>
      <c r="Y98" s="65"/>
      <c r="Z98" s="65"/>
      <c r="AA98" s="65"/>
      <c r="AB98" s="65"/>
      <c r="AC98" s="65"/>
      <c r="AD98" s="65"/>
      <c r="AE98" s="65"/>
      <c r="AF98" s="65"/>
      <c r="AG98" s="65"/>
      <c r="AH98" s="65"/>
      <c r="AI98" s="65"/>
      <c r="AJ98" s="65"/>
      <c r="AK98" s="65"/>
      <c r="AL98" s="65"/>
      <c r="AM98" s="65"/>
      <c r="AN98" s="65"/>
      <c r="AO98" s="65"/>
      <c r="AP98" s="65"/>
      <c r="AQ98" s="65"/>
      <c r="AR98" s="65"/>
      <c r="AS98" s="65"/>
      <c r="AT98" s="65"/>
      <c r="AU98" s="65"/>
      <c r="AV98" s="65"/>
      <c r="AW98" s="65"/>
      <c r="AX98" s="65"/>
      <c r="AY98" s="65"/>
      <c r="AZ98" s="65"/>
      <c r="BA98" s="65"/>
      <c r="BB98" s="65"/>
      <c r="BC98" s="65"/>
    </row>
    <row r="99" spans="3:56" x14ac:dyDescent="0.2">
      <c r="C99" s="23" t="s">
        <v>106</v>
      </c>
      <c r="D99" s="6" t="s">
        <v>58</v>
      </c>
      <c r="E99" s="62">
        <v>7.09</v>
      </c>
      <c r="F99" s="17">
        <v>6.82</v>
      </c>
      <c r="G99" s="17">
        <v>7.63</v>
      </c>
      <c r="H99" s="17">
        <v>6.87</v>
      </c>
      <c r="I99" s="17">
        <v>6.66</v>
      </c>
      <c r="J99" s="17">
        <v>6.97</v>
      </c>
      <c r="K99" s="17">
        <v>7.21</v>
      </c>
      <c r="L99" s="17">
        <v>6.97</v>
      </c>
      <c r="M99" s="17">
        <v>7.1</v>
      </c>
      <c r="N99" s="17">
        <v>7.92</v>
      </c>
      <c r="O99" s="17">
        <v>7.49</v>
      </c>
      <c r="P99" s="17">
        <v>7.22</v>
      </c>
      <c r="Q99" s="17">
        <v>7.05</v>
      </c>
      <c r="R99" s="17">
        <v>6.99</v>
      </c>
      <c r="S99" s="17">
        <v>7.01</v>
      </c>
      <c r="T99" s="17">
        <v>7.78</v>
      </c>
      <c r="U99" s="17">
        <v>7.2</v>
      </c>
      <c r="V99" s="17">
        <v>6.84</v>
      </c>
      <c r="W99" s="17">
        <v>7.21</v>
      </c>
      <c r="X99" s="17">
        <v>7.15</v>
      </c>
      <c r="Y99" s="17">
        <v>6.87</v>
      </c>
      <c r="Z99" s="17">
        <v>6.98</v>
      </c>
      <c r="AA99" s="17">
        <v>6.63</v>
      </c>
      <c r="AB99" s="17">
        <v>6.7</v>
      </c>
      <c r="AC99" s="17">
        <v>7.04</v>
      </c>
      <c r="AD99" s="17">
        <v>7.21</v>
      </c>
      <c r="AE99" s="17">
        <v>7.13</v>
      </c>
      <c r="AF99" s="17">
        <v>6.74</v>
      </c>
      <c r="AG99" s="17">
        <v>6.77</v>
      </c>
      <c r="AH99" s="17">
        <v>6.54</v>
      </c>
      <c r="AI99" s="17">
        <v>6.54</v>
      </c>
      <c r="AJ99" s="17">
        <v>6.54</v>
      </c>
      <c r="AK99" s="17">
        <v>6.54</v>
      </c>
      <c r="AL99" s="131">
        <v>7.23</v>
      </c>
      <c r="AM99" s="17">
        <v>6.85</v>
      </c>
      <c r="AN99" s="17">
        <v>6.89</v>
      </c>
      <c r="AO99" s="17">
        <v>7.36</v>
      </c>
      <c r="AP99" s="17">
        <v>7.76</v>
      </c>
      <c r="AQ99" s="17">
        <v>7.43</v>
      </c>
      <c r="AR99" s="17">
        <v>7.06</v>
      </c>
      <c r="AS99" s="17">
        <v>7.44</v>
      </c>
      <c r="AT99" s="17" t="s">
        <v>90</v>
      </c>
      <c r="AU99" s="17">
        <v>6.71</v>
      </c>
      <c r="AV99" s="17">
        <v>7.43</v>
      </c>
      <c r="AW99" s="17">
        <v>6.73</v>
      </c>
      <c r="AX99" s="17">
        <v>6.89</v>
      </c>
      <c r="AY99" s="17">
        <v>6.84</v>
      </c>
      <c r="AZ99" s="17">
        <v>6.61</v>
      </c>
      <c r="BA99" s="17">
        <v>6.8</v>
      </c>
      <c r="BB99" s="17">
        <v>7.39</v>
      </c>
      <c r="BC99" s="17">
        <v>7.47</v>
      </c>
      <c r="BD99" s="17">
        <v>7.14</v>
      </c>
    </row>
    <row r="100" spans="3:56" x14ac:dyDescent="0.2">
      <c r="D100" s="64"/>
      <c r="E100" s="65"/>
      <c r="F100" s="65"/>
      <c r="G100" s="65"/>
      <c r="H100" s="65"/>
      <c r="K100" s="65"/>
      <c r="L100" s="65"/>
      <c r="M100" s="65"/>
      <c r="N100" s="65"/>
      <c r="O100" s="65"/>
      <c r="P100" s="65"/>
      <c r="Q100" s="65"/>
      <c r="R100" s="65"/>
      <c r="S100" s="65"/>
      <c r="T100" s="65"/>
      <c r="U100" s="65"/>
      <c r="V100" s="65"/>
      <c r="W100" s="65"/>
      <c r="X100" s="65"/>
      <c r="Y100" s="65"/>
      <c r="Z100" s="65"/>
      <c r="AA100" s="65"/>
      <c r="AB100" s="65"/>
      <c r="AC100" s="65"/>
      <c r="AD100" s="65"/>
      <c r="AE100" s="65"/>
      <c r="AF100" s="65"/>
      <c r="AG100" s="65"/>
      <c r="AH100" s="65"/>
      <c r="AI100" s="65"/>
      <c r="AJ100" s="65"/>
      <c r="AK100" s="65"/>
      <c r="AL100" s="65"/>
      <c r="AM100" s="65"/>
      <c r="AN100" s="65"/>
      <c r="AO100" s="65"/>
      <c r="AP100" s="65"/>
      <c r="AQ100" s="65"/>
      <c r="AR100" s="65"/>
      <c r="AS100" s="65"/>
      <c r="AT100" s="65"/>
      <c r="AU100" s="65"/>
      <c r="AV100" s="65"/>
      <c r="AW100" s="65"/>
      <c r="AX100" s="65"/>
      <c r="AY100" s="65"/>
      <c r="AZ100" s="65"/>
      <c r="BA100" s="65"/>
      <c r="BB100" s="65"/>
      <c r="BC100" s="65"/>
    </row>
    <row r="104" spans="3:56" x14ac:dyDescent="0.2">
      <c r="C104" s="1"/>
      <c r="E104" s="2"/>
      <c r="F104" s="1"/>
      <c r="G104" s="1"/>
      <c r="H104" s="1"/>
      <c r="I104" s="1"/>
      <c r="J104" s="1"/>
      <c r="K104" s="1"/>
      <c r="L104" s="1"/>
      <c r="M104" s="1"/>
    </row>
    <row r="105" spans="3:56" x14ac:dyDescent="0.2">
      <c r="C105" s="132"/>
      <c r="D105" s="132"/>
      <c r="E105" s="2"/>
      <c r="F105" s="2"/>
      <c r="G105" s="2"/>
      <c r="H105" s="2"/>
      <c r="I105" s="2"/>
      <c r="J105" s="2"/>
      <c r="K105" s="2"/>
      <c r="L105" s="2"/>
      <c r="M105" s="2"/>
      <c r="N105" s="2"/>
      <c r="O105" s="2"/>
      <c r="P105" s="2"/>
      <c r="Q105" s="2"/>
      <c r="R105" s="2"/>
      <c r="S105" s="2"/>
      <c r="T105" s="2"/>
      <c r="U105" s="2"/>
      <c r="V105" s="2"/>
      <c r="W105" s="2"/>
      <c r="X105" s="2"/>
      <c r="Y105" s="2"/>
      <c r="Z105" s="2"/>
      <c r="AA105" s="2"/>
      <c r="AB105" s="2"/>
      <c r="AC105" s="133"/>
      <c r="AD105" s="2"/>
      <c r="AE105" s="2"/>
      <c r="AF105" s="2"/>
      <c r="AG105" s="2"/>
      <c r="AH105" s="2"/>
      <c r="AI105" s="2"/>
      <c r="AJ105" s="2"/>
      <c r="AK105" s="2"/>
      <c r="AL105" s="2"/>
      <c r="AM105" s="2"/>
      <c r="AN105" s="2"/>
      <c r="AO105" s="2"/>
      <c r="AP105" s="2"/>
      <c r="AQ105" s="2"/>
      <c r="AR105" s="2"/>
      <c r="AS105" s="2"/>
      <c r="AT105" s="2"/>
      <c r="AU105" s="2"/>
      <c r="AV105" s="2"/>
      <c r="AW105" s="2"/>
      <c r="AX105" s="2"/>
      <c r="AY105" s="2"/>
      <c r="AZ105" s="2"/>
      <c r="BA105" s="2"/>
      <c r="BB105" s="2"/>
      <c r="BC105" s="2"/>
      <c r="BD105" s="2"/>
    </row>
    <row r="106" spans="3:56" x14ac:dyDescent="0.2">
      <c r="C106" s="134"/>
      <c r="D106" s="64"/>
      <c r="E106" s="65"/>
      <c r="F106" s="65"/>
      <c r="G106" s="65"/>
      <c r="H106" s="65"/>
      <c r="I106" s="65"/>
      <c r="J106" s="65"/>
      <c r="K106" s="65"/>
      <c r="L106" s="65"/>
      <c r="M106" s="65"/>
      <c r="N106" s="65"/>
      <c r="O106" s="65"/>
      <c r="P106" s="65"/>
      <c r="Q106" s="65"/>
      <c r="R106" s="65"/>
      <c r="S106" s="65"/>
      <c r="T106" s="65"/>
      <c r="U106" s="65"/>
      <c r="V106" s="65"/>
      <c r="W106" s="65"/>
      <c r="X106" s="65"/>
      <c r="Y106" s="65"/>
      <c r="Z106" s="65"/>
      <c r="AA106" s="65"/>
      <c r="AB106" s="65"/>
      <c r="AC106" s="65"/>
      <c r="AD106" s="65"/>
      <c r="AE106" s="65"/>
      <c r="AF106" s="65"/>
      <c r="AG106" s="65"/>
      <c r="AH106" s="65"/>
      <c r="AI106" s="65"/>
      <c r="AJ106" s="65"/>
      <c r="AK106" s="65"/>
      <c r="AL106" s="65"/>
      <c r="AM106" s="65"/>
      <c r="AN106" s="65"/>
      <c r="AO106" s="65"/>
      <c r="AP106" s="65"/>
      <c r="AQ106" s="65"/>
      <c r="AR106" s="65"/>
      <c r="AS106" s="65"/>
      <c r="AT106" s="65"/>
      <c r="AU106" s="65"/>
      <c r="AV106" s="65"/>
      <c r="AW106" s="65"/>
      <c r="AX106" s="65"/>
      <c r="AY106" s="65"/>
      <c r="AZ106" s="65"/>
      <c r="BA106" s="65"/>
      <c r="BB106" s="65"/>
      <c r="BC106" s="65"/>
      <c r="BD106" s="65"/>
    </row>
    <row r="107" spans="3:56" x14ac:dyDescent="0.2">
      <c r="C107" s="134"/>
      <c r="D107" s="64"/>
      <c r="E107" s="65"/>
      <c r="F107" s="65"/>
      <c r="G107" s="65"/>
      <c r="H107" s="65"/>
      <c r="I107" s="65"/>
      <c r="J107" s="65"/>
      <c r="K107" s="65"/>
      <c r="L107" s="65"/>
      <c r="M107" s="65"/>
      <c r="N107" s="65"/>
      <c r="O107" s="65"/>
      <c r="P107" s="65"/>
      <c r="Q107" s="65"/>
      <c r="R107" s="65"/>
      <c r="S107" s="65"/>
      <c r="T107" s="65"/>
      <c r="U107" s="65"/>
      <c r="V107" s="65"/>
      <c r="W107" s="65"/>
      <c r="X107" s="65"/>
      <c r="Y107" s="65"/>
      <c r="Z107" s="65"/>
      <c r="AA107" s="65"/>
      <c r="AB107" s="65"/>
      <c r="AC107" s="65"/>
      <c r="AD107" s="65"/>
      <c r="AE107" s="65"/>
      <c r="AF107" s="65"/>
      <c r="AG107" s="65"/>
      <c r="AH107" s="65"/>
      <c r="AI107" s="65"/>
      <c r="AJ107" s="65"/>
      <c r="AK107" s="65"/>
      <c r="AL107" s="65"/>
      <c r="AM107" s="65"/>
      <c r="AN107" s="65"/>
      <c r="AO107" s="65"/>
      <c r="AP107" s="65"/>
      <c r="AQ107" s="65"/>
      <c r="AR107" s="65"/>
      <c r="AS107" s="65"/>
      <c r="AT107" s="65"/>
      <c r="AU107" s="65"/>
      <c r="AV107" s="65"/>
      <c r="AW107" s="65"/>
      <c r="AX107" s="65"/>
      <c r="AY107" s="65"/>
      <c r="AZ107" s="65"/>
      <c r="BA107" s="65"/>
      <c r="BB107" s="65"/>
      <c r="BC107" s="65"/>
      <c r="BD107" s="65"/>
    </row>
    <row r="108" spans="3:56" x14ac:dyDescent="0.2">
      <c r="C108" s="134"/>
      <c r="D108" s="64"/>
      <c r="E108" s="65"/>
      <c r="F108" s="65"/>
      <c r="G108" s="65"/>
      <c r="H108" s="65"/>
      <c r="I108" s="65"/>
      <c r="J108" s="65"/>
      <c r="K108" s="65"/>
      <c r="L108" s="65"/>
      <c r="M108" s="65"/>
      <c r="N108" s="65"/>
      <c r="O108" s="65"/>
      <c r="P108" s="65"/>
      <c r="Q108" s="65"/>
      <c r="R108" s="65"/>
      <c r="S108" s="65"/>
      <c r="T108" s="65"/>
      <c r="U108" s="65"/>
      <c r="V108" s="65"/>
      <c r="W108" s="65"/>
      <c r="X108" s="65"/>
      <c r="Y108" s="65"/>
      <c r="Z108" s="65"/>
      <c r="AA108" s="65"/>
      <c r="AB108" s="65"/>
      <c r="AC108" s="65"/>
      <c r="AD108" s="65"/>
      <c r="AE108" s="65"/>
      <c r="AF108" s="65"/>
      <c r="AG108" s="65"/>
      <c r="AH108" s="65"/>
      <c r="AI108" s="65"/>
      <c r="AJ108" s="65"/>
      <c r="AK108" s="65"/>
      <c r="AL108" s="65"/>
      <c r="AM108" s="65"/>
      <c r="AN108" s="65"/>
      <c r="AO108" s="65"/>
      <c r="AP108" s="65"/>
      <c r="AQ108" s="65"/>
      <c r="AR108" s="65"/>
      <c r="AS108" s="65"/>
      <c r="AT108" s="65"/>
      <c r="AU108" s="65"/>
      <c r="AV108" s="65"/>
      <c r="AW108" s="65"/>
      <c r="AX108" s="65"/>
      <c r="AY108" s="65"/>
      <c r="AZ108" s="65"/>
      <c r="BA108" s="65"/>
      <c r="BB108" s="65"/>
      <c r="BC108" s="65"/>
      <c r="BD108" s="65"/>
    </row>
    <row r="109" spans="3:56" x14ac:dyDescent="0.2">
      <c r="C109" s="134"/>
      <c r="D109" s="64"/>
      <c r="E109" s="65"/>
      <c r="F109" s="65"/>
      <c r="G109" s="65"/>
      <c r="H109" s="65"/>
      <c r="I109" s="65"/>
      <c r="J109" s="65"/>
      <c r="K109" s="65"/>
      <c r="L109" s="65"/>
      <c r="M109" s="65"/>
      <c r="N109" s="65"/>
      <c r="O109" s="65"/>
      <c r="P109" s="65"/>
      <c r="Q109" s="65"/>
      <c r="R109" s="65"/>
      <c r="S109" s="65"/>
      <c r="T109" s="65"/>
      <c r="U109" s="65"/>
      <c r="V109" s="65"/>
      <c r="W109" s="65"/>
      <c r="X109" s="65"/>
      <c r="Y109" s="65"/>
      <c r="Z109" s="65"/>
      <c r="AA109" s="65"/>
      <c r="AB109" s="65"/>
      <c r="AC109" s="65"/>
      <c r="AD109" s="65"/>
      <c r="AE109" s="65"/>
      <c r="AF109" s="65"/>
      <c r="AG109" s="65"/>
      <c r="AH109" s="65"/>
      <c r="AI109" s="65"/>
      <c r="AJ109" s="65"/>
      <c r="AK109" s="65"/>
      <c r="AL109" s="65"/>
      <c r="AM109" s="65"/>
      <c r="AN109" s="65"/>
      <c r="AO109" s="65"/>
      <c r="AP109" s="65"/>
      <c r="AQ109" s="65"/>
      <c r="AR109" s="65"/>
      <c r="AS109" s="65"/>
      <c r="AT109" s="65"/>
      <c r="AU109" s="65"/>
      <c r="AV109" s="65"/>
      <c r="AW109" s="65"/>
      <c r="AX109" s="65"/>
      <c r="AY109" s="65"/>
      <c r="AZ109" s="65"/>
      <c r="BA109" s="65"/>
      <c r="BB109" s="65"/>
      <c r="BC109" s="65"/>
      <c r="BD109" s="65"/>
    </row>
    <row r="110" spans="3:56" x14ac:dyDescent="0.2">
      <c r="C110" s="134"/>
      <c r="D110" s="64"/>
      <c r="E110" s="65"/>
      <c r="F110" s="65"/>
      <c r="G110" s="65"/>
      <c r="H110" s="65"/>
      <c r="I110" s="65"/>
      <c r="J110" s="65"/>
      <c r="K110" s="65"/>
      <c r="L110" s="65"/>
      <c r="M110" s="65"/>
      <c r="N110" s="65"/>
      <c r="O110" s="65"/>
      <c r="P110" s="65"/>
      <c r="Q110" s="65"/>
      <c r="R110" s="65"/>
      <c r="S110" s="65"/>
      <c r="T110" s="65"/>
      <c r="U110" s="65"/>
      <c r="V110" s="65"/>
      <c r="W110" s="65"/>
      <c r="X110" s="65"/>
      <c r="Y110" s="65"/>
      <c r="Z110" s="65"/>
      <c r="AA110" s="65"/>
      <c r="AB110" s="65"/>
      <c r="AC110" s="65"/>
      <c r="AD110" s="65"/>
      <c r="AE110" s="65"/>
      <c r="AF110" s="65"/>
      <c r="AG110" s="65"/>
      <c r="AH110" s="65"/>
      <c r="AI110" s="65"/>
      <c r="AJ110" s="65"/>
      <c r="AK110" s="65"/>
      <c r="AL110" s="65"/>
      <c r="AM110" s="65"/>
      <c r="AN110" s="65"/>
      <c r="AO110" s="65"/>
      <c r="AP110" s="65"/>
      <c r="AQ110" s="65"/>
      <c r="AR110" s="65"/>
      <c r="AS110" s="65"/>
      <c r="AT110" s="65"/>
      <c r="AU110" s="65"/>
      <c r="AV110" s="65"/>
      <c r="AW110" s="65"/>
      <c r="AX110" s="65"/>
      <c r="AY110" s="65"/>
      <c r="AZ110" s="65"/>
      <c r="BA110" s="65"/>
      <c r="BB110" s="65"/>
      <c r="BC110" s="65"/>
      <c r="BD110" s="65"/>
    </row>
    <row r="111" spans="3:56" x14ac:dyDescent="0.2">
      <c r="C111" s="134"/>
      <c r="D111" s="135"/>
      <c r="E111" s="65"/>
      <c r="F111" s="65"/>
      <c r="G111" s="65"/>
      <c r="H111" s="65"/>
      <c r="I111" s="65"/>
      <c r="J111" s="65"/>
      <c r="K111" s="65"/>
      <c r="L111" s="65"/>
      <c r="M111" s="65"/>
      <c r="N111" s="65"/>
      <c r="O111" s="65"/>
      <c r="P111" s="65"/>
      <c r="Q111" s="65"/>
      <c r="R111" s="65"/>
      <c r="S111" s="65"/>
      <c r="T111" s="65"/>
      <c r="U111" s="65"/>
      <c r="V111" s="65"/>
      <c r="W111" s="65"/>
      <c r="X111" s="65"/>
      <c r="Y111" s="65"/>
      <c r="Z111" s="65"/>
      <c r="AA111" s="65"/>
      <c r="AB111" s="65"/>
      <c r="AC111" s="65"/>
      <c r="AD111" s="65"/>
      <c r="AE111" s="65"/>
      <c r="AF111" s="65"/>
      <c r="AG111" s="65"/>
      <c r="AH111" s="65"/>
      <c r="AI111" s="65"/>
      <c r="AJ111" s="65"/>
      <c r="AK111" s="65"/>
      <c r="AL111" s="65"/>
      <c r="AM111" s="65"/>
      <c r="AN111" s="65"/>
      <c r="AO111" s="65"/>
      <c r="AP111" s="65"/>
      <c r="AQ111" s="65"/>
      <c r="AR111" s="65"/>
      <c r="AS111" s="65"/>
      <c r="AT111" s="65"/>
      <c r="AU111" s="65"/>
      <c r="AV111" s="65"/>
      <c r="AW111" s="65"/>
      <c r="AX111" s="65"/>
      <c r="AY111" s="65"/>
      <c r="AZ111" s="65"/>
      <c r="BA111" s="65"/>
      <c r="BB111" s="65"/>
      <c r="BC111" s="65"/>
      <c r="BD111" s="65"/>
    </row>
    <row r="112" spans="3:56" x14ac:dyDescent="0.2">
      <c r="C112" s="134"/>
      <c r="D112" s="64"/>
      <c r="E112" s="65"/>
      <c r="F112" s="65"/>
      <c r="G112" s="65"/>
      <c r="H112" s="65"/>
      <c r="I112" s="65"/>
      <c r="J112" s="65"/>
      <c r="K112" s="65"/>
      <c r="L112" s="65"/>
      <c r="M112" s="65"/>
      <c r="N112" s="65"/>
      <c r="O112" s="65"/>
      <c r="P112" s="65"/>
      <c r="Q112" s="65"/>
      <c r="R112" s="65"/>
      <c r="S112" s="65"/>
      <c r="T112" s="65"/>
      <c r="U112" s="65"/>
      <c r="V112" s="65"/>
      <c r="W112" s="65"/>
      <c r="X112" s="65"/>
      <c r="Y112" s="65"/>
      <c r="Z112" s="65"/>
      <c r="AA112" s="65"/>
      <c r="AB112" s="65"/>
      <c r="AC112" s="65"/>
      <c r="AD112" s="65"/>
      <c r="AE112" s="65"/>
      <c r="AF112" s="65"/>
      <c r="AG112" s="65"/>
      <c r="AH112" s="65"/>
      <c r="AI112" s="65"/>
      <c r="AJ112" s="65"/>
      <c r="AK112" s="65"/>
      <c r="AL112" s="65"/>
      <c r="AM112" s="65"/>
      <c r="AN112" s="65"/>
      <c r="AO112" s="65"/>
      <c r="AP112" s="65"/>
      <c r="AQ112" s="65"/>
      <c r="AR112" s="65"/>
      <c r="AS112" s="65"/>
      <c r="AT112" s="65"/>
      <c r="AU112" s="65"/>
      <c r="AV112" s="65"/>
      <c r="AW112" s="65"/>
      <c r="AX112" s="65"/>
      <c r="AY112" s="65"/>
      <c r="AZ112" s="65"/>
      <c r="BA112" s="65"/>
      <c r="BB112" s="65"/>
      <c r="BC112" s="65"/>
      <c r="BD112" s="65"/>
    </row>
    <row r="113" spans="3:56" x14ac:dyDescent="0.2">
      <c r="C113" s="134"/>
      <c r="D113" s="64"/>
      <c r="E113" s="65"/>
      <c r="F113" s="65"/>
      <c r="G113" s="65"/>
      <c r="H113" s="65"/>
      <c r="I113" s="65"/>
      <c r="J113" s="65"/>
      <c r="K113" s="65"/>
      <c r="L113" s="65"/>
      <c r="M113" s="65"/>
      <c r="N113" s="65"/>
      <c r="O113" s="65"/>
      <c r="P113" s="65"/>
      <c r="Q113" s="65"/>
      <c r="R113" s="65"/>
      <c r="S113" s="65"/>
      <c r="T113" s="65"/>
      <c r="U113" s="65"/>
      <c r="V113" s="65"/>
      <c r="W113" s="65"/>
      <c r="X113" s="65"/>
      <c r="Y113" s="65"/>
      <c r="Z113" s="65"/>
      <c r="AA113" s="65"/>
      <c r="AB113" s="65"/>
      <c r="AC113" s="65"/>
      <c r="AD113" s="65"/>
      <c r="AE113" s="65"/>
      <c r="AF113" s="65"/>
      <c r="AG113" s="65"/>
      <c r="AH113" s="65"/>
      <c r="AI113" s="65"/>
      <c r="AJ113" s="65"/>
      <c r="AK113" s="65"/>
      <c r="AL113" s="65"/>
      <c r="AM113" s="65"/>
      <c r="AN113" s="65"/>
      <c r="AO113" s="65"/>
      <c r="AP113" s="65"/>
      <c r="AQ113" s="65"/>
      <c r="AR113" s="65"/>
      <c r="AS113" s="65"/>
      <c r="AT113" s="65"/>
      <c r="AU113" s="65"/>
      <c r="AV113" s="65"/>
      <c r="AW113" s="65"/>
      <c r="AX113" s="65"/>
      <c r="AY113" s="65"/>
      <c r="AZ113" s="65"/>
      <c r="BA113" s="65"/>
      <c r="BB113" s="65"/>
      <c r="BC113" s="65"/>
      <c r="BD113" s="65"/>
    </row>
    <row r="114" spans="3:56" x14ac:dyDescent="0.2">
      <c r="C114" s="134"/>
      <c r="D114" s="64"/>
      <c r="E114" s="65"/>
      <c r="F114" s="65"/>
      <c r="G114" s="65"/>
      <c r="H114" s="65"/>
      <c r="I114" s="65"/>
      <c r="J114" s="65"/>
      <c r="K114" s="65"/>
      <c r="L114" s="65"/>
      <c r="M114" s="65"/>
      <c r="N114" s="65"/>
      <c r="O114" s="65"/>
      <c r="P114" s="65"/>
      <c r="Q114" s="65"/>
      <c r="R114" s="65"/>
      <c r="S114" s="65"/>
      <c r="T114" s="65"/>
      <c r="U114" s="65"/>
      <c r="V114" s="65"/>
      <c r="W114" s="65"/>
      <c r="X114" s="65"/>
      <c r="Y114" s="65"/>
      <c r="Z114" s="65"/>
      <c r="AA114" s="65"/>
      <c r="AB114" s="65"/>
      <c r="AC114" s="65"/>
      <c r="AD114" s="65"/>
      <c r="AE114" s="65"/>
      <c r="AF114" s="65"/>
      <c r="AG114" s="65"/>
      <c r="AH114" s="65"/>
      <c r="AI114" s="65"/>
      <c r="AJ114" s="65"/>
      <c r="AK114" s="65"/>
      <c r="AL114" s="65"/>
      <c r="AM114" s="65"/>
      <c r="AN114" s="65"/>
      <c r="AO114" s="65"/>
      <c r="AP114" s="65"/>
      <c r="AQ114" s="65"/>
      <c r="AR114" s="65"/>
      <c r="AS114" s="65"/>
      <c r="AT114" s="65"/>
      <c r="AU114" s="65"/>
      <c r="AV114" s="65"/>
      <c r="AW114" s="65"/>
      <c r="AX114" s="65"/>
      <c r="AY114" s="65"/>
      <c r="AZ114" s="65"/>
      <c r="BA114" s="65"/>
      <c r="BB114" s="65"/>
      <c r="BC114" s="65"/>
      <c r="BD114" s="65"/>
    </row>
    <row r="115" spans="3:56" x14ac:dyDescent="0.2">
      <c r="C115" s="134"/>
      <c r="D115" s="64"/>
      <c r="E115" s="65"/>
      <c r="F115" s="65"/>
      <c r="G115" s="65"/>
      <c r="H115" s="65"/>
      <c r="I115" s="65"/>
      <c r="J115" s="65"/>
      <c r="K115" s="65"/>
      <c r="L115" s="65"/>
      <c r="M115" s="65"/>
      <c r="N115" s="65"/>
      <c r="O115" s="65"/>
      <c r="P115" s="65"/>
      <c r="Q115" s="65"/>
      <c r="R115" s="65"/>
      <c r="S115" s="65"/>
      <c r="T115" s="65"/>
      <c r="U115" s="65"/>
      <c r="V115" s="65"/>
      <c r="W115" s="65"/>
      <c r="X115" s="65"/>
      <c r="Y115" s="65"/>
      <c r="Z115" s="65"/>
      <c r="AA115" s="65"/>
      <c r="AB115" s="65"/>
      <c r="AC115" s="65"/>
      <c r="AD115" s="65"/>
      <c r="AE115" s="65"/>
      <c r="AF115" s="65"/>
      <c r="AG115" s="65"/>
      <c r="AH115" s="65"/>
      <c r="AI115" s="65"/>
      <c r="AJ115" s="65"/>
      <c r="AK115" s="65"/>
      <c r="AL115" s="65"/>
      <c r="AM115" s="65"/>
      <c r="AN115" s="65"/>
      <c r="AO115" s="65"/>
      <c r="AP115" s="65"/>
      <c r="AQ115" s="65"/>
      <c r="AR115" s="65"/>
      <c r="AS115" s="65"/>
      <c r="AT115" s="65"/>
      <c r="AU115" s="65"/>
      <c r="AV115" s="65"/>
      <c r="AW115" s="65"/>
      <c r="AX115" s="65"/>
      <c r="AY115" s="65"/>
      <c r="AZ115" s="65"/>
      <c r="BA115" s="65"/>
      <c r="BB115" s="65"/>
      <c r="BC115" s="65"/>
      <c r="BD115" s="65"/>
    </row>
    <row r="116" spans="3:56" x14ac:dyDescent="0.2">
      <c r="C116" s="134"/>
      <c r="D116" s="64"/>
      <c r="E116" s="65"/>
      <c r="F116" s="65"/>
      <c r="G116" s="65"/>
      <c r="H116" s="65"/>
      <c r="I116" s="65"/>
      <c r="J116" s="65"/>
      <c r="K116" s="65"/>
      <c r="L116" s="65"/>
      <c r="M116" s="65"/>
      <c r="N116" s="65"/>
      <c r="O116" s="65"/>
      <c r="P116" s="65"/>
      <c r="Q116" s="65"/>
      <c r="R116" s="65"/>
      <c r="S116" s="65"/>
      <c r="T116" s="65"/>
      <c r="U116" s="65"/>
      <c r="V116" s="65"/>
      <c r="W116" s="65"/>
      <c r="X116" s="65"/>
      <c r="Y116" s="65"/>
      <c r="Z116" s="65"/>
      <c r="AA116" s="65"/>
      <c r="AB116" s="65"/>
      <c r="AC116" s="65"/>
      <c r="AD116" s="65"/>
      <c r="AE116" s="65"/>
      <c r="AF116" s="65"/>
      <c r="AG116" s="65"/>
      <c r="AH116" s="65"/>
      <c r="AI116" s="65"/>
      <c r="AJ116" s="65"/>
      <c r="AK116" s="65"/>
      <c r="AL116" s="65"/>
      <c r="AM116" s="65"/>
      <c r="AN116" s="65"/>
      <c r="AO116" s="65"/>
      <c r="AP116" s="65"/>
      <c r="AQ116" s="65"/>
      <c r="AR116" s="65"/>
      <c r="AS116" s="65"/>
      <c r="AT116" s="65"/>
      <c r="AU116" s="65"/>
      <c r="AV116" s="65"/>
      <c r="AW116" s="65"/>
      <c r="AX116" s="65"/>
      <c r="AY116" s="65"/>
      <c r="AZ116" s="65"/>
      <c r="BA116" s="65"/>
      <c r="BB116" s="65"/>
      <c r="BC116" s="65"/>
      <c r="BD116" s="65"/>
    </row>
    <row r="117" spans="3:56" x14ac:dyDescent="0.2">
      <c r="C117" s="134"/>
      <c r="D117" s="64"/>
      <c r="E117" s="65"/>
      <c r="F117" s="65"/>
      <c r="G117" s="65"/>
      <c r="H117" s="65"/>
      <c r="I117" s="65"/>
      <c r="J117" s="65"/>
      <c r="K117" s="65"/>
      <c r="L117" s="65"/>
      <c r="M117" s="65"/>
      <c r="N117" s="65"/>
      <c r="O117" s="65"/>
      <c r="P117" s="65"/>
      <c r="Q117" s="65"/>
      <c r="R117" s="65"/>
      <c r="S117" s="65"/>
      <c r="T117" s="65"/>
      <c r="U117" s="65"/>
      <c r="V117" s="65"/>
      <c r="W117" s="65"/>
      <c r="X117" s="65"/>
      <c r="Y117" s="65"/>
      <c r="Z117" s="65"/>
      <c r="AA117" s="65"/>
      <c r="AB117" s="65"/>
      <c r="AC117" s="65"/>
      <c r="AD117" s="65"/>
      <c r="AE117" s="65"/>
      <c r="AF117" s="65"/>
      <c r="AG117" s="65"/>
      <c r="AH117" s="65"/>
      <c r="AI117" s="65"/>
      <c r="AJ117" s="65"/>
      <c r="AK117" s="65"/>
      <c r="AL117" s="65"/>
      <c r="AM117" s="65"/>
      <c r="AN117" s="65"/>
      <c r="AO117" s="65"/>
      <c r="AP117" s="65"/>
      <c r="AQ117" s="65"/>
      <c r="AR117" s="65"/>
      <c r="AS117" s="65"/>
      <c r="AT117" s="65"/>
      <c r="AU117" s="65"/>
      <c r="AV117" s="65"/>
      <c r="AW117" s="65"/>
      <c r="AX117" s="65"/>
      <c r="AY117" s="65"/>
      <c r="AZ117" s="65"/>
      <c r="BA117" s="65"/>
      <c r="BB117" s="65"/>
      <c r="BC117" s="65"/>
      <c r="BD117" s="65"/>
    </row>
    <row r="118" spans="3:56" x14ac:dyDescent="0.2">
      <c r="C118" s="134"/>
      <c r="D118" s="64"/>
      <c r="E118" s="65"/>
      <c r="F118" s="65"/>
      <c r="G118" s="65"/>
      <c r="H118" s="65"/>
      <c r="I118" s="65"/>
      <c r="J118" s="65"/>
      <c r="K118" s="65"/>
      <c r="L118" s="65"/>
      <c r="M118" s="65"/>
      <c r="N118" s="65"/>
      <c r="O118" s="65"/>
      <c r="P118" s="65"/>
      <c r="Q118" s="65"/>
      <c r="R118" s="65"/>
      <c r="S118" s="65"/>
      <c r="T118" s="65"/>
      <c r="U118" s="65"/>
      <c r="V118" s="65"/>
      <c r="W118" s="65"/>
      <c r="X118" s="65"/>
      <c r="Y118" s="65"/>
      <c r="Z118" s="65"/>
      <c r="AA118" s="65"/>
      <c r="AB118" s="65"/>
      <c r="AC118" s="65"/>
      <c r="AD118" s="65"/>
      <c r="AE118" s="65"/>
      <c r="AF118" s="65"/>
      <c r="AG118" s="65"/>
      <c r="AH118" s="65"/>
      <c r="AI118" s="66"/>
      <c r="AJ118" s="66"/>
      <c r="AK118" s="66"/>
      <c r="AL118" s="66"/>
      <c r="AM118" s="66"/>
      <c r="AN118" s="66"/>
      <c r="AO118" s="65"/>
      <c r="AP118" s="65"/>
      <c r="AQ118" s="65"/>
      <c r="AR118" s="65"/>
      <c r="AS118" s="65"/>
      <c r="AT118" s="65"/>
      <c r="AU118" s="65"/>
      <c r="AV118" s="65"/>
      <c r="AW118" s="65"/>
      <c r="AX118" s="65"/>
      <c r="AY118" s="65"/>
      <c r="AZ118" s="65"/>
      <c r="BA118" s="65"/>
      <c r="BB118" s="65"/>
      <c r="BC118" s="65"/>
      <c r="BD118" s="65"/>
    </row>
    <row r="119" spans="3:56" x14ac:dyDescent="0.2">
      <c r="C119" s="134"/>
      <c r="D119" s="64"/>
      <c r="E119" s="65"/>
      <c r="F119" s="65"/>
      <c r="G119" s="65"/>
      <c r="H119" s="65"/>
      <c r="I119" s="65"/>
      <c r="J119" s="65"/>
      <c r="K119" s="65"/>
      <c r="L119" s="65"/>
      <c r="M119" s="65"/>
      <c r="N119" s="65"/>
      <c r="O119" s="65"/>
      <c r="P119" s="65"/>
      <c r="Q119" s="65"/>
      <c r="R119" s="65"/>
      <c r="S119" s="65"/>
      <c r="T119" s="65"/>
      <c r="U119" s="65"/>
      <c r="V119" s="65"/>
      <c r="W119" s="65"/>
      <c r="X119" s="65"/>
      <c r="Y119" s="65"/>
      <c r="Z119" s="65"/>
      <c r="AA119" s="65"/>
      <c r="AB119" s="65"/>
      <c r="AC119" s="65"/>
      <c r="AD119" s="65"/>
      <c r="AE119" s="65"/>
      <c r="AF119" s="65"/>
      <c r="AG119" s="65"/>
      <c r="AH119" s="65"/>
      <c r="AI119" s="65"/>
      <c r="AJ119" s="65"/>
      <c r="AK119" s="65"/>
      <c r="AL119" s="65"/>
      <c r="AM119" s="65"/>
      <c r="AN119" s="65"/>
      <c r="AO119" s="65"/>
      <c r="AP119" s="65"/>
      <c r="AQ119" s="65"/>
      <c r="AR119" s="65"/>
      <c r="AS119" s="65"/>
      <c r="AT119" s="65"/>
      <c r="AU119" s="65"/>
      <c r="AV119" s="65"/>
      <c r="AW119" s="65"/>
      <c r="AX119" s="65"/>
      <c r="AY119" s="65"/>
      <c r="AZ119" s="65"/>
      <c r="BA119" s="65"/>
      <c r="BB119" s="65"/>
      <c r="BC119" s="65"/>
      <c r="BD119" s="65"/>
    </row>
    <row r="120" spans="3:56" x14ac:dyDescent="0.2">
      <c r="C120" s="134"/>
      <c r="D120" s="64"/>
      <c r="E120" s="65"/>
      <c r="F120" s="65"/>
      <c r="G120" s="65"/>
      <c r="H120" s="65"/>
      <c r="I120" s="65"/>
      <c r="J120" s="65"/>
      <c r="K120" s="65"/>
      <c r="L120" s="65"/>
      <c r="M120" s="65"/>
      <c r="N120" s="65"/>
      <c r="O120" s="65"/>
      <c r="P120" s="65"/>
      <c r="Q120" s="65"/>
      <c r="R120" s="65"/>
      <c r="S120" s="65"/>
      <c r="T120" s="65"/>
      <c r="U120" s="65"/>
      <c r="V120" s="65"/>
      <c r="W120" s="65"/>
      <c r="X120" s="65"/>
      <c r="Y120" s="65"/>
      <c r="Z120" s="65"/>
      <c r="AA120" s="65"/>
      <c r="AB120" s="65"/>
      <c r="AC120" s="65"/>
      <c r="AD120" s="65"/>
      <c r="AE120" s="65"/>
      <c r="AF120" s="65"/>
      <c r="AG120" s="65"/>
      <c r="AH120" s="65"/>
      <c r="AI120" s="65"/>
      <c r="AJ120" s="65"/>
      <c r="AK120" s="65"/>
      <c r="AL120" s="65"/>
      <c r="AM120" s="65"/>
      <c r="AN120" s="65"/>
      <c r="AO120" s="65"/>
      <c r="AP120" s="65"/>
      <c r="AQ120" s="65"/>
      <c r="AR120" s="65"/>
      <c r="AS120" s="65"/>
      <c r="AT120" s="65"/>
      <c r="AU120" s="65"/>
      <c r="AV120" s="65"/>
      <c r="AW120" s="65"/>
      <c r="AX120" s="65"/>
      <c r="AY120" s="65"/>
      <c r="AZ120" s="65"/>
      <c r="BA120" s="65"/>
      <c r="BB120" s="65"/>
      <c r="BC120" s="65"/>
      <c r="BD120" s="65"/>
    </row>
    <row r="121" spans="3:56" x14ac:dyDescent="0.2">
      <c r="C121" s="134"/>
      <c r="D121" s="64"/>
      <c r="E121" s="65"/>
      <c r="F121" s="65"/>
      <c r="G121" s="65"/>
      <c r="H121" s="65"/>
      <c r="I121" s="65"/>
      <c r="J121" s="65"/>
      <c r="K121" s="65"/>
      <c r="L121" s="65"/>
      <c r="M121" s="65"/>
      <c r="N121" s="65"/>
      <c r="O121" s="65"/>
      <c r="P121" s="65"/>
      <c r="Q121" s="65"/>
      <c r="R121" s="65"/>
      <c r="S121" s="65"/>
      <c r="T121" s="65"/>
      <c r="U121" s="65"/>
      <c r="V121" s="65"/>
      <c r="W121" s="65"/>
      <c r="X121" s="65"/>
      <c r="Y121" s="65"/>
      <c r="Z121" s="65"/>
      <c r="AA121" s="65"/>
      <c r="AB121" s="65"/>
      <c r="AC121" s="65"/>
      <c r="AD121" s="65"/>
      <c r="AE121" s="65"/>
      <c r="AF121" s="65"/>
      <c r="AG121" s="65"/>
      <c r="AH121" s="65"/>
      <c r="AI121" s="65"/>
      <c r="AJ121" s="65"/>
      <c r="AK121" s="65"/>
      <c r="AL121" s="65"/>
      <c r="AM121" s="65"/>
      <c r="AN121" s="65"/>
      <c r="AO121" s="65"/>
      <c r="AP121" s="65"/>
      <c r="AQ121" s="65"/>
      <c r="AR121" s="65"/>
      <c r="AS121" s="65"/>
      <c r="AT121" s="65"/>
      <c r="AU121" s="65"/>
      <c r="AV121" s="65"/>
      <c r="AW121" s="65"/>
      <c r="AX121" s="65"/>
      <c r="AY121" s="65"/>
      <c r="AZ121" s="65"/>
      <c r="BA121" s="65"/>
      <c r="BB121" s="65"/>
      <c r="BC121" s="65"/>
      <c r="BD121" s="65"/>
    </row>
    <row r="122" spans="3:56" x14ac:dyDescent="0.2">
      <c r="C122" s="134"/>
      <c r="D122" s="64"/>
      <c r="E122" s="65"/>
      <c r="F122" s="65"/>
      <c r="G122" s="65"/>
      <c r="H122" s="65"/>
      <c r="I122" s="65"/>
      <c r="J122" s="65"/>
      <c r="K122" s="65"/>
      <c r="L122" s="65"/>
      <c r="M122" s="65"/>
      <c r="N122" s="65"/>
      <c r="O122" s="65"/>
      <c r="P122" s="65"/>
      <c r="Q122" s="65"/>
      <c r="R122" s="65"/>
      <c r="S122" s="65"/>
      <c r="T122" s="65"/>
      <c r="U122" s="65"/>
      <c r="V122" s="65"/>
      <c r="W122" s="65"/>
      <c r="X122" s="65"/>
      <c r="Y122" s="65"/>
      <c r="Z122" s="65"/>
      <c r="AA122" s="65"/>
      <c r="AB122" s="65"/>
      <c r="AC122" s="65"/>
      <c r="AD122" s="65"/>
      <c r="AE122" s="65"/>
      <c r="AF122" s="65"/>
      <c r="AG122" s="65"/>
      <c r="AH122" s="65"/>
      <c r="AI122" s="65"/>
      <c r="AJ122" s="65"/>
      <c r="AK122" s="65"/>
      <c r="AL122" s="65"/>
      <c r="AM122" s="65"/>
      <c r="AN122" s="65"/>
      <c r="AO122" s="65"/>
      <c r="AP122" s="65"/>
      <c r="AQ122" s="65"/>
      <c r="AR122" s="65"/>
      <c r="AS122" s="65"/>
      <c r="AT122" s="65"/>
      <c r="AU122" s="65"/>
      <c r="AV122" s="65"/>
      <c r="AW122" s="65"/>
      <c r="AX122" s="65"/>
      <c r="AY122" s="65"/>
      <c r="AZ122" s="65"/>
      <c r="BA122" s="65"/>
      <c r="BB122" s="65"/>
      <c r="BC122" s="65"/>
      <c r="BD122" s="65"/>
    </row>
    <row r="123" spans="3:56" x14ac:dyDescent="0.2">
      <c r="C123" s="134"/>
      <c r="D123" s="64"/>
      <c r="E123" s="65"/>
      <c r="F123" s="65"/>
      <c r="G123" s="65"/>
      <c r="H123" s="65"/>
      <c r="I123" s="65"/>
      <c r="J123" s="65"/>
      <c r="K123" s="65"/>
      <c r="L123" s="65"/>
      <c r="M123" s="65"/>
      <c r="N123" s="65"/>
      <c r="O123" s="65"/>
      <c r="P123" s="65"/>
      <c r="Q123" s="65"/>
      <c r="R123" s="65"/>
      <c r="S123" s="65"/>
      <c r="T123" s="65"/>
      <c r="U123" s="65"/>
      <c r="V123" s="65"/>
      <c r="W123" s="65"/>
      <c r="X123" s="65"/>
      <c r="Y123" s="65"/>
      <c r="Z123" s="65"/>
      <c r="AA123" s="65"/>
      <c r="AB123" s="65"/>
      <c r="AC123" s="65"/>
      <c r="AD123" s="65"/>
      <c r="AE123" s="65"/>
      <c r="AF123" s="65"/>
      <c r="AG123" s="65"/>
      <c r="AH123" s="65"/>
      <c r="AI123" s="65"/>
      <c r="AJ123" s="65"/>
      <c r="AK123" s="65"/>
      <c r="AL123" s="65"/>
      <c r="AM123" s="65"/>
      <c r="AN123" s="65"/>
      <c r="AO123" s="65"/>
      <c r="AP123" s="65"/>
      <c r="AQ123" s="65"/>
      <c r="AR123" s="65"/>
      <c r="AS123" s="65"/>
      <c r="AT123" s="65"/>
      <c r="AU123" s="65"/>
      <c r="AV123" s="65"/>
      <c r="AW123" s="65"/>
      <c r="AX123" s="65"/>
      <c r="AY123" s="65"/>
      <c r="AZ123" s="65"/>
      <c r="BA123" s="65"/>
      <c r="BB123" s="65"/>
      <c r="BC123" s="65"/>
      <c r="BD123" s="65"/>
    </row>
    <row r="124" spans="3:56" x14ac:dyDescent="0.2">
      <c r="C124" s="134"/>
      <c r="D124" s="64"/>
      <c r="E124" s="65"/>
      <c r="F124" s="65"/>
      <c r="G124" s="65"/>
      <c r="H124" s="65"/>
      <c r="I124" s="65"/>
      <c r="J124" s="65"/>
      <c r="K124" s="65"/>
      <c r="L124" s="65"/>
      <c r="M124" s="65"/>
      <c r="N124" s="65"/>
      <c r="O124" s="65"/>
      <c r="P124" s="65"/>
      <c r="Q124" s="65"/>
      <c r="R124" s="65"/>
      <c r="S124" s="65"/>
      <c r="T124" s="65"/>
      <c r="U124" s="65"/>
      <c r="V124" s="65"/>
      <c r="W124" s="65"/>
      <c r="X124" s="65"/>
      <c r="Y124" s="65"/>
      <c r="Z124" s="65"/>
      <c r="AA124" s="65"/>
      <c r="AB124" s="65"/>
      <c r="AC124" s="65"/>
      <c r="AD124" s="65"/>
      <c r="AE124" s="65"/>
      <c r="AF124" s="65"/>
      <c r="AG124" s="65"/>
      <c r="AH124" s="65"/>
      <c r="AI124" s="65"/>
      <c r="AJ124" s="65"/>
      <c r="AK124" s="65"/>
      <c r="AL124" s="65"/>
      <c r="AM124" s="65"/>
      <c r="AN124" s="65"/>
      <c r="AO124" s="65"/>
      <c r="AP124" s="65"/>
      <c r="AQ124" s="65"/>
      <c r="AR124" s="65"/>
      <c r="AS124" s="65"/>
      <c r="AT124" s="65"/>
      <c r="AU124" s="65"/>
      <c r="AV124" s="65"/>
      <c r="AW124" s="65"/>
      <c r="AX124" s="65"/>
      <c r="AY124" s="65"/>
      <c r="AZ124" s="65"/>
      <c r="BA124" s="65"/>
      <c r="BB124" s="65"/>
      <c r="BC124" s="65"/>
      <c r="BD124" s="65"/>
    </row>
    <row r="125" spans="3:56" x14ac:dyDescent="0.2">
      <c r="C125" s="134"/>
      <c r="D125" s="64"/>
      <c r="E125" s="65"/>
      <c r="F125" s="65"/>
      <c r="G125" s="65"/>
      <c r="H125" s="65"/>
      <c r="I125" s="65"/>
      <c r="J125" s="65"/>
      <c r="K125" s="65"/>
      <c r="L125" s="65"/>
      <c r="M125" s="65"/>
      <c r="N125" s="65"/>
      <c r="O125" s="65"/>
      <c r="P125" s="65"/>
      <c r="Q125" s="65"/>
      <c r="R125" s="65"/>
      <c r="S125" s="65"/>
      <c r="T125" s="65"/>
      <c r="U125" s="65"/>
      <c r="V125" s="65"/>
      <c r="W125" s="65"/>
      <c r="X125" s="65"/>
      <c r="Y125" s="65"/>
      <c r="Z125" s="65"/>
      <c r="AA125" s="65"/>
      <c r="AB125" s="65"/>
      <c r="AC125" s="65"/>
      <c r="AD125" s="65"/>
      <c r="AE125" s="65"/>
      <c r="AF125" s="65"/>
      <c r="AG125" s="65"/>
      <c r="AH125" s="65"/>
      <c r="AI125" s="65"/>
      <c r="AJ125" s="65"/>
      <c r="AK125" s="65"/>
      <c r="AL125" s="65"/>
      <c r="AM125" s="65"/>
      <c r="AN125" s="65"/>
      <c r="AO125" s="65"/>
      <c r="AP125" s="65"/>
      <c r="AQ125" s="65"/>
      <c r="AR125" s="65"/>
      <c r="AS125" s="65"/>
      <c r="AT125" s="65"/>
      <c r="AU125" s="65"/>
      <c r="AV125" s="65"/>
      <c r="AW125" s="65"/>
      <c r="AX125" s="65"/>
      <c r="AY125" s="65"/>
      <c r="AZ125" s="65"/>
      <c r="BA125" s="65"/>
      <c r="BB125" s="65"/>
      <c r="BC125" s="65"/>
      <c r="BD125" s="65"/>
    </row>
    <row r="126" spans="3:56" x14ac:dyDescent="0.2">
      <c r="C126" s="30"/>
      <c r="D126" s="64"/>
      <c r="E126" s="65"/>
      <c r="F126" s="65"/>
      <c r="G126" s="65"/>
      <c r="H126" s="136"/>
      <c r="I126" s="65"/>
      <c r="J126" s="136"/>
      <c r="K126" s="65"/>
      <c r="L126" s="136"/>
      <c r="M126" s="136"/>
      <c r="N126" s="136"/>
      <c r="O126" s="136"/>
      <c r="P126" s="65"/>
      <c r="Q126" s="65"/>
      <c r="R126" s="65"/>
      <c r="S126" s="65"/>
      <c r="T126" s="136"/>
      <c r="U126" s="136"/>
      <c r="V126" s="136"/>
      <c r="W126" s="65"/>
      <c r="X126" s="136"/>
      <c r="Y126" s="136"/>
      <c r="Z126" s="65"/>
      <c r="AA126" s="65"/>
      <c r="AB126" s="65"/>
      <c r="AC126" s="136"/>
      <c r="AD126" s="65"/>
      <c r="AE126" s="65"/>
      <c r="AF126" s="65"/>
      <c r="AG126" s="65"/>
      <c r="AH126" s="65"/>
      <c r="AI126" s="65"/>
      <c r="AJ126" s="65"/>
      <c r="AK126" s="65"/>
      <c r="AL126" s="65"/>
      <c r="AM126" s="65"/>
      <c r="AN126" s="65"/>
      <c r="AO126" s="65"/>
      <c r="AP126" s="65"/>
      <c r="AQ126" s="65"/>
      <c r="AR126" s="65"/>
      <c r="AS126" s="65"/>
      <c r="AT126" s="65"/>
      <c r="AU126" s="65"/>
      <c r="AV126" s="65"/>
      <c r="AW126" s="65"/>
      <c r="AX126" s="65"/>
      <c r="AY126" s="65"/>
      <c r="AZ126" s="65"/>
      <c r="BA126" s="65"/>
      <c r="BB126" s="65"/>
      <c r="BC126" s="65"/>
      <c r="BD126" s="65"/>
    </row>
    <row r="127" spans="3:56" x14ac:dyDescent="0.2">
      <c r="C127" s="30"/>
      <c r="D127" s="64"/>
      <c r="E127" s="65"/>
      <c r="F127" s="65"/>
      <c r="G127" s="65"/>
      <c r="H127" s="65"/>
      <c r="I127" s="65"/>
      <c r="J127" s="65"/>
      <c r="K127" s="65"/>
      <c r="L127" s="65"/>
      <c r="M127" s="65"/>
      <c r="N127" s="65"/>
      <c r="O127" s="65"/>
      <c r="P127" s="65"/>
      <c r="Q127" s="65"/>
      <c r="R127" s="65"/>
      <c r="S127" s="65"/>
      <c r="T127" s="65"/>
      <c r="U127" s="65"/>
      <c r="V127" s="65"/>
      <c r="W127" s="65"/>
      <c r="X127" s="65"/>
      <c r="Y127" s="65"/>
      <c r="Z127" s="65"/>
      <c r="AA127" s="65"/>
      <c r="AB127" s="65"/>
      <c r="AC127" s="65"/>
      <c r="AD127" s="65"/>
      <c r="AE127" s="65"/>
      <c r="AF127" s="65"/>
      <c r="AG127" s="65"/>
      <c r="AH127" s="65"/>
      <c r="AI127" s="65"/>
      <c r="AJ127" s="65"/>
      <c r="AK127" s="65"/>
      <c r="AL127" s="65"/>
      <c r="AM127" s="65"/>
      <c r="AN127" s="65"/>
      <c r="AO127" s="65"/>
      <c r="AP127" s="65"/>
      <c r="AQ127" s="65"/>
      <c r="AR127" s="65"/>
      <c r="AS127" s="65"/>
      <c r="AT127" s="65"/>
      <c r="AU127" s="65"/>
      <c r="AV127" s="65"/>
      <c r="AW127" s="65"/>
      <c r="AX127" s="65"/>
      <c r="AY127" s="65"/>
      <c r="AZ127" s="65"/>
      <c r="BA127" s="65"/>
      <c r="BB127" s="65"/>
      <c r="BC127" s="65"/>
      <c r="BD127" s="65"/>
    </row>
    <row r="128" spans="3:56" x14ac:dyDescent="0.2">
      <c r="C128" s="30"/>
      <c r="D128" s="64"/>
      <c r="E128" s="137"/>
      <c r="F128" s="65"/>
      <c r="G128" s="65"/>
      <c r="H128" s="65"/>
      <c r="I128" s="65"/>
      <c r="J128" s="65"/>
      <c r="K128" s="65"/>
      <c r="L128" s="65"/>
      <c r="M128" s="65"/>
      <c r="N128" s="65"/>
      <c r="O128" s="65"/>
      <c r="P128" s="65"/>
      <c r="Q128" s="65"/>
      <c r="R128" s="65"/>
      <c r="S128" s="65"/>
      <c r="T128" s="65"/>
      <c r="U128" s="65"/>
      <c r="V128" s="65"/>
      <c r="W128" s="65"/>
      <c r="X128" s="65"/>
      <c r="Y128" s="65"/>
      <c r="Z128" s="65"/>
      <c r="AA128" s="65"/>
      <c r="AB128" s="65"/>
      <c r="AC128" s="65"/>
      <c r="AD128" s="65"/>
      <c r="AE128" s="65"/>
      <c r="AF128" s="65"/>
      <c r="AG128" s="65"/>
      <c r="AH128" s="65"/>
      <c r="AI128" s="65"/>
      <c r="AJ128" s="65"/>
      <c r="AK128" s="65"/>
      <c r="AL128" s="65"/>
      <c r="AM128" s="65"/>
      <c r="AN128" s="65"/>
      <c r="AO128" s="65"/>
      <c r="AP128" s="65"/>
      <c r="AQ128" s="65"/>
      <c r="AR128" s="65"/>
      <c r="AS128" s="65"/>
      <c r="AT128" s="65"/>
      <c r="AU128" s="65"/>
      <c r="AV128" s="65"/>
      <c r="AW128" s="65"/>
      <c r="AX128" s="65"/>
      <c r="AY128" s="65"/>
      <c r="AZ128" s="65"/>
      <c r="BA128" s="65"/>
      <c r="BB128" s="65"/>
      <c r="BC128" s="65"/>
      <c r="BD128" s="137"/>
    </row>
    <row r="129" spans="3:56" x14ac:dyDescent="0.2">
      <c r="C129" s="30"/>
      <c r="D129" s="64"/>
      <c r="E129" s="65"/>
      <c r="F129" s="65"/>
      <c r="G129" s="65"/>
      <c r="H129" s="65"/>
      <c r="I129" s="65"/>
      <c r="J129" s="65"/>
      <c r="K129" s="65"/>
      <c r="L129" s="65"/>
      <c r="M129" s="65"/>
      <c r="N129" s="65"/>
      <c r="O129" s="65"/>
      <c r="P129" s="65"/>
      <c r="Q129" s="65"/>
      <c r="R129" s="65"/>
      <c r="S129" s="65"/>
      <c r="T129" s="65"/>
      <c r="U129" s="65"/>
      <c r="V129" s="65"/>
      <c r="W129" s="65"/>
      <c r="X129" s="65"/>
      <c r="Y129" s="65"/>
      <c r="Z129" s="65"/>
      <c r="AA129" s="65"/>
      <c r="AB129" s="65"/>
      <c r="AC129" s="65"/>
      <c r="AD129" s="65"/>
      <c r="AE129" s="65"/>
      <c r="AF129" s="65"/>
      <c r="AG129" s="65"/>
      <c r="AH129" s="65"/>
      <c r="AI129" s="65"/>
      <c r="AJ129" s="65"/>
      <c r="AK129" s="65"/>
      <c r="AL129" s="65"/>
      <c r="AM129" s="65"/>
      <c r="AN129" s="65"/>
      <c r="AO129" s="65"/>
      <c r="AP129" s="65"/>
      <c r="AQ129" s="65"/>
      <c r="AR129" s="65"/>
      <c r="AS129" s="65"/>
      <c r="AT129" s="65"/>
      <c r="AU129" s="65"/>
      <c r="AV129" s="65"/>
      <c r="AW129" s="65"/>
      <c r="AX129" s="65"/>
      <c r="AY129" s="65"/>
      <c r="AZ129" s="65"/>
      <c r="BA129" s="65"/>
      <c r="BB129" s="65"/>
      <c r="BC129" s="65"/>
      <c r="BD129" s="65"/>
    </row>
    <row r="130" spans="3:56" x14ac:dyDescent="0.2">
      <c r="C130" s="30"/>
      <c r="D130" s="64"/>
      <c r="E130" s="65"/>
      <c r="F130" s="65"/>
      <c r="G130" s="65"/>
      <c r="H130" s="65"/>
      <c r="I130" s="65"/>
      <c r="J130" s="65"/>
      <c r="K130" s="65"/>
      <c r="L130" s="65"/>
      <c r="M130" s="65"/>
      <c r="N130" s="65"/>
      <c r="O130" s="65"/>
      <c r="P130" s="65"/>
      <c r="Q130" s="65"/>
      <c r="R130" s="65"/>
      <c r="S130" s="65"/>
      <c r="T130" s="65"/>
      <c r="U130" s="65"/>
      <c r="V130" s="65"/>
      <c r="W130" s="65"/>
      <c r="X130" s="65"/>
      <c r="Y130" s="65"/>
      <c r="Z130" s="65"/>
      <c r="AA130" s="65"/>
      <c r="AB130" s="65"/>
      <c r="AC130" s="65"/>
      <c r="AD130" s="65"/>
      <c r="AE130" s="65"/>
      <c r="AF130" s="65"/>
      <c r="AG130" s="65"/>
      <c r="AH130" s="65"/>
      <c r="AI130" s="65"/>
      <c r="AJ130" s="65"/>
      <c r="AK130" s="65"/>
      <c r="AL130" s="65"/>
      <c r="AM130" s="65"/>
      <c r="AN130" s="65"/>
      <c r="AO130" s="65"/>
      <c r="AP130" s="65"/>
      <c r="AQ130" s="65"/>
      <c r="AR130" s="65"/>
      <c r="AS130" s="65"/>
      <c r="AT130" s="65"/>
      <c r="AU130" s="65"/>
      <c r="AV130" s="65"/>
      <c r="AW130" s="65"/>
      <c r="AX130" s="65"/>
      <c r="AY130" s="65"/>
      <c r="AZ130" s="65"/>
      <c r="BA130" s="65"/>
      <c r="BB130" s="65"/>
      <c r="BC130" s="65"/>
      <c r="BD130" s="65"/>
    </row>
    <row r="131" spans="3:56" x14ac:dyDescent="0.2">
      <c r="C131" s="30"/>
      <c r="D131" s="64"/>
      <c r="E131" s="65"/>
      <c r="F131" s="65"/>
      <c r="G131" s="65"/>
      <c r="H131" s="65"/>
      <c r="I131" s="65"/>
      <c r="J131" s="65"/>
      <c r="K131" s="65"/>
      <c r="L131" s="65"/>
      <c r="M131" s="65"/>
      <c r="N131" s="65"/>
      <c r="O131" s="65"/>
      <c r="P131" s="65"/>
      <c r="Q131" s="65"/>
      <c r="R131" s="65"/>
      <c r="S131" s="65"/>
      <c r="T131" s="65"/>
      <c r="U131" s="65"/>
      <c r="V131" s="65"/>
      <c r="W131" s="65"/>
      <c r="X131" s="65"/>
      <c r="Y131" s="65"/>
      <c r="Z131" s="65"/>
      <c r="AA131" s="65"/>
      <c r="AB131" s="65"/>
      <c r="AC131" s="65"/>
      <c r="AD131" s="65"/>
      <c r="AE131" s="65"/>
      <c r="AF131" s="65"/>
      <c r="AG131" s="65"/>
      <c r="AH131" s="65"/>
      <c r="AI131" s="65"/>
      <c r="AJ131" s="65"/>
      <c r="AK131" s="65"/>
      <c r="AL131" s="65"/>
      <c r="AM131" s="65"/>
      <c r="AN131" s="65"/>
      <c r="AO131" s="65"/>
      <c r="AP131" s="65"/>
      <c r="AQ131" s="65"/>
      <c r="AR131" s="65"/>
      <c r="AS131" s="65"/>
      <c r="AT131" s="65"/>
      <c r="AU131" s="65"/>
      <c r="AV131" s="65"/>
      <c r="AW131" s="65"/>
      <c r="AX131" s="65"/>
      <c r="AY131" s="65"/>
      <c r="AZ131" s="65"/>
      <c r="BA131" s="65"/>
      <c r="BB131" s="65"/>
      <c r="BC131" s="65"/>
      <c r="BD131" s="65"/>
    </row>
    <row r="132" spans="3:56" x14ac:dyDescent="0.2">
      <c r="C132" s="30"/>
      <c r="D132" s="64"/>
      <c r="E132" s="65"/>
      <c r="F132" s="65"/>
      <c r="G132" s="65"/>
      <c r="H132" s="65"/>
      <c r="I132" s="65"/>
      <c r="J132" s="65"/>
      <c r="K132" s="65"/>
      <c r="L132" s="65"/>
      <c r="M132" s="65"/>
      <c r="N132" s="65"/>
      <c r="O132" s="65"/>
      <c r="P132" s="65"/>
      <c r="Q132" s="65"/>
      <c r="R132" s="65"/>
      <c r="S132" s="65"/>
      <c r="T132" s="65"/>
      <c r="U132" s="65"/>
      <c r="V132" s="65"/>
      <c r="W132" s="65"/>
      <c r="X132" s="65"/>
      <c r="Y132" s="65"/>
      <c r="Z132" s="65"/>
      <c r="AA132" s="65"/>
      <c r="AB132" s="65"/>
      <c r="AC132" s="65"/>
      <c r="AD132" s="65"/>
      <c r="AE132" s="65"/>
      <c r="AF132" s="65"/>
      <c r="AG132" s="65"/>
      <c r="AH132" s="65"/>
      <c r="AI132" s="65"/>
      <c r="AJ132" s="65"/>
      <c r="AK132" s="65"/>
      <c r="AL132" s="65"/>
      <c r="AM132" s="65"/>
      <c r="AN132" s="65"/>
      <c r="AO132" s="65"/>
      <c r="AP132" s="65"/>
      <c r="AQ132" s="65"/>
      <c r="AR132" s="65"/>
      <c r="AS132" s="65"/>
      <c r="AT132" s="65"/>
      <c r="AU132" s="65"/>
      <c r="AV132" s="65"/>
      <c r="AW132" s="65"/>
      <c r="AX132" s="65"/>
      <c r="AY132" s="65"/>
      <c r="AZ132" s="65"/>
      <c r="BA132" s="65"/>
      <c r="BB132" s="65"/>
      <c r="BC132" s="65"/>
      <c r="BD132" s="65"/>
    </row>
    <row r="133" spans="3:56" x14ac:dyDescent="0.2">
      <c r="C133" s="30"/>
      <c r="D133" s="64"/>
      <c r="E133" s="65"/>
      <c r="F133" s="65"/>
      <c r="G133" s="65"/>
      <c r="H133" s="65"/>
      <c r="I133" s="65"/>
      <c r="J133" s="65"/>
      <c r="K133" s="65"/>
      <c r="L133" s="65"/>
      <c r="M133" s="65"/>
      <c r="N133" s="65"/>
      <c r="O133" s="65"/>
      <c r="P133" s="65"/>
      <c r="Q133" s="65"/>
      <c r="R133" s="65"/>
      <c r="S133" s="65"/>
      <c r="T133" s="65"/>
      <c r="U133" s="65"/>
      <c r="V133" s="65"/>
      <c r="W133" s="65"/>
      <c r="X133" s="65"/>
      <c r="Y133" s="65"/>
      <c r="Z133" s="65"/>
      <c r="AA133" s="65"/>
      <c r="AB133" s="65"/>
      <c r="AC133" s="65"/>
      <c r="AD133" s="65"/>
      <c r="AE133" s="65"/>
      <c r="AF133" s="65"/>
      <c r="AG133" s="65"/>
      <c r="AH133" s="65"/>
      <c r="AI133" s="65"/>
      <c r="AJ133" s="65"/>
      <c r="AK133" s="65"/>
      <c r="AL133" s="65"/>
      <c r="AM133" s="65"/>
      <c r="AN133" s="65"/>
      <c r="AO133" s="65"/>
      <c r="AP133" s="65"/>
      <c r="AQ133" s="65"/>
      <c r="AR133" s="65"/>
      <c r="AS133" s="65"/>
      <c r="AT133" s="65"/>
      <c r="AU133" s="65"/>
      <c r="AV133" s="65"/>
      <c r="AW133" s="65"/>
      <c r="AX133" s="65"/>
      <c r="AY133" s="65"/>
      <c r="AZ133" s="65"/>
      <c r="BA133" s="65"/>
      <c r="BB133" s="65"/>
      <c r="BC133" s="65"/>
      <c r="BD133" s="65"/>
    </row>
    <row r="134" spans="3:56" x14ac:dyDescent="0.2">
      <c r="C134" s="30"/>
      <c r="D134" s="64"/>
      <c r="E134" s="65"/>
      <c r="F134" s="65"/>
      <c r="G134" s="65"/>
      <c r="H134" s="65"/>
      <c r="I134" s="65"/>
      <c r="J134" s="65"/>
      <c r="K134" s="65"/>
      <c r="L134" s="65"/>
      <c r="M134" s="65"/>
      <c r="N134" s="65"/>
      <c r="O134" s="65"/>
      <c r="P134" s="65"/>
      <c r="Q134" s="65"/>
      <c r="R134" s="65"/>
      <c r="S134" s="65"/>
      <c r="T134" s="65"/>
      <c r="U134" s="65"/>
      <c r="V134" s="65"/>
      <c r="W134" s="65"/>
      <c r="X134" s="65"/>
      <c r="Y134" s="65"/>
      <c r="Z134" s="65"/>
      <c r="AA134" s="65"/>
      <c r="AB134" s="65"/>
      <c r="AC134" s="65"/>
      <c r="AD134" s="65"/>
      <c r="AE134" s="65"/>
      <c r="AF134" s="65"/>
      <c r="AG134" s="65"/>
      <c r="AH134" s="65"/>
      <c r="AI134" s="65"/>
      <c r="AJ134" s="65"/>
      <c r="AK134" s="65"/>
      <c r="AL134" s="65"/>
      <c r="AM134" s="65"/>
      <c r="AN134" s="65"/>
      <c r="AO134" s="65"/>
      <c r="AP134" s="65"/>
      <c r="AQ134" s="65"/>
      <c r="AR134" s="65"/>
      <c r="AS134" s="65"/>
      <c r="AT134" s="65"/>
      <c r="AU134" s="65"/>
      <c r="AV134" s="65"/>
      <c r="AW134" s="65"/>
      <c r="AX134" s="65"/>
      <c r="AY134" s="65"/>
      <c r="AZ134" s="65"/>
      <c r="BA134" s="65"/>
      <c r="BB134" s="65"/>
      <c r="BC134" s="65"/>
      <c r="BD134" s="65"/>
    </row>
    <row r="135" spans="3:56" x14ac:dyDescent="0.2">
      <c r="C135" s="30"/>
      <c r="D135" s="64"/>
      <c r="E135" s="65"/>
      <c r="F135" s="65"/>
      <c r="G135" s="65"/>
      <c r="H135" s="65"/>
      <c r="I135" s="65"/>
      <c r="J135" s="65"/>
      <c r="K135" s="65"/>
      <c r="L135" s="65"/>
      <c r="M135" s="65"/>
      <c r="N135" s="65"/>
      <c r="O135" s="65"/>
      <c r="P135" s="65"/>
      <c r="Q135" s="65"/>
      <c r="R135" s="65"/>
      <c r="S135" s="65"/>
      <c r="T135" s="65"/>
      <c r="U135" s="65"/>
      <c r="V135" s="65"/>
      <c r="W135" s="65"/>
      <c r="X135" s="65"/>
      <c r="Y135" s="65"/>
      <c r="Z135" s="65"/>
      <c r="AA135" s="65"/>
      <c r="AB135" s="65"/>
      <c r="AC135" s="65"/>
      <c r="AD135" s="65"/>
      <c r="AE135" s="65"/>
      <c r="AF135" s="65"/>
      <c r="AG135" s="65"/>
      <c r="AH135" s="65"/>
      <c r="AI135" s="65"/>
      <c r="AJ135" s="65"/>
      <c r="AK135" s="65"/>
      <c r="AL135" s="65"/>
      <c r="AM135" s="65"/>
      <c r="AN135" s="65"/>
      <c r="AO135" s="65"/>
      <c r="AP135" s="65"/>
      <c r="AQ135" s="65"/>
      <c r="AR135" s="65"/>
      <c r="AS135" s="65"/>
      <c r="AT135" s="65"/>
      <c r="AU135" s="65"/>
      <c r="AV135" s="65"/>
      <c r="AW135" s="65"/>
      <c r="AX135" s="65"/>
      <c r="AY135" s="65"/>
      <c r="AZ135" s="65"/>
      <c r="BA135" s="65"/>
      <c r="BB135" s="65"/>
      <c r="BC135" s="65"/>
      <c r="BD135" s="65"/>
    </row>
    <row r="136" spans="3:56" x14ac:dyDescent="0.2">
      <c r="C136" s="30"/>
      <c r="D136" s="64"/>
      <c r="E136" s="65"/>
      <c r="F136" s="65"/>
      <c r="G136" s="65"/>
      <c r="H136" s="65"/>
      <c r="I136" s="65"/>
      <c r="J136" s="65"/>
      <c r="K136" s="65"/>
      <c r="L136" s="65"/>
      <c r="M136" s="65"/>
      <c r="N136" s="65"/>
      <c r="O136" s="65"/>
      <c r="P136" s="65"/>
      <c r="Q136" s="65"/>
      <c r="R136" s="65"/>
      <c r="S136" s="65"/>
      <c r="T136" s="65"/>
      <c r="U136" s="65"/>
      <c r="V136" s="65"/>
      <c r="W136" s="65"/>
      <c r="X136" s="65"/>
      <c r="Y136" s="65"/>
      <c r="Z136" s="65"/>
      <c r="AA136" s="65"/>
      <c r="AB136" s="65"/>
      <c r="AC136" s="65"/>
      <c r="AD136" s="65"/>
      <c r="AE136" s="65"/>
      <c r="AF136" s="65"/>
      <c r="AG136" s="65"/>
      <c r="AH136" s="65"/>
      <c r="AI136" s="65"/>
      <c r="AJ136" s="65"/>
      <c r="AK136" s="65"/>
      <c r="AL136" s="65"/>
      <c r="AM136" s="65"/>
      <c r="AN136" s="65"/>
      <c r="AO136" s="65"/>
      <c r="AP136" s="65"/>
      <c r="AQ136" s="65"/>
      <c r="AR136" s="65"/>
      <c r="AS136" s="65"/>
      <c r="AT136" s="65"/>
      <c r="AU136" s="65"/>
      <c r="AV136" s="65"/>
      <c r="AW136" s="65"/>
      <c r="AX136" s="65"/>
      <c r="AY136" s="65"/>
      <c r="AZ136" s="65"/>
      <c r="BA136" s="65"/>
      <c r="BB136" s="65"/>
      <c r="BC136" s="65"/>
      <c r="BD136" s="65"/>
    </row>
    <row r="137" spans="3:56" x14ac:dyDescent="0.2">
      <c r="C137" s="30"/>
      <c r="D137" s="64"/>
      <c r="E137" s="65"/>
      <c r="F137" s="65"/>
      <c r="G137" s="65"/>
      <c r="H137" s="65"/>
      <c r="I137" s="65"/>
      <c r="J137" s="65"/>
      <c r="K137" s="65"/>
      <c r="L137" s="65"/>
      <c r="M137" s="65"/>
      <c r="N137" s="65"/>
      <c r="O137" s="65"/>
      <c r="P137" s="65"/>
      <c r="Q137" s="65"/>
      <c r="R137" s="65"/>
      <c r="S137" s="65"/>
      <c r="T137" s="65"/>
      <c r="U137" s="65"/>
      <c r="V137" s="65"/>
      <c r="W137" s="65"/>
      <c r="X137" s="65"/>
      <c r="Y137" s="65"/>
      <c r="Z137" s="65"/>
      <c r="AA137" s="65"/>
      <c r="AB137" s="65"/>
      <c r="AC137" s="65"/>
      <c r="AD137" s="65"/>
      <c r="AE137" s="65"/>
      <c r="AF137" s="65"/>
      <c r="AG137" s="65"/>
      <c r="AH137" s="65"/>
      <c r="AI137" s="65"/>
      <c r="AJ137" s="65"/>
      <c r="AK137" s="65"/>
      <c r="AL137" s="65"/>
      <c r="AM137" s="65"/>
      <c r="AN137" s="65"/>
      <c r="AO137" s="65"/>
      <c r="AP137" s="65"/>
      <c r="AQ137" s="65"/>
      <c r="AR137" s="65"/>
      <c r="AS137" s="65"/>
      <c r="AT137" s="65"/>
      <c r="AU137" s="65"/>
      <c r="AV137" s="65"/>
      <c r="AW137" s="65"/>
      <c r="AX137" s="65"/>
      <c r="AY137" s="65"/>
      <c r="AZ137" s="65"/>
      <c r="BA137" s="65"/>
      <c r="BB137" s="65"/>
      <c r="BC137" s="65"/>
      <c r="BD137" s="65"/>
    </row>
    <row r="138" spans="3:56" x14ac:dyDescent="0.2">
      <c r="C138" s="30"/>
      <c r="D138" s="64"/>
      <c r="E138" s="65"/>
      <c r="F138" s="65"/>
      <c r="G138" s="65"/>
      <c r="H138" s="65"/>
      <c r="I138" s="65"/>
      <c r="J138" s="65"/>
      <c r="K138" s="65"/>
      <c r="L138" s="65"/>
      <c r="M138" s="65"/>
      <c r="N138" s="65"/>
      <c r="O138" s="65"/>
      <c r="P138" s="65"/>
      <c r="Q138" s="65"/>
      <c r="R138" s="65"/>
      <c r="S138" s="65"/>
      <c r="T138" s="65"/>
      <c r="U138" s="65"/>
      <c r="V138" s="65"/>
      <c r="W138" s="65"/>
      <c r="X138" s="65"/>
      <c r="Y138" s="65"/>
      <c r="Z138" s="65"/>
      <c r="AA138" s="65"/>
      <c r="AB138" s="65"/>
      <c r="AC138" s="65"/>
      <c r="AD138" s="65"/>
      <c r="AE138" s="65"/>
      <c r="AF138" s="65"/>
      <c r="AG138" s="65"/>
      <c r="AH138" s="65"/>
      <c r="AI138" s="65"/>
      <c r="AJ138" s="65"/>
      <c r="AK138" s="65"/>
      <c r="AL138" s="65"/>
      <c r="AM138" s="65"/>
      <c r="AN138" s="65"/>
      <c r="AO138" s="65"/>
      <c r="AP138" s="65"/>
      <c r="AQ138" s="65"/>
      <c r="AR138" s="65"/>
      <c r="AS138" s="65"/>
      <c r="AT138" s="65"/>
      <c r="AU138" s="65"/>
      <c r="AV138" s="65"/>
      <c r="AW138" s="65"/>
      <c r="AX138" s="65"/>
      <c r="AY138" s="65"/>
      <c r="AZ138" s="65"/>
      <c r="BA138" s="65"/>
      <c r="BB138" s="65"/>
      <c r="BC138" s="65"/>
      <c r="BD138" s="65"/>
    </row>
    <row r="139" spans="3:56" x14ac:dyDescent="0.2">
      <c r="C139" s="30"/>
      <c r="D139" s="64"/>
      <c r="E139" s="65"/>
      <c r="F139" s="65"/>
      <c r="G139" s="65"/>
      <c r="H139" s="65"/>
      <c r="I139" s="65"/>
      <c r="J139" s="65"/>
      <c r="K139" s="65"/>
      <c r="L139" s="65"/>
      <c r="M139" s="65"/>
      <c r="N139" s="65"/>
      <c r="O139" s="65"/>
      <c r="P139" s="65"/>
      <c r="Q139" s="65"/>
      <c r="R139" s="65"/>
      <c r="S139" s="65"/>
      <c r="T139" s="65"/>
      <c r="U139" s="65"/>
      <c r="V139" s="65"/>
      <c r="W139" s="65"/>
      <c r="X139" s="65"/>
      <c r="Y139" s="65"/>
      <c r="Z139" s="65"/>
      <c r="AA139" s="65"/>
      <c r="AB139" s="65"/>
      <c r="AC139" s="65"/>
      <c r="AD139" s="65"/>
      <c r="AE139" s="65"/>
      <c r="AF139" s="65"/>
      <c r="AG139" s="65"/>
      <c r="AH139" s="65"/>
      <c r="AI139" s="65"/>
      <c r="AJ139" s="65"/>
      <c r="AK139" s="65"/>
      <c r="AL139" s="65"/>
      <c r="AM139" s="65"/>
      <c r="AN139" s="65"/>
      <c r="AO139" s="65"/>
      <c r="AP139" s="65"/>
      <c r="AQ139" s="65"/>
      <c r="AR139" s="65"/>
      <c r="AS139" s="65"/>
      <c r="AT139" s="65"/>
      <c r="AU139" s="65"/>
      <c r="AV139" s="65"/>
      <c r="AW139" s="65"/>
      <c r="AX139" s="65"/>
      <c r="AY139" s="65"/>
      <c r="AZ139" s="65"/>
      <c r="BA139" s="65"/>
      <c r="BB139" s="65"/>
      <c r="BC139" s="65"/>
      <c r="BD139" s="65"/>
    </row>
    <row r="140" spans="3:56" x14ac:dyDescent="0.2">
      <c r="D140" s="64"/>
      <c r="E140" s="65"/>
      <c r="F140" s="65"/>
      <c r="G140" s="65"/>
      <c r="H140" s="65"/>
      <c r="I140" s="65"/>
      <c r="J140" s="65"/>
      <c r="K140" s="65"/>
      <c r="L140" s="65"/>
      <c r="M140" s="65"/>
      <c r="N140" s="65"/>
      <c r="O140" s="65"/>
      <c r="P140" s="65"/>
      <c r="Q140" s="65"/>
      <c r="R140" s="65"/>
      <c r="S140" s="65"/>
      <c r="T140" s="65"/>
      <c r="U140" s="65"/>
      <c r="V140" s="65"/>
      <c r="W140" s="65"/>
      <c r="X140" s="65"/>
      <c r="Y140" s="65"/>
      <c r="Z140" s="65"/>
      <c r="AA140" s="65"/>
      <c r="AB140" s="65"/>
      <c r="AC140" s="65"/>
      <c r="AD140" s="65"/>
      <c r="AE140" s="65"/>
      <c r="AF140" s="65"/>
      <c r="AG140" s="65"/>
      <c r="AH140" s="65"/>
      <c r="AI140" s="65"/>
      <c r="AJ140" s="65"/>
      <c r="AK140" s="65"/>
      <c r="AL140" s="65"/>
      <c r="AM140" s="65"/>
      <c r="AN140" s="65"/>
      <c r="AO140" s="65"/>
      <c r="AP140" s="65"/>
      <c r="AQ140" s="65"/>
      <c r="AR140" s="65"/>
      <c r="AS140" s="65"/>
      <c r="AT140" s="65"/>
      <c r="AU140" s="65"/>
      <c r="AV140" s="65"/>
      <c r="AW140" s="65"/>
      <c r="AX140" s="65"/>
      <c r="AY140" s="65"/>
      <c r="AZ140" s="65"/>
      <c r="BA140" s="65"/>
      <c r="BB140" s="65"/>
      <c r="BC140" s="65"/>
      <c r="BD140" s="65"/>
    </row>
    <row r="141" spans="3:56" x14ac:dyDescent="0.2">
      <c r="E141" s="65"/>
      <c r="F141" s="65"/>
      <c r="H141" s="65"/>
      <c r="J141" s="65"/>
      <c r="L141" s="65"/>
      <c r="O141" s="65"/>
    </row>
    <row r="142" spans="3:56" x14ac:dyDescent="0.2">
      <c r="E142" s="65"/>
      <c r="F142" s="65"/>
      <c r="H142" s="65"/>
    </row>
    <row r="143" spans="3:56" x14ac:dyDescent="0.2">
      <c r="E143" s="65"/>
      <c r="F143" s="65"/>
    </row>
    <row r="144" spans="3:56" x14ac:dyDescent="0.2">
      <c r="D144" s="64"/>
      <c r="E144" s="65"/>
      <c r="F144" s="65"/>
      <c r="G144" s="65"/>
      <c r="H144" s="65"/>
      <c r="I144" s="65"/>
      <c r="J144" s="65"/>
      <c r="K144" s="65"/>
      <c r="L144" s="65"/>
      <c r="M144" s="65"/>
      <c r="N144" s="65"/>
      <c r="O144" s="65"/>
      <c r="P144" s="65"/>
      <c r="Q144" s="65"/>
      <c r="R144" s="65"/>
      <c r="S144" s="65"/>
      <c r="T144" s="65"/>
      <c r="U144" s="65"/>
      <c r="V144" s="65"/>
      <c r="W144" s="65"/>
      <c r="X144" s="65"/>
      <c r="Y144" s="65"/>
      <c r="Z144" s="65"/>
      <c r="AA144" s="65"/>
      <c r="AB144" s="65"/>
      <c r="AC144" s="65"/>
      <c r="AD144" s="65"/>
      <c r="AE144" s="65"/>
      <c r="AF144" s="65"/>
      <c r="AG144" s="65"/>
      <c r="AH144" s="65"/>
      <c r="AI144" s="65"/>
      <c r="AJ144" s="65"/>
      <c r="AK144" s="65"/>
      <c r="AL144" s="136"/>
      <c r="AM144" s="65"/>
      <c r="AN144" s="65"/>
      <c r="AO144" s="65"/>
      <c r="AP144" s="65"/>
      <c r="AQ144" s="65"/>
      <c r="AR144" s="65"/>
      <c r="AS144" s="65"/>
      <c r="AT144" s="65"/>
      <c r="AU144" s="65"/>
      <c r="AV144" s="65"/>
      <c r="AW144" s="65"/>
      <c r="AX144" s="65"/>
      <c r="AY144" s="65"/>
      <c r="AZ144" s="65"/>
      <c r="BA144" s="65"/>
      <c r="BB144" s="65"/>
      <c r="BC144" s="65"/>
      <c r="BD144" s="65"/>
    </row>
    <row r="146" spans="3:14" x14ac:dyDescent="0.2">
      <c r="C146" s="138"/>
    </row>
    <row r="147" spans="3:14" x14ac:dyDescent="0.2">
      <c r="C147" s="219"/>
      <c r="D147" s="220"/>
      <c r="E147" s="220"/>
      <c r="F147" s="220"/>
      <c r="G147" s="220"/>
      <c r="H147" s="220"/>
      <c r="I147" s="220"/>
      <c r="J147" s="220"/>
      <c r="K147" s="220"/>
      <c r="L147" s="220"/>
      <c r="M147" s="220"/>
      <c r="N147" s="220"/>
    </row>
    <row r="149" spans="3:14" ht="25.5" customHeight="1" x14ac:dyDescent="0.2">
      <c r="C149" s="226"/>
      <c r="D149" s="226"/>
      <c r="E149" s="226"/>
      <c r="F149" s="226"/>
      <c r="G149" s="226"/>
      <c r="H149" s="226"/>
      <c r="I149" s="226"/>
      <c r="J149" s="226"/>
      <c r="K149" s="226"/>
    </row>
    <row r="150" spans="3:14" x14ac:dyDescent="0.2">
      <c r="C150" s="227"/>
      <c r="D150" s="227"/>
      <c r="E150" s="227"/>
      <c r="F150" s="227"/>
      <c r="G150" s="227"/>
      <c r="H150" s="227"/>
      <c r="I150" s="227"/>
      <c r="J150" s="227"/>
      <c r="K150" s="227"/>
    </row>
  </sheetData>
  <mergeCells count="3">
    <mergeCell ref="C2:AE6"/>
    <mergeCell ref="C147:N147"/>
    <mergeCell ref="C149:K150"/>
  </mergeCells>
  <pageMargins left="0.7" right="0.7" top="0.75" bottom="0.75" header="0.3" footer="0.3"/>
  <drawing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dimension ref="C2:BE156"/>
  <sheetViews>
    <sheetView topLeftCell="C37" zoomScale="82" zoomScaleNormal="82" workbookViewId="0">
      <selection activeCell="U43" sqref="U43"/>
    </sheetView>
  </sheetViews>
  <sheetFormatPr baseColWidth="10" defaultColWidth="11.42578125" defaultRowHeight="12.75" x14ac:dyDescent="0.2"/>
  <cols>
    <col min="1" max="2" width="11.42578125" style="138"/>
    <col min="3" max="3" width="25.7109375" style="138" customWidth="1"/>
    <col min="4" max="4" width="8.5703125" style="138" bestFit="1" customWidth="1"/>
    <col min="5" max="13" width="5.42578125" style="138" customWidth="1"/>
    <col min="14" max="21" width="5.42578125" style="138" bestFit="1" customWidth="1"/>
    <col min="22" max="22" width="5.7109375" style="138" customWidth="1"/>
    <col min="23" max="55" width="5.42578125" style="138" bestFit="1" customWidth="1"/>
    <col min="56" max="57" width="7.140625" style="138" customWidth="1"/>
    <col min="58" max="58" width="23.7109375" style="138" customWidth="1"/>
    <col min="59" max="16384" width="11.42578125" style="138"/>
  </cols>
  <sheetData>
    <row r="2" spans="3:57" ht="18" customHeight="1" x14ac:dyDescent="0.2">
      <c r="C2" s="228"/>
      <c r="D2" s="228"/>
      <c r="E2" s="228"/>
      <c r="F2" s="228"/>
      <c r="G2" s="228"/>
      <c r="H2" s="228"/>
      <c r="I2" s="228"/>
      <c r="J2" s="228"/>
      <c r="K2" s="228"/>
      <c r="L2" s="228"/>
      <c r="M2" s="228"/>
      <c r="N2" s="228"/>
      <c r="O2" s="228"/>
      <c r="P2" s="228"/>
      <c r="Q2" s="228"/>
      <c r="R2" s="228"/>
      <c r="S2" s="228"/>
      <c r="T2" s="228"/>
      <c r="U2" s="228"/>
      <c r="V2" s="228"/>
      <c r="W2" s="228"/>
      <c r="X2" s="228"/>
      <c r="Y2" s="228"/>
      <c r="Z2" s="228"/>
      <c r="AA2" s="228"/>
      <c r="AB2" s="228"/>
      <c r="AC2" s="228"/>
      <c r="AD2" s="228"/>
      <c r="AE2" s="228"/>
    </row>
    <row r="3" spans="3:57" ht="21" customHeight="1" x14ac:dyDescent="0.2">
      <c r="C3" s="228"/>
      <c r="D3" s="228"/>
      <c r="E3" s="228"/>
      <c r="F3" s="228"/>
      <c r="G3" s="228"/>
      <c r="H3" s="228"/>
      <c r="I3" s="228"/>
      <c r="J3" s="228"/>
      <c r="K3" s="228"/>
      <c r="L3" s="228"/>
      <c r="M3" s="228"/>
      <c r="N3" s="228"/>
      <c r="O3" s="228"/>
      <c r="P3" s="228"/>
      <c r="Q3" s="228"/>
      <c r="R3" s="228"/>
      <c r="S3" s="228"/>
      <c r="T3" s="228"/>
      <c r="U3" s="228"/>
      <c r="V3" s="228"/>
      <c r="W3" s="228"/>
      <c r="X3" s="228"/>
      <c r="Y3" s="228"/>
      <c r="Z3" s="228"/>
      <c r="AA3" s="228"/>
      <c r="AB3" s="228"/>
      <c r="AC3" s="228"/>
      <c r="AD3" s="228"/>
      <c r="AE3" s="228"/>
    </row>
    <row r="4" spans="3:57" ht="32.25" customHeight="1" x14ac:dyDescent="0.2">
      <c r="C4" s="228"/>
      <c r="D4" s="228"/>
      <c r="E4" s="228"/>
      <c r="F4" s="228"/>
      <c r="G4" s="228"/>
      <c r="H4" s="228"/>
      <c r="I4" s="228"/>
      <c r="J4" s="228"/>
      <c r="K4" s="228"/>
      <c r="L4" s="228"/>
      <c r="M4" s="228"/>
      <c r="N4" s="228"/>
      <c r="O4" s="228"/>
      <c r="P4" s="228"/>
      <c r="Q4" s="228"/>
      <c r="R4" s="228"/>
      <c r="S4" s="228"/>
      <c r="T4" s="228"/>
      <c r="U4" s="228"/>
      <c r="V4" s="228"/>
      <c r="W4" s="228"/>
      <c r="X4" s="228"/>
      <c r="Y4" s="228"/>
      <c r="Z4" s="228"/>
      <c r="AA4" s="228"/>
      <c r="AB4" s="228"/>
      <c r="AC4" s="228"/>
      <c r="AD4" s="228"/>
      <c r="AE4" s="228"/>
    </row>
    <row r="5" spans="3:57" x14ac:dyDescent="0.2">
      <c r="C5" s="228"/>
      <c r="D5" s="228"/>
      <c r="E5" s="228"/>
      <c r="F5" s="228"/>
      <c r="G5" s="228"/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28"/>
      <c r="U5" s="228"/>
      <c r="V5" s="228"/>
      <c r="W5" s="228"/>
      <c r="X5" s="228"/>
      <c r="Y5" s="228"/>
      <c r="Z5" s="228"/>
      <c r="AA5" s="228"/>
      <c r="AB5" s="228"/>
      <c r="AC5" s="228"/>
      <c r="AD5" s="228"/>
      <c r="AE5" s="228"/>
    </row>
    <row r="6" spans="3:57" ht="24.95" customHeight="1" x14ac:dyDescent="0.2">
      <c r="C6" s="228"/>
      <c r="D6" s="228"/>
      <c r="E6" s="228"/>
      <c r="F6" s="228"/>
      <c r="G6" s="228"/>
      <c r="H6" s="228"/>
      <c r="I6" s="228"/>
      <c r="J6" s="228"/>
      <c r="K6" s="228"/>
      <c r="L6" s="228"/>
      <c r="M6" s="228"/>
      <c r="N6" s="228"/>
      <c r="O6" s="228"/>
      <c r="P6" s="228"/>
      <c r="Q6" s="228"/>
      <c r="R6" s="228"/>
      <c r="S6" s="228"/>
      <c r="T6" s="228"/>
      <c r="U6" s="228"/>
      <c r="V6" s="228"/>
      <c r="W6" s="228"/>
      <c r="X6" s="228"/>
      <c r="Y6" s="228"/>
      <c r="Z6" s="228"/>
      <c r="AA6" s="228"/>
      <c r="AB6" s="228"/>
      <c r="AC6" s="228"/>
      <c r="AD6" s="228"/>
      <c r="AE6" s="228"/>
    </row>
    <row r="7" spans="3:57" ht="24.95" customHeight="1" x14ac:dyDescent="0.2">
      <c r="C7" s="154" t="s">
        <v>167</v>
      </c>
    </row>
    <row r="8" spans="3:57" x14ac:dyDescent="0.2">
      <c r="C8" s="154" t="s">
        <v>99</v>
      </c>
    </row>
    <row r="10" spans="3:57" x14ac:dyDescent="0.2">
      <c r="M10" s="155"/>
    </row>
    <row r="12" spans="3:57" ht="15" customHeight="1" x14ac:dyDescent="0.2">
      <c r="C12" s="139" t="s">
        <v>171</v>
      </c>
      <c r="E12" s="2">
        <v>2020</v>
      </c>
      <c r="F12" s="2"/>
      <c r="G12" s="2"/>
      <c r="H12" s="2"/>
      <c r="I12" s="2"/>
      <c r="J12" s="2"/>
      <c r="K12" s="2"/>
      <c r="L12" s="2"/>
      <c r="M12" s="2"/>
    </row>
    <row r="13" spans="3:57" ht="13.5" thickBot="1" x14ac:dyDescent="0.25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5" thickTop="1" x14ac:dyDescent="0.2">
      <c r="C14" s="157" t="s">
        <v>57</v>
      </c>
      <c r="D14" s="158" t="s">
        <v>58</v>
      </c>
      <c r="E14" s="144">
        <v>3.58</v>
      </c>
      <c r="F14" s="144">
        <v>3.56</v>
      </c>
      <c r="G14" s="146">
        <v>3.59</v>
      </c>
      <c r="H14" s="144">
        <v>3.65</v>
      </c>
      <c r="I14" s="144">
        <v>3.66</v>
      </c>
      <c r="J14" s="144">
        <v>3.67</v>
      </c>
      <c r="K14" s="153">
        <v>3.67</v>
      </c>
      <c r="L14" s="140">
        <v>3.68</v>
      </c>
      <c r="M14" s="146">
        <v>3.7</v>
      </c>
      <c r="N14" s="146">
        <v>3.72</v>
      </c>
      <c r="O14" s="153">
        <v>3.72</v>
      </c>
      <c r="P14" s="146">
        <v>3.71</v>
      </c>
      <c r="Q14" s="141">
        <v>3.7</v>
      </c>
      <c r="R14" s="159">
        <v>3.63</v>
      </c>
      <c r="S14" s="144">
        <v>3.58</v>
      </c>
      <c r="T14" s="141">
        <v>3.54</v>
      </c>
      <c r="U14" s="111">
        <v>3.48</v>
      </c>
      <c r="V14" s="140">
        <v>3.53</v>
      </c>
      <c r="W14" s="147">
        <v>3.47</v>
      </c>
      <c r="X14" s="140">
        <v>3.46</v>
      </c>
      <c r="Y14" s="147">
        <v>3.48</v>
      </c>
      <c r="Z14" s="147">
        <v>3.49</v>
      </c>
      <c r="AA14" s="147">
        <v>3.5282999999999998</v>
      </c>
      <c r="AB14" s="147">
        <v>3.4542999999999999</v>
      </c>
      <c r="AC14" s="111">
        <v>3.4533999999999998</v>
      </c>
      <c r="AD14" s="193">
        <v>3.4588000000000001</v>
      </c>
      <c r="AE14" s="159">
        <v>3.4217</v>
      </c>
      <c r="AF14" s="150">
        <v>3.4302999999999999</v>
      </c>
      <c r="AG14" s="144">
        <v>3.3599000000000001</v>
      </c>
      <c r="AH14" s="150">
        <v>3.3823000000000003</v>
      </c>
      <c r="AI14" s="150">
        <v>3.4374000000000002</v>
      </c>
      <c r="AJ14" s="150">
        <v>3.4115000000000002</v>
      </c>
      <c r="AK14" s="150">
        <v>3.4008999999999996</v>
      </c>
      <c r="AL14" s="150">
        <v>3.3588</v>
      </c>
      <c r="AM14" s="150">
        <v>3.3722000000000003</v>
      </c>
      <c r="AN14" s="150">
        <v>3.3160000000000003</v>
      </c>
      <c r="AO14" s="150">
        <v>3.3076999999999996</v>
      </c>
      <c r="AP14" s="150">
        <v>3.3339999999999996</v>
      </c>
      <c r="AQ14" s="151">
        <v>3.3174999999999999</v>
      </c>
      <c r="AR14" s="140">
        <v>3.3301999999999996</v>
      </c>
      <c r="AS14" s="150">
        <v>3.3580999999999999</v>
      </c>
      <c r="AT14" s="150">
        <v>3.3335000000000004</v>
      </c>
      <c r="AU14" s="150">
        <v>3.3314999999999997</v>
      </c>
      <c r="AV14" s="111">
        <v>3.3832</v>
      </c>
      <c r="AW14" s="140">
        <v>3.3816000000000002</v>
      </c>
      <c r="AX14" s="146">
        <v>3.3673000000000002</v>
      </c>
      <c r="AY14" s="144">
        <v>3.3607999999999998</v>
      </c>
      <c r="AZ14" s="150">
        <v>3.3824000000000001</v>
      </c>
      <c r="BA14" s="144">
        <v>3.3875999999999999</v>
      </c>
      <c r="BB14" s="150">
        <v>3.3807999999999998</v>
      </c>
      <c r="BC14" s="150">
        <v>3.4232</v>
      </c>
      <c r="BD14" s="150">
        <v>3.4750000000000001</v>
      </c>
      <c r="BE14" s="111">
        <v>3.4861</v>
      </c>
    </row>
    <row r="15" spans="3:57" x14ac:dyDescent="0.2">
      <c r="C15" s="157" t="s">
        <v>59</v>
      </c>
      <c r="D15" s="158" t="s">
        <v>58</v>
      </c>
      <c r="E15" s="111">
        <v>6.69</v>
      </c>
      <c r="F15" s="111">
        <v>6.58</v>
      </c>
      <c r="G15" s="146">
        <v>6.51</v>
      </c>
      <c r="H15" s="111">
        <v>6.43</v>
      </c>
      <c r="I15" s="111">
        <v>6.25</v>
      </c>
      <c r="J15" s="111">
        <v>6.17</v>
      </c>
      <c r="K15" s="153">
        <v>6.17</v>
      </c>
      <c r="L15" s="140">
        <v>6.17</v>
      </c>
      <c r="M15" s="146">
        <v>6.19</v>
      </c>
      <c r="N15" s="146">
        <v>6.33</v>
      </c>
      <c r="O15" s="153">
        <v>6.44</v>
      </c>
      <c r="P15" s="146">
        <v>6.45</v>
      </c>
      <c r="Q15" s="142">
        <v>6.45</v>
      </c>
      <c r="R15" s="160">
        <v>6.33</v>
      </c>
      <c r="S15" s="144">
        <v>6.25</v>
      </c>
      <c r="T15" s="142">
        <v>5.58</v>
      </c>
      <c r="U15" s="111">
        <v>5.48</v>
      </c>
      <c r="V15" s="140">
        <v>5.49</v>
      </c>
      <c r="W15" s="148">
        <v>5.21</v>
      </c>
      <c r="X15" s="140">
        <v>5.2</v>
      </c>
      <c r="Y15" s="148">
        <v>5.27</v>
      </c>
      <c r="Z15" s="148">
        <v>5.45</v>
      </c>
      <c r="AA15" s="148">
        <v>5.5171999999999999</v>
      </c>
      <c r="AB15" s="148">
        <v>5.7309999999999999</v>
      </c>
      <c r="AC15" s="111">
        <v>5.9815999999999994</v>
      </c>
      <c r="AD15" s="193">
        <v>6.1294000000000004</v>
      </c>
      <c r="AE15" s="160">
        <v>6.3673000000000002</v>
      </c>
      <c r="AF15" s="150">
        <v>6.4173999999999998</v>
      </c>
      <c r="AG15" s="111">
        <v>6.4415999999999993</v>
      </c>
      <c r="AH15" s="150">
        <v>6.4177999999999997</v>
      </c>
      <c r="AI15" s="150">
        <v>6.4192</v>
      </c>
      <c r="AJ15" s="150">
        <v>6.4176000000000002</v>
      </c>
      <c r="AK15" s="150">
        <v>6.3921000000000001</v>
      </c>
      <c r="AL15" s="150">
        <v>6.3921000000000001</v>
      </c>
      <c r="AM15" s="150">
        <v>6.3921000000000001</v>
      </c>
      <c r="AN15" s="150">
        <v>6.3927999999999994</v>
      </c>
      <c r="AO15" s="150">
        <v>6.3854999999999995</v>
      </c>
      <c r="AP15" s="150">
        <v>6.3109999999999999</v>
      </c>
      <c r="AQ15" s="151">
        <v>6.3109999999999999</v>
      </c>
      <c r="AR15" s="140">
        <v>6.3179999999999996</v>
      </c>
      <c r="AS15" s="150">
        <v>6.3179999999999996</v>
      </c>
      <c r="AT15" s="150">
        <v>6.3178999999999998</v>
      </c>
      <c r="AU15" s="150">
        <v>6.3178999999999998</v>
      </c>
      <c r="AV15" s="111">
        <v>6.3178999999999998</v>
      </c>
      <c r="AW15" s="151">
        <v>6.3178999999999998</v>
      </c>
      <c r="AX15" s="146">
        <v>6.3178999999999998</v>
      </c>
      <c r="AY15" s="111">
        <v>6.3186</v>
      </c>
      <c r="AZ15" s="150">
        <v>6.3186</v>
      </c>
      <c r="BA15" s="111">
        <v>6.4146000000000001</v>
      </c>
      <c r="BB15" s="150">
        <v>6.5138999999999996</v>
      </c>
      <c r="BC15" s="150">
        <v>6.5185000000000004</v>
      </c>
      <c r="BD15" s="150">
        <v>6.5185000000000004</v>
      </c>
      <c r="BE15" s="111">
        <v>6.5185000000000004</v>
      </c>
    </row>
    <row r="16" spans="3:57" x14ac:dyDescent="0.2">
      <c r="C16" s="157" t="s">
        <v>60</v>
      </c>
      <c r="D16" s="158" t="s">
        <v>58</v>
      </c>
      <c r="E16" s="111">
        <v>1.83</v>
      </c>
      <c r="F16" s="111">
        <v>1.81</v>
      </c>
      <c r="G16" s="146">
        <v>1.8</v>
      </c>
      <c r="H16" s="111">
        <v>1.76</v>
      </c>
      <c r="I16" s="111">
        <v>1.76</v>
      </c>
      <c r="J16" s="111">
        <v>1.76</v>
      </c>
      <c r="K16" s="153">
        <v>1.78</v>
      </c>
      <c r="L16" s="140">
        <v>1.8</v>
      </c>
      <c r="M16" s="146">
        <v>1.84</v>
      </c>
      <c r="N16" s="146">
        <v>1.88</v>
      </c>
      <c r="O16" s="153">
        <v>1.91</v>
      </c>
      <c r="P16" s="146">
        <v>1.92</v>
      </c>
      <c r="Q16" s="142">
        <v>1.88</v>
      </c>
      <c r="R16" s="160">
        <v>1.86</v>
      </c>
      <c r="S16" s="144">
        <v>1.86</v>
      </c>
      <c r="T16" s="142">
        <v>1.81</v>
      </c>
      <c r="U16" s="111">
        <v>1.79</v>
      </c>
      <c r="V16" s="140">
        <v>1.74</v>
      </c>
      <c r="W16" s="148">
        <v>1.68</v>
      </c>
      <c r="X16" s="140">
        <v>1.62</v>
      </c>
      <c r="Y16" s="148">
        <v>1.59</v>
      </c>
      <c r="Z16" s="148">
        <v>1.55</v>
      </c>
      <c r="AA16" s="148">
        <v>1.5607</v>
      </c>
      <c r="AB16" s="148">
        <v>1.5683</v>
      </c>
      <c r="AC16" s="111">
        <v>1.5869</v>
      </c>
      <c r="AD16" s="193">
        <v>1.6133000000000002</v>
      </c>
      <c r="AE16" s="160">
        <v>1.6180000000000001</v>
      </c>
      <c r="AF16" s="150">
        <v>1.6153999999999999</v>
      </c>
      <c r="AG16" s="111">
        <v>1.6158000000000001</v>
      </c>
      <c r="AH16" s="150">
        <v>1.5928</v>
      </c>
      <c r="AI16" s="150">
        <v>1.5381</v>
      </c>
      <c r="AJ16" s="150">
        <v>1.5785</v>
      </c>
      <c r="AK16" s="150">
        <v>1.5985</v>
      </c>
      <c r="AL16" s="150">
        <v>1.5933999999999999</v>
      </c>
      <c r="AM16" s="150">
        <v>1.5918999999999999</v>
      </c>
      <c r="AN16" s="150">
        <v>1.5837999999999999</v>
      </c>
      <c r="AO16" s="150">
        <v>1.5808000000000002</v>
      </c>
      <c r="AP16" s="150">
        <v>1.5822000000000001</v>
      </c>
      <c r="AQ16" s="151">
        <v>1.5831999999999999</v>
      </c>
      <c r="AR16" s="140">
        <v>1.571</v>
      </c>
      <c r="AS16" s="150">
        <v>1.5612000000000001</v>
      </c>
      <c r="AT16" s="150">
        <v>1.5815000000000001</v>
      </c>
      <c r="AU16" s="150">
        <v>1.5713999999999999</v>
      </c>
      <c r="AV16" s="111">
        <v>1.5625</v>
      </c>
      <c r="AW16" s="151">
        <v>1.5452000000000001</v>
      </c>
      <c r="AX16" s="146">
        <v>1.5186000000000002</v>
      </c>
      <c r="AY16" s="111">
        <v>1.4805999999999999</v>
      </c>
      <c r="AZ16" s="150">
        <v>1.4386000000000001</v>
      </c>
      <c r="BA16" s="111">
        <v>1.4144999999999999</v>
      </c>
      <c r="BB16" s="150">
        <v>1.3603999999999998</v>
      </c>
      <c r="BC16" s="150">
        <v>1.3531</v>
      </c>
      <c r="BD16" s="150">
        <v>1.3583000000000001</v>
      </c>
      <c r="BE16" s="111">
        <v>1.3559999999999999</v>
      </c>
    </row>
    <row r="17" spans="3:57" x14ac:dyDescent="0.2">
      <c r="C17" s="157" t="s">
        <v>61</v>
      </c>
      <c r="D17" s="158" t="s">
        <v>58</v>
      </c>
      <c r="E17" s="111">
        <v>1.53</v>
      </c>
      <c r="F17" s="111">
        <v>1.54</v>
      </c>
      <c r="G17" s="146">
        <v>1.64</v>
      </c>
      <c r="H17" s="111">
        <v>1.68</v>
      </c>
      <c r="I17" s="111">
        <v>1.77</v>
      </c>
      <c r="J17" s="111">
        <v>1.82</v>
      </c>
      <c r="K17" s="153">
        <v>1.87</v>
      </c>
      <c r="L17" s="140">
        <v>1.83</v>
      </c>
      <c r="M17" s="146">
        <v>1.83</v>
      </c>
      <c r="N17" s="146">
        <v>1.83</v>
      </c>
      <c r="O17" s="153">
        <v>1.83</v>
      </c>
      <c r="P17" s="146">
        <v>1.83</v>
      </c>
      <c r="Q17" s="142">
        <v>1.81</v>
      </c>
      <c r="R17" s="160">
        <v>1.64</v>
      </c>
      <c r="S17" s="144">
        <v>1.58</v>
      </c>
      <c r="T17" s="142">
        <v>1.58</v>
      </c>
      <c r="U17" s="111">
        <v>1.5</v>
      </c>
      <c r="V17" s="140">
        <v>1.4</v>
      </c>
      <c r="W17" s="148">
        <v>1.26</v>
      </c>
      <c r="X17" s="140">
        <v>1.26</v>
      </c>
      <c r="Y17" s="148">
        <v>1.26</v>
      </c>
      <c r="Z17" s="148">
        <v>1.28</v>
      </c>
      <c r="AA17" s="148">
        <v>1.3250999999999999</v>
      </c>
      <c r="AB17" s="148">
        <v>1.3280000000000001</v>
      </c>
      <c r="AC17" s="111">
        <v>1.3280000000000001</v>
      </c>
      <c r="AD17" s="111">
        <v>1.3280000000000001</v>
      </c>
      <c r="AE17" s="160">
        <v>1.3961000000000001</v>
      </c>
      <c r="AF17" s="150">
        <v>1.5274000000000001</v>
      </c>
      <c r="AG17" s="111">
        <v>1.6287</v>
      </c>
      <c r="AH17" s="150">
        <v>1.6287</v>
      </c>
      <c r="AI17" s="150">
        <v>1.7298</v>
      </c>
      <c r="AJ17" s="150">
        <v>1.7521</v>
      </c>
      <c r="AK17" s="150">
        <v>1.7521</v>
      </c>
      <c r="AL17" s="150">
        <v>1.7521</v>
      </c>
      <c r="AM17" s="150">
        <v>1.7521</v>
      </c>
      <c r="AN17" s="150">
        <v>1.7109000000000001</v>
      </c>
      <c r="AO17" s="150">
        <v>1.645</v>
      </c>
      <c r="AP17" s="150">
        <v>1.645</v>
      </c>
      <c r="AQ17" s="151">
        <v>1.5911999999999999</v>
      </c>
      <c r="AR17" s="140">
        <v>1.5327999999999999</v>
      </c>
      <c r="AS17" s="150">
        <v>1.5223</v>
      </c>
      <c r="AT17" s="150">
        <v>1.5223</v>
      </c>
      <c r="AU17" s="150">
        <v>1.4496</v>
      </c>
      <c r="AV17" s="111">
        <v>1.4496</v>
      </c>
      <c r="AW17" s="151">
        <v>1.4496</v>
      </c>
      <c r="AX17" s="146">
        <v>1.423</v>
      </c>
      <c r="AY17" s="111">
        <v>1.3480000000000001</v>
      </c>
      <c r="AZ17" s="150">
        <v>1.2931999999999999</v>
      </c>
      <c r="BA17" s="111">
        <v>1.2931999999999999</v>
      </c>
      <c r="BB17" s="111">
        <v>1.2931999999999999</v>
      </c>
      <c r="BC17" s="150">
        <v>1.2931999999999999</v>
      </c>
      <c r="BD17" s="150">
        <v>1.2931999999999999</v>
      </c>
      <c r="BE17" s="111">
        <v>1.2931999999999999</v>
      </c>
    </row>
    <row r="18" spans="3:57" x14ac:dyDescent="0.2">
      <c r="C18" s="157" t="s">
        <v>62</v>
      </c>
      <c r="D18" s="158" t="s">
        <v>58</v>
      </c>
      <c r="E18" s="111">
        <v>3.41</v>
      </c>
      <c r="F18" s="111">
        <v>3.18</v>
      </c>
      <c r="G18" s="146">
        <v>3.13</v>
      </c>
      <c r="H18" s="111">
        <v>3.12</v>
      </c>
      <c r="I18" s="111">
        <v>3.12</v>
      </c>
      <c r="J18" s="144">
        <v>3.19</v>
      </c>
      <c r="K18" s="153">
        <v>3.21</v>
      </c>
      <c r="L18" s="140">
        <v>3.21</v>
      </c>
      <c r="M18" s="146">
        <v>3.21</v>
      </c>
      <c r="N18" s="146">
        <v>3.22</v>
      </c>
      <c r="O18" s="153">
        <v>3.46</v>
      </c>
      <c r="P18" s="146">
        <v>3.48</v>
      </c>
      <c r="Q18" s="142">
        <v>3.48</v>
      </c>
      <c r="R18" s="160">
        <v>3.66</v>
      </c>
      <c r="S18" s="144">
        <v>3.66</v>
      </c>
      <c r="T18" s="142">
        <v>3.51</v>
      </c>
      <c r="U18" s="111">
        <v>3.51</v>
      </c>
      <c r="V18" s="140">
        <v>3.35</v>
      </c>
      <c r="W18" s="148">
        <v>3.31</v>
      </c>
      <c r="X18" s="140">
        <v>3.13</v>
      </c>
      <c r="Y18" s="148">
        <v>3.11</v>
      </c>
      <c r="Z18" s="148">
        <v>3.11</v>
      </c>
      <c r="AA18" s="148">
        <v>3.1001851851851852</v>
      </c>
      <c r="AB18" s="148">
        <v>3.2518518518518515</v>
      </c>
      <c r="AC18" s="111">
        <v>3.2807407407407405</v>
      </c>
      <c r="AD18" s="144">
        <v>3.2807407407407405</v>
      </c>
      <c r="AE18" s="160">
        <v>3.2807407407407405</v>
      </c>
      <c r="AF18" s="150">
        <v>3.2807407407407405</v>
      </c>
      <c r="AG18" s="144">
        <v>3.2807407407407405</v>
      </c>
      <c r="AH18" s="150">
        <v>3.2807407407407405</v>
      </c>
      <c r="AI18" s="150">
        <v>3.2807407407407405</v>
      </c>
      <c r="AJ18" s="150">
        <v>3.2807407407407405</v>
      </c>
      <c r="AK18" s="150">
        <v>3.2807407407407405</v>
      </c>
      <c r="AL18" s="150">
        <v>3.2711111111111109</v>
      </c>
      <c r="AM18" s="150">
        <v>3.2711111111111109</v>
      </c>
      <c r="AN18" s="150">
        <v>3.2711111111111109</v>
      </c>
      <c r="AO18" s="150">
        <v>3.287962962962963</v>
      </c>
      <c r="AP18" s="150">
        <v>3.4542592592592594</v>
      </c>
      <c r="AQ18" s="151">
        <v>3.4883333333333333</v>
      </c>
      <c r="AR18" s="140">
        <v>3.7287037037037036</v>
      </c>
      <c r="AS18" s="150">
        <v>3.7690740740740742</v>
      </c>
      <c r="AT18" s="150">
        <v>3.9901851851851853</v>
      </c>
      <c r="AU18" s="150">
        <v>4.0518518518518523</v>
      </c>
      <c r="AV18" s="111">
        <v>4.0720370370370365</v>
      </c>
      <c r="AW18" s="152">
        <v>4.2248148148148141</v>
      </c>
      <c r="AX18" s="146">
        <v>4.2387037037037034</v>
      </c>
      <c r="AY18" s="144">
        <v>4.2483333333333331</v>
      </c>
      <c r="AZ18" s="150">
        <v>4.2483333333333331</v>
      </c>
      <c r="BA18" s="144">
        <v>4.0966666666666667</v>
      </c>
      <c r="BB18" s="111">
        <v>3.7629629629629626</v>
      </c>
      <c r="BC18" s="150">
        <v>3.4724074074074074</v>
      </c>
      <c r="BD18" s="150">
        <v>3.4242592592592591</v>
      </c>
      <c r="BE18" s="111">
        <v>3.4242592592592591</v>
      </c>
    </row>
    <row r="19" spans="3:57" x14ac:dyDescent="0.2">
      <c r="C19" s="157" t="s">
        <v>75</v>
      </c>
      <c r="D19" s="158" t="s">
        <v>76</v>
      </c>
      <c r="E19" s="111">
        <v>0.73</v>
      </c>
      <c r="F19" s="111">
        <v>0.68</v>
      </c>
      <c r="G19" s="146">
        <v>0.64</v>
      </c>
      <c r="H19" s="111">
        <v>0.64</v>
      </c>
      <c r="I19" s="111">
        <v>0.64</v>
      </c>
      <c r="J19" s="111">
        <v>0.65</v>
      </c>
      <c r="K19" s="153">
        <v>0.68</v>
      </c>
      <c r="L19" s="140">
        <v>0.69</v>
      </c>
      <c r="M19" s="146">
        <v>0.72</v>
      </c>
      <c r="N19" s="146">
        <v>0.73</v>
      </c>
      <c r="O19" s="153">
        <v>0.74</v>
      </c>
      <c r="P19" s="146">
        <v>0.77</v>
      </c>
      <c r="Q19" s="142">
        <v>0.77</v>
      </c>
      <c r="R19" s="160">
        <v>0.74</v>
      </c>
      <c r="S19" s="144">
        <v>0.74</v>
      </c>
      <c r="T19" s="142">
        <v>0.71</v>
      </c>
      <c r="U19" s="111">
        <v>0.72</v>
      </c>
      <c r="V19" s="140">
        <v>0.72</v>
      </c>
      <c r="W19" s="148">
        <v>0.73</v>
      </c>
      <c r="X19" s="140">
        <v>0.7</v>
      </c>
      <c r="Y19" s="148">
        <v>0.67</v>
      </c>
      <c r="Z19" s="148">
        <v>0.66</v>
      </c>
      <c r="AA19" s="148">
        <v>0.66</v>
      </c>
      <c r="AB19" s="148">
        <v>0.6</v>
      </c>
      <c r="AC19" s="111">
        <v>0.59</v>
      </c>
      <c r="AD19" s="144">
        <v>0.57999999999999996</v>
      </c>
      <c r="AE19" s="160">
        <v>0.57999999999999996</v>
      </c>
      <c r="AF19" s="150">
        <v>0.57999999999999996</v>
      </c>
      <c r="AG19" s="144">
        <v>0.57999999999999996</v>
      </c>
      <c r="AH19" s="150">
        <v>0.56999999999999995</v>
      </c>
      <c r="AI19" s="150">
        <v>0.56999999999999995</v>
      </c>
      <c r="AJ19" s="150">
        <v>0.56999999999999995</v>
      </c>
      <c r="AK19" s="150">
        <v>0.57999999999999996</v>
      </c>
      <c r="AL19" s="150">
        <v>0.57999999999999996</v>
      </c>
      <c r="AM19" s="150">
        <v>0.57999999999999996</v>
      </c>
      <c r="AN19" s="150">
        <v>0.6</v>
      </c>
      <c r="AO19" s="150">
        <v>0.61</v>
      </c>
      <c r="AP19" s="150">
        <v>0.65</v>
      </c>
      <c r="AQ19" s="151">
        <v>0.62</v>
      </c>
      <c r="AR19" s="140">
        <v>0.61</v>
      </c>
      <c r="AS19" s="150">
        <v>0.62</v>
      </c>
      <c r="AT19" s="150">
        <v>0.61</v>
      </c>
      <c r="AU19" s="150">
        <v>0.62</v>
      </c>
      <c r="AV19" s="111">
        <v>0.64</v>
      </c>
      <c r="AW19" s="152">
        <v>0.63</v>
      </c>
      <c r="AX19" s="146">
        <v>0.63</v>
      </c>
      <c r="AY19" s="144">
        <v>0.62</v>
      </c>
      <c r="AZ19" s="150">
        <v>0.61</v>
      </c>
      <c r="BA19" s="144">
        <v>0.6</v>
      </c>
      <c r="BB19" s="111">
        <v>0.61</v>
      </c>
      <c r="BC19" s="150">
        <v>0.62</v>
      </c>
      <c r="BD19" s="150">
        <v>0.62</v>
      </c>
      <c r="BE19" s="111">
        <v>0.62</v>
      </c>
    </row>
    <row r="20" spans="3:57" x14ac:dyDescent="0.2">
      <c r="C20" s="157" t="s">
        <v>63</v>
      </c>
      <c r="D20" s="158" t="s">
        <v>58</v>
      </c>
      <c r="E20" s="161">
        <v>9.9216266160974929</v>
      </c>
      <c r="F20" s="161">
        <v>6.99</v>
      </c>
      <c r="G20" s="161">
        <v>5.57</v>
      </c>
      <c r="H20" s="161">
        <v>4.9000000000000004</v>
      </c>
      <c r="I20" s="161">
        <v>3.8</v>
      </c>
      <c r="J20" s="111">
        <v>3.93</v>
      </c>
      <c r="K20" s="153">
        <v>3.61</v>
      </c>
      <c r="L20" s="140">
        <v>3.04</v>
      </c>
      <c r="M20" s="146">
        <v>3.1</v>
      </c>
      <c r="N20" s="146">
        <v>4.5999999999999996</v>
      </c>
      <c r="O20" s="153">
        <v>3.99</v>
      </c>
      <c r="P20" s="146">
        <v>3.13</v>
      </c>
      <c r="Q20" s="111">
        <v>1.79</v>
      </c>
      <c r="R20" s="111">
        <v>2.5</v>
      </c>
      <c r="S20" s="144">
        <v>4.03</v>
      </c>
      <c r="T20" s="111">
        <v>4.18</v>
      </c>
      <c r="U20" s="111">
        <v>3.74</v>
      </c>
      <c r="V20" s="140">
        <v>2.39</v>
      </c>
      <c r="W20" s="151">
        <v>2.61</v>
      </c>
      <c r="X20" s="140">
        <v>3.18</v>
      </c>
      <c r="Y20" s="148">
        <v>3.48</v>
      </c>
      <c r="Z20" s="151">
        <v>3.05</v>
      </c>
      <c r="AA20" s="151">
        <v>3.01</v>
      </c>
      <c r="AB20" s="111">
        <v>4.0599999999999996</v>
      </c>
      <c r="AC20" s="111">
        <v>4.92</v>
      </c>
      <c r="AD20" s="111">
        <v>4.37</v>
      </c>
      <c r="AE20" s="111">
        <v>4.49</v>
      </c>
      <c r="AF20" s="111">
        <v>4.37</v>
      </c>
      <c r="AG20" s="111">
        <v>5.45</v>
      </c>
      <c r="AH20" s="111">
        <v>4.78</v>
      </c>
      <c r="AI20" s="111">
        <v>4.38</v>
      </c>
      <c r="AJ20" s="111">
        <v>4.33</v>
      </c>
      <c r="AK20" s="111" t="s">
        <v>90</v>
      </c>
      <c r="AL20" s="111">
        <v>4.38</v>
      </c>
      <c r="AM20" s="111">
        <v>5.31</v>
      </c>
      <c r="AN20" s="111">
        <v>5.45</v>
      </c>
      <c r="AO20" s="111">
        <v>7.21</v>
      </c>
      <c r="AP20" s="111">
        <v>6.68</v>
      </c>
      <c r="AQ20" s="151">
        <v>4.84</v>
      </c>
      <c r="AR20" s="140">
        <v>5.88</v>
      </c>
      <c r="AS20" s="111">
        <v>4.03</v>
      </c>
      <c r="AT20" s="111">
        <v>5.77</v>
      </c>
      <c r="AU20" s="111">
        <v>3.73</v>
      </c>
      <c r="AV20" s="111">
        <v>4.47</v>
      </c>
      <c r="AW20" s="151">
        <v>5.29</v>
      </c>
      <c r="AX20" s="146">
        <v>5.4</v>
      </c>
      <c r="AY20" s="111">
        <v>5.16</v>
      </c>
      <c r="AZ20" s="111">
        <v>5.47</v>
      </c>
      <c r="BA20" s="111">
        <v>5.16</v>
      </c>
      <c r="BB20" s="111">
        <v>6.19</v>
      </c>
      <c r="BC20" s="111">
        <v>7.75</v>
      </c>
      <c r="BD20" s="111">
        <v>8.41</v>
      </c>
      <c r="BE20" s="111">
        <v>9</v>
      </c>
    </row>
    <row r="21" spans="3:57" x14ac:dyDescent="0.2">
      <c r="C21" s="157" t="s">
        <v>64</v>
      </c>
      <c r="D21" s="158" t="s">
        <v>58</v>
      </c>
      <c r="E21" s="161">
        <v>6.6868370578130891</v>
      </c>
      <c r="F21" s="161">
        <v>6.18</v>
      </c>
      <c r="G21" s="161">
        <v>5.26</v>
      </c>
      <c r="H21" s="161">
        <v>4.79</v>
      </c>
      <c r="I21" s="161">
        <v>3.24</v>
      </c>
      <c r="J21" s="111">
        <v>3.53</v>
      </c>
      <c r="K21" s="153">
        <v>3.59</v>
      </c>
      <c r="L21" s="140">
        <v>4.01</v>
      </c>
      <c r="M21" s="146">
        <v>3.57</v>
      </c>
      <c r="N21" s="146">
        <v>4.9400000000000004</v>
      </c>
      <c r="O21" s="153">
        <v>5.13</v>
      </c>
      <c r="P21" s="146">
        <v>4.08</v>
      </c>
      <c r="Q21" s="111">
        <v>2.7</v>
      </c>
      <c r="R21" s="111">
        <v>3.18</v>
      </c>
      <c r="S21" s="144">
        <v>5.74</v>
      </c>
      <c r="T21" s="111">
        <v>4.03</v>
      </c>
      <c r="U21" s="111">
        <v>3.76</v>
      </c>
      <c r="V21" s="140">
        <v>2.42</v>
      </c>
      <c r="W21" s="151">
        <v>3.03</v>
      </c>
      <c r="X21" s="140">
        <v>2.95</v>
      </c>
      <c r="Y21" s="148">
        <v>3.11</v>
      </c>
      <c r="Z21" s="151">
        <v>3.38</v>
      </c>
      <c r="AA21" s="151">
        <v>3.11</v>
      </c>
      <c r="AB21" s="111">
        <v>3.38</v>
      </c>
      <c r="AC21" s="111">
        <v>3.62</v>
      </c>
      <c r="AD21" s="111">
        <v>2.73</v>
      </c>
      <c r="AE21" s="111">
        <v>3.49</v>
      </c>
      <c r="AF21" s="111">
        <v>3.34</v>
      </c>
      <c r="AG21" s="111">
        <v>4.87</v>
      </c>
      <c r="AH21" s="111">
        <v>4.43</v>
      </c>
      <c r="AI21" s="111">
        <v>3.83</v>
      </c>
      <c r="AJ21" s="111">
        <v>3.2</v>
      </c>
      <c r="AK21" s="111">
        <v>3.67</v>
      </c>
      <c r="AL21" s="111">
        <v>4.01</v>
      </c>
      <c r="AM21" s="111">
        <v>4.53</v>
      </c>
      <c r="AN21" s="111">
        <v>5.32</v>
      </c>
      <c r="AO21" s="111">
        <v>4.6500000000000004</v>
      </c>
      <c r="AP21" s="111">
        <v>4.0599999999999996</v>
      </c>
      <c r="AQ21" s="151">
        <v>3.71</v>
      </c>
      <c r="AR21" s="140">
        <v>3.85</v>
      </c>
      <c r="AS21" s="111">
        <v>3.77</v>
      </c>
      <c r="AT21" s="111">
        <v>3.73</v>
      </c>
      <c r="AU21" s="111">
        <v>2.88</v>
      </c>
      <c r="AV21" s="111">
        <v>3.65</v>
      </c>
      <c r="AW21" s="151">
        <v>3.88</v>
      </c>
      <c r="AX21" s="146">
        <v>4.54</v>
      </c>
      <c r="AY21" s="111">
        <v>4.08</v>
      </c>
      <c r="AZ21" s="111">
        <v>3.95</v>
      </c>
      <c r="BA21" s="111">
        <v>4.09</v>
      </c>
      <c r="BB21" s="111">
        <v>4.47</v>
      </c>
      <c r="BC21" s="111">
        <v>5.28</v>
      </c>
      <c r="BD21" s="111">
        <v>4.5</v>
      </c>
      <c r="BE21" s="111">
        <v>6.42</v>
      </c>
    </row>
    <row r="22" spans="3:57" x14ac:dyDescent="0.2">
      <c r="C22" s="157" t="s">
        <v>65</v>
      </c>
      <c r="D22" s="158" t="s">
        <v>58</v>
      </c>
      <c r="E22" s="161">
        <v>2.5413157230479992</v>
      </c>
      <c r="F22" s="161">
        <v>2.0299999999999998</v>
      </c>
      <c r="G22" s="161">
        <v>1.34</v>
      </c>
      <c r="H22" s="161">
        <v>0.85</v>
      </c>
      <c r="I22" s="161">
        <v>1.07</v>
      </c>
      <c r="J22" s="111">
        <v>0.66</v>
      </c>
      <c r="K22" s="153">
        <v>0.79</v>
      </c>
      <c r="L22" s="140">
        <v>0.79</v>
      </c>
      <c r="M22" s="146">
        <v>1.01</v>
      </c>
      <c r="N22" s="146">
        <v>1.19</v>
      </c>
      <c r="O22" s="153">
        <v>2.0499999999999998</v>
      </c>
      <c r="P22" s="146">
        <v>2.2599999999999998</v>
      </c>
      <c r="Q22" s="111" t="s">
        <v>90</v>
      </c>
      <c r="R22" s="111">
        <v>4.74</v>
      </c>
      <c r="S22" s="144">
        <v>4.1100000000000003</v>
      </c>
      <c r="T22" s="111">
        <v>3.45</v>
      </c>
      <c r="U22" s="111">
        <v>2.0299999999999998</v>
      </c>
      <c r="V22" s="140">
        <v>2.77</v>
      </c>
      <c r="W22" s="151">
        <v>1.76</v>
      </c>
      <c r="X22" s="140">
        <v>1.94</v>
      </c>
      <c r="Y22" s="148">
        <v>1.9</v>
      </c>
      <c r="Z22" s="151">
        <v>2.0499999999999998</v>
      </c>
      <c r="AA22" s="151">
        <v>1.2</v>
      </c>
      <c r="AB22" s="111">
        <v>1.88</v>
      </c>
      <c r="AC22" s="111">
        <v>1.35</v>
      </c>
      <c r="AD22" s="111">
        <v>1.93</v>
      </c>
      <c r="AE22" s="111">
        <v>1.6</v>
      </c>
      <c r="AF22" s="111">
        <v>1.96</v>
      </c>
      <c r="AG22" s="111">
        <v>1.93</v>
      </c>
      <c r="AH22" s="111">
        <v>2.2000000000000002</v>
      </c>
      <c r="AI22" s="111">
        <v>2.09</v>
      </c>
      <c r="AJ22" s="111">
        <v>2.5099999999999998</v>
      </c>
      <c r="AK22" s="111">
        <v>2.2000000000000002</v>
      </c>
      <c r="AL22" s="111">
        <v>2.2000000000000002</v>
      </c>
      <c r="AM22" s="111">
        <v>1.62</v>
      </c>
      <c r="AN22" s="111">
        <v>1.44</v>
      </c>
      <c r="AO22" s="111">
        <v>1.34</v>
      </c>
      <c r="AP22" s="111">
        <v>1.44</v>
      </c>
      <c r="AQ22" s="151">
        <v>1.4</v>
      </c>
      <c r="AR22" s="140">
        <v>1.32</v>
      </c>
      <c r="AS22" s="111">
        <v>1.49</v>
      </c>
      <c r="AT22" s="111">
        <v>1.25</v>
      </c>
      <c r="AU22" s="111">
        <v>1.04</v>
      </c>
      <c r="AV22" s="111">
        <v>1.02</v>
      </c>
      <c r="AW22" s="151">
        <v>0.66</v>
      </c>
      <c r="AX22" s="146">
        <v>0.66</v>
      </c>
      <c r="AY22" s="111">
        <v>0.66</v>
      </c>
      <c r="AZ22" s="111">
        <v>0.69</v>
      </c>
      <c r="BA22" s="111">
        <v>0.94</v>
      </c>
      <c r="BB22" s="111">
        <v>2.84</v>
      </c>
      <c r="BC22" s="111">
        <v>0.93</v>
      </c>
      <c r="BD22" s="111">
        <v>2.83</v>
      </c>
      <c r="BE22" s="111">
        <v>1.84</v>
      </c>
    </row>
    <row r="23" spans="3:57" x14ac:dyDescent="0.2">
      <c r="C23" s="157" t="s">
        <v>66</v>
      </c>
      <c r="D23" s="158" t="s">
        <v>58</v>
      </c>
      <c r="E23" s="153">
        <v>3.4293915040183705</v>
      </c>
      <c r="F23" s="161">
        <v>2.56</v>
      </c>
      <c r="G23" s="161">
        <v>3.56</v>
      </c>
      <c r="H23" s="161">
        <v>5.33</v>
      </c>
      <c r="I23" s="161">
        <v>4.6399999999999997</v>
      </c>
      <c r="J23" s="111">
        <v>2.19</v>
      </c>
      <c r="K23" s="153">
        <v>2.64</v>
      </c>
      <c r="L23" s="140">
        <v>2.71</v>
      </c>
      <c r="M23" s="146">
        <v>1.96</v>
      </c>
      <c r="N23" s="146">
        <v>2.61</v>
      </c>
      <c r="O23" s="153">
        <v>1.84</v>
      </c>
      <c r="P23" s="146">
        <v>3.63</v>
      </c>
      <c r="Q23" s="144">
        <v>4.12</v>
      </c>
      <c r="R23" s="144">
        <v>2.76</v>
      </c>
      <c r="S23" s="144">
        <v>4.5999999999999996</v>
      </c>
      <c r="T23" s="144">
        <v>3.22</v>
      </c>
      <c r="U23" s="144">
        <v>1.0900000000000001</v>
      </c>
      <c r="V23" s="140">
        <v>1.1499999999999999</v>
      </c>
      <c r="W23" s="152">
        <v>1.4</v>
      </c>
      <c r="X23" s="140">
        <v>1.24</v>
      </c>
      <c r="Y23" s="148">
        <v>1.57</v>
      </c>
      <c r="Z23" s="152">
        <v>1.49</v>
      </c>
      <c r="AA23" s="152">
        <v>2.74</v>
      </c>
      <c r="AB23" s="144">
        <v>2.09</v>
      </c>
      <c r="AC23" s="144">
        <v>1.49</v>
      </c>
      <c r="AD23" s="144">
        <v>1.32</v>
      </c>
      <c r="AE23" s="144">
        <v>1.77</v>
      </c>
      <c r="AF23" s="111">
        <v>1.66</v>
      </c>
      <c r="AG23" s="144">
        <v>1.72</v>
      </c>
      <c r="AH23" s="144">
        <v>1.47</v>
      </c>
      <c r="AI23" s="111">
        <v>1.1599999999999999</v>
      </c>
      <c r="AJ23" s="111">
        <v>1.63</v>
      </c>
      <c r="AK23" s="111">
        <v>1.64</v>
      </c>
      <c r="AL23" s="111">
        <v>1.46</v>
      </c>
      <c r="AM23" s="111">
        <v>1.21</v>
      </c>
      <c r="AN23" s="111">
        <v>1.04</v>
      </c>
      <c r="AO23" s="111">
        <v>1.07</v>
      </c>
      <c r="AP23" s="111">
        <v>0.77</v>
      </c>
      <c r="AQ23" s="152">
        <v>1.59</v>
      </c>
      <c r="AR23" s="140">
        <v>2</v>
      </c>
      <c r="AS23" s="111">
        <v>1.83</v>
      </c>
      <c r="AT23" s="111">
        <v>1.72</v>
      </c>
      <c r="AU23" s="111">
        <v>1.1100000000000001</v>
      </c>
      <c r="AV23" s="111">
        <v>2.06</v>
      </c>
      <c r="AW23" s="152">
        <v>1.81</v>
      </c>
      <c r="AX23" s="146">
        <v>1.28</v>
      </c>
      <c r="AY23" s="144">
        <v>1.46</v>
      </c>
      <c r="AZ23" s="111">
        <v>2.84</v>
      </c>
      <c r="BA23" s="144">
        <v>1.66</v>
      </c>
      <c r="BB23" s="150">
        <v>2.4</v>
      </c>
      <c r="BC23" s="144">
        <v>2.15</v>
      </c>
      <c r="BD23" s="111">
        <v>1.88</v>
      </c>
      <c r="BE23" s="111">
        <v>2.54</v>
      </c>
    </row>
    <row r="24" spans="3:57" x14ac:dyDescent="0.2">
      <c r="C24" s="157" t="s">
        <v>116</v>
      </c>
      <c r="D24" s="158" t="s">
        <v>58</v>
      </c>
      <c r="E24" s="161">
        <v>3.9288698688439547</v>
      </c>
      <c r="F24" s="161">
        <v>7.27</v>
      </c>
      <c r="G24" s="161">
        <v>6.95</v>
      </c>
      <c r="H24" s="161">
        <v>6.42</v>
      </c>
      <c r="I24" s="161">
        <v>3.59</v>
      </c>
      <c r="J24" s="111">
        <v>3.34</v>
      </c>
      <c r="K24" s="153">
        <v>3.57</v>
      </c>
      <c r="L24" s="140">
        <v>5.64</v>
      </c>
      <c r="M24" s="146">
        <v>6.04</v>
      </c>
      <c r="N24" s="146">
        <v>6.01</v>
      </c>
      <c r="O24" s="153">
        <v>4.62</v>
      </c>
      <c r="P24" s="146">
        <v>4.25</v>
      </c>
      <c r="Q24" s="144">
        <v>3.03</v>
      </c>
      <c r="R24" s="144">
        <v>5.95</v>
      </c>
      <c r="S24" s="144">
        <v>5.32</v>
      </c>
      <c r="T24" s="144">
        <v>3.92</v>
      </c>
      <c r="U24" s="144">
        <v>4.66</v>
      </c>
      <c r="V24" s="140">
        <v>3.04</v>
      </c>
      <c r="W24" s="152">
        <v>2.6</v>
      </c>
      <c r="X24" s="140">
        <v>3.82</v>
      </c>
      <c r="Y24" s="148">
        <v>3.12</v>
      </c>
      <c r="Z24" s="152">
        <v>4.0199999999999996</v>
      </c>
      <c r="AA24" s="152">
        <v>4.1100000000000003</v>
      </c>
      <c r="AB24" s="144">
        <v>3.82</v>
      </c>
      <c r="AC24" s="144">
        <v>2.95</v>
      </c>
      <c r="AD24" s="144">
        <v>3.05</v>
      </c>
      <c r="AE24" s="144">
        <v>3.1</v>
      </c>
      <c r="AF24" s="111">
        <v>3.86</v>
      </c>
      <c r="AG24" s="144">
        <v>3.76</v>
      </c>
      <c r="AH24" s="144">
        <v>2.79</v>
      </c>
      <c r="AI24" s="111">
        <v>2.64</v>
      </c>
      <c r="AJ24" s="111">
        <v>3.58</v>
      </c>
      <c r="AK24" s="111">
        <v>2.59</v>
      </c>
      <c r="AL24" s="111">
        <v>3.44</v>
      </c>
      <c r="AM24" s="111">
        <v>4.0599999999999996</v>
      </c>
      <c r="AN24" s="111">
        <v>3.82</v>
      </c>
      <c r="AO24" s="111">
        <v>4.08</v>
      </c>
      <c r="AP24" s="111">
        <v>4.49</v>
      </c>
      <c r="AQ24" s="152">
        <v>4.4800000000000004</v>
      </c>
      <c r="AR24" s="140">
        <v>4.59</v>
      </c>
      <c r="AS24" s="111">
        <v>3.74</v>
      </c>
      <c r="AT24" s="111">
        <v>4.3600000000000003</v>
      </c>
      <c r="AU24" s="111">
        <v>3.8</v>
      </c>
      <c r="AV24" s="111">
        <v>4.5599999999999996</v>
      </c>
      <c r="AW24" s="152">
        <v>4.83</v>
      </c>
      <c r="AX24" s="146">
        <v>5.38</v>
      </c>
      <c r="AY24" s="144">
        <v>3.72</v>
      </c>
      <c r="AZ24" s="111">
        <v>4.04</v>
      </c>
      <c r="BA24" s="144">
        <v>4.71</v>
      </c>
      <c r="BB24" s="150">
        <v>3.8</v>
      </c>
      <c r="BC24" s="144">
        <v>4.3</v>
      </c>
      <c r="BD24" s="111">
        <v>4.0599999999999996</v>
      </c>
      <c r="BE24" s="111">
        <v>4.01</v>
      </c>
    </row>
    <row r="25" spans="3:57" x14ac:dyDescent="0.2">
      <c r="C25" s="157" t="s">
        <v>68</v>
      </c>
      <c r="D25" s="158" t="s">
        <v>58</v>
      </c>
      <c r="E25" s="161">
        <v>0.65908034748549882</v>
      </c>
      <c r="F25" s="161">
        <v>1.07</v>
      </c>
      <c r="G25" s="161">
        <v>1.24</v>
      </c>
      <c r="H25" s="161">
        <v>1.26</v>
      </c>
      <c r="I25" s="161">
        <v>1.1599999999999999</v>
      </c>
      <c r="J25" s="111">
        <v>1.07</v>
      </c>
      <c r="K25" s="153">
        <v>1.23</v>
      </c>
      <c r="L25" s="140">
        <v>0.98</v>
      </c>
      <c r="M25" s="146">
        <v>0.92</v>
      </c>
      <c r="N25" s="146">
        <v>1.85</v>
      </c>
      <c r="O25" s="153">
        <v>0.9</v>
      </c>
      <c r="P25" s="146">
        <v>0.96</v>
      </c>
      <c r="Q25" s="111">
        <v>0.81</v>
      </c>
      <c r="R25" s="111">
        <v>1.39</v>
      </c>
      <c r="S25" s="144">
        <v>1.1100000000000001</v>
      </c>
      <c r="T25" s="111">
        <v>1.27</v>
      </c>
      <c r="U25" s="111">
        <v>0.78</v>
      </c>
      <c r="V25" s="140">
        <v>0.86</v>
      </c>
      <c r="W25" s="151">
        <v>1.1599999999999999</v>
      </c>
      <c r="X25" s="140">
        <v>1.37</v>
      </c>
      <c r="Y25" s="148">
        <v>1.1299999999999999</v>
      </c>
      <c r="Z25" s="151">
        <v>0.99</v>
      </c>
      <c r="AA25" s="151">
        <v>0.98</v>
      </c>
      <c r="AB25" s="111">
        <v>1.02</v>
      </c>
      <c r="AC25" s="111">
        <v>0.99</v>
      </c>
      <c r="AD25" s="111">
        <v>0.88</v>
      </c>
      <c r="AE25" s="111">
        <v>0.93</v>
      </c>
      <c r="AF25" s="111">
        <v>1.1100000000000001</v>
      </c>
      <c r="AG25" s="111">
        <v>0.89</v>
      </c>
      <c r="AH25" s="111">
        <v>0.75</v>
      </c>
      <c r="AI25" s="111">
        <v>0.65</v>
      </c>
      <c r="AJ25" s="111">
        <v>0.84</v>
      </c>
      <c r="AK25" s="111">
        <v>1.21</v>
      </c>
      <c r="AL25" s="111">
        <v>0.71</v>
      </c>
      <c r="AM25" s="111">
        <v>0.63</v>
      </c>
      <c r="AN25" s="111">
        <v>0.64</v>
      </c>
      <c r="AO25" s="111">
        <v>0.9</v>
      </c>
      <c r="AP25" s="111">
        <v>0.66</v>
      </c>
      <c r="AQ25" s="151">
        <v>0.72</v>
      </c>
      <c r="AR25" s="140">
        <v>0.69</v>
      </c>
      <c r="AS25" s="111">
        <v>0.9</v>
      </c>
      <c r="AT25" s="111">
        <v>0.9</v>
      </c>
      <c r="AU25" s="111">
        <v>0.78</v>
      </c>
      <c r="AV25" s="111">
        <v>0.98</v>
      </c>
      <c r="AW25" s="151">
        <v>0.77</v>
      </c>
      <c r="AX25" s="146">
        <v>0.81</v>
      </c>
      <c r="AY25" s="111">
        <v>0.87</v>
      </c>
      <c r="AZ25" s="111">
        <v>0.86</v>
      </c>
      <c r="BA25" s="111">
        <v>1.02</v>
      </c>
      <c r="BB25" s="150">
        <v>1.1399999999999999</v>
      </c>
      <c r="BC25" s="111">
        <v>0.72</v>
      </c>
      <c r="BD25" s="111">
        <v>0.68</v>
      </c>
      <c r="BE25" s="111">
        <v>1.71</v>
      </c>
    </row>
    <row r="26" spans="3:57" x14ac:dyDescent="0.2">
      <c r="C26" s="157" t="s">
        <v>69</v>
      </c>
      <c r="D26" s="158" t="s">
        <v>58</v>
      </c>
      <c r="E26" s="161">
        <v>1.5842052860428997</v>
      </c>
      <c r="F26" s="161">
        <v>2.0499999999999998</v>
      </c>
      <c r="G26" s="161">
        <v>2.2000000000000002</v>
      </c>
      <c r="H26" s="161">
        <v>2.44</v>
      </c>
      <c r="I26" s="161">
        <v>2.38</v>
      </c>
      <c r="J26" s="144">
        <v>2.42</v>
      </c>
      <c r="K26" s="153">
        <v>1.81</v>
      </c>
      <c r="L26" s="140">
        <v>2.16</v>
      </c>
      <c r="M26" s="146">
        <v>1.51</v>
      </c>
      <c r="N26" s="146">
        <v>1.79</v>
      </c>
      <c r="O26" s="153">
        <v>1.36</v>
      </c>
      <c r="P26" s="146">
        <v>1.65</v>
      </c>
      <c r="Q26" s="111">
        <v>1.1499999999999999</v>
      </c>
      <c r="R26" s="111">
        <v>1.23</v>
      </c>
      <c r="S26" s="144">
        <v>1.27</v>
      </c>
      <c r="T26" s="111">
        <v>1.06</v>
      </c>
      <c r="U26" s="111">
        <v>1.1100000000000001</v>
      </c>
      <c r="V26" s="140">
        <v>0.88</v>
      </c>
      <c r="W26" s="151">
        <v>0.87</v>
      </c>
      <c r="X26" s="140">
        <v>0.88</v>
      </c>
      <c r="Y26" s="148">
        <v>0.89</v>
      </c>
      <c r="Z26" s="151">
        <v>0.65</v>
      </c>
      <c r="AA26" s="151">
        <v>1.1000000000000001</v>
      </c>
      <c r="AB26" s="111">
        <v>0.76</v>
      </c>
      <c r="AC26" s="111">
        <v>0.9</v>
      </c>
      <c r="AD26" s="111">
        <v>1.1200000000000001</v>
      </c>
      <c r="AE26" s="111">
        <v>1.1599999999999999</v>
      </c>
      <c r="AF26" s="111">
        <v>0.77</v>
      </c>
      <c r="AG26" s="111">
        <v>0.77</v>
      </c>
      <c r="AH26" s="111">
        <v>1.2</v>
      </c>
      <c r="AI26" s="111">
        <v>1.44</v>
      </c>
      <c r="AJ26" s="111" t="s">
        <v>90</v>
      </c>
      <c r="AK26" s="111" t="s">
        <v>90</v>
      </c>
      <c r="AL26" s="111">
        <v>1.02</v>
      </c>
      <c r="AM26" s="111">
        <v>0.93</v>
      </c>
      <c r="AN26" s="111">
        <v>0.73</v>
      </c>
      <c r="AO26" s="111">
        <v>0.8</v>
      </c>
      <c r="AP26" s="111">
        <v>1.07</v>
      </c>
      <c r="AQ26" s="151">
        <v>0.94</v>
      </c>
      <c r="AR26" s="140">
        <v>1.55</v>
      </c>
      <c r="AS26" s="111">
        <v>1.19</v>
      </c>
      <c r="AT26" s="111">
        <v>0.73</v>
      </c>
      <c r="AU26" s="111">
        <v>1.02</v>
      </c>
      <c r="AV26" s="111">
        <v>0.97</v>
      </c>
      <c r="AW26" s="151">
        <v>1.27</v>
      </c>
      <c r="AX26" s="146">
        <v>1.2</v>
      </c>
      <c r="AY26" s="111">
        <v>1.22</v>
      </c>
      <c r="AZ26" s="111">
        <v>1.36</v>
      </c>
      <c r="BA26" s="111">
        <v>1.55</v>
      </c>
      <c r="BB26" s="150">
        <v>1.91</v>
      </c>
      <c r="BC26" s="111">
        <v>2.0699999999999998</v>
      </c>
      <c r="BD26" s="111">
        <v>1.27</v>
      </c>
      <c r="BE26" s="111" t="s">
        <v>90</v>
      </c>
    </row>
    <row r="27" spans="3:57" x14ac:dyDescent="0.2">
      <c r="C27" s="157" t="s">
        <v>70</v>
      </c>
      <c r="D27" s="158" t="s">
        <v>58</v>
      </c>
      <c r="E27" s="161">
        <v>0.89682827865826742</v>
      </c>
      <c r="F27" s="161">
        <v>2.7</v>
      </c>
      <c r="G27" s="161">
        <v>3.01</v>
      </c>
      <c r="H27" s="161">
        <v>2.89</v>
      </c>
      <c r="I27" s="161">
        <v>2.86</v>
      </c>
      <c r="J27" s="111">
        <v>2.16</v>
      </c>
      <c r="K27" s="153">
        <v>1.91</v>
      </c>
      <c r="L27" s="140">
        <v>2.0499999999999998</v>
      </c>
      <c r="M27" s="146">
        <v>2.54</v>
      </c>
      <c r="N27" s="146">
        <v>1.41</v>
      </c>
      <c r="O27" s="153">
        <v>1.05</v>
      </c>
      <c r="P27" s="146">
        <v>1.1100000000000001</v>
      </c>
      <c r="Q27" s="111">
        <v>0.88</v>
      </c>
      <c r="R27" s="111">
        <v>0.89</v>
      </c>
      <c r="S27" s="144">
        <v>1.02</v>
      </c>
      <c r="T27" s="111">
        <v>1.05</v>
      </c>
      <c r="U27" s="111">
        <v>0.96</v>
      </c>
      <c r="V27" s="140">
        <v>0.95</v>
      </c>
      <c r="W27" s="151">
        <v>1.63</v>
      </c>
      <c r="X27" s="140">
        <v>2.04</v>
      </c>
      <c r="Y27" s="148">
        <v>1.63</v>
      </c>
      <c r="Z27" s="151">
        <v>1.94</v>
      </c>
      <c r="AA27" s="151">
        <v>3.03</v>
      </c>
      <c r="AB27" s="111">
        <v>3</v>
      </c>
      <c r="AC27" s="111">
        <v>2.2599999999999998</v>
      </c>
      <c r="AD27" s="111">
        <v>2.0099999999999998</v>
      </c>
      <c r="AE27" s="111">
        <v>1.1499999999999999</v>
      </c>
      <c r="AF27" s="111">
        <v>1.83</v>
      </c>
      <c r="AG27" s="111">
        <v>0.93</v>
      </c>
      <c r="AH27" s="111">
        <v>1.95</v>
      </c>
      <c r="AI27" s="111">
        <v>1.5</v>
      </c>
      <c r="AJ27" s="111">
        <v>1.42</v>
      </c>
      <c r="AK27" s="111">
        <v>1.1599999999999999</v>
      </c>
      <c r="AL27" s="111">
        <v>1.18</v>
      </c>
      <c r="AM27" s="111">
        <v>1.71</v>
      </c>
      <c r="AN27" s="111">
        <v>1.22</v>
      </c>
      <c r="AO27" s="111">
        <v>1.23</v>
      </c>
      <c r="AP27" s="111">
        <v>1.25</v>
      </c>
      <c r="AQ27" s="151">
        <v>0.98</v>
      </c>
      <c r="AR27" s="140">
        <v>1.26</v>
      </c>
      <c r="AS27" s="111">
        <v>1.38</v>
      </c>
      <c r="AT27" s="111">
        <v>0.96</v>
      </c>
      <c r="AU27" s="111">
        <v>0.73</v>
      </c>
      <c r="AV27" s="111">
        <v>0.93</v>
      </c>
      <c r="AW27" s="151">
        <v>1.1499999999999999</v>
      </c>
      <c r="AX27" s="146">
        <v>1.28</v>
      </c>
      <c r="AY27" s="111">
        <v>1.48</v>
      </c>
      <c r="AZ27" s="111">
        <v>1.94</v>
      </c>
      <c r="BA27" s="111">
        <v>1.25</v>
      </c>
      <c r="BB27" s="150">
        <v>2.95</v>
      </c>
      <c r="BC27" s="111">
        <v>2.42</v>
      </c>
      <c r="BD27" s="111">
        <v>1.02</v>
      </c>
      <c r="BE27" s="111">
        <v>1.52</v>
      </c>
    </row>
    <row r="28" spans="3:57" x14ac:dyDescent="0.2">
      <c r="C28" s="157" t="s">
        <v>173</v>
      </c>
      <c r="D28" s="158" t="s">
        <v>58</v>
      </c>
      <c r="E28" s="153" t="s">
        <v>90</v>
      </c>
      <c r="F28" s="161" t="s">
        <v>90</v>
      </c>
      <c r="G28" s="161">
        <v>6.28</v>
      </c>
      <c r="H28" s="161">
        <v>5.77</v>
      </c>
      <c r="I28" s="161">
        <v>4</v>
      </c>
      <c r="J28" s="111" t="s">
        <v>90</v>
      </c>
      <c r="K28" s="153">
        <v>7.4</v>
      </c>
      <c r="L28" s="140">
        <v>5.3</v>
      </c>
      <c r="M28" s="146">
        <v>4.7</v>
      </c>
      <c r="N28" s="146">
        <v>6.9</v>
      </c>
      <c r="O28" s="153">
        <v>6.26</v>
      </c>
      <c r="P28" s="146">
        <v>5.44</v>
      </c>
      <c r="Q28" s="144">
        <v>5</v>
      </c>
      <c r="R28" s="144" t="s">
        <v>90</v>
      </c>
      <c r="S28" s="144" t="s">
        <v>90</v>
      </c>
      <c r="T28" s="144">
        <v>6.52</v>
      </c>
      <c r="U28" s="144">
        <v>7.8</v>
      </c>
      <c r="V28" s="140" t="s">
        <v>90</v>
      </c>
      <c r="W28" s="152" t="s">
        <v>90</v>
      </c>
      <c r="X28" s="140" t="s">
        <v>90</v>
      </c>
      <c r="Y28" s="148" t="s">
        <v>90</v>
      </c>
      <c r="Z28" s="152">
        <v>7</v>
      </c>
      <c r="AA28" s="152">
        <v>9.34</v>
      </c>
      <c r="AB28" s="144">
        <v>7.02</v>
      </c>
      <c r="AC28" s="144">
        <v>5.7</v>
      </c>
      <c r="AD28" s="144">
        <v>4</v>
      </c>
      <c r="AE28" s="144">
        <v>3.51</v>
      </c>
      <c r="AF28" s="111">
        <v>3.44</v>
      </c>
      <c r="AG28" s="144">
        <v>3.44</v>
      </c>
      <c r="AH28" s="144">
        <v>3.51</v>
      </c>
      <c r="AI28" s="111">
        <v>3.3</v>
      </c>
      <c r="AJ28" s="111">
        <v>3.42</v>
      </c>
      <c r="AK28" s="111">
        <v>3.64</v>
      </c>
      <c r="AL28" s="111">
        <v>3.99</v>
      </c>
      <c r="AM28" s="111">
        <v>3.71</v>
      </c>
      <c r="AN28" s="111" t="s">
        <v>90</v>
      </c>
      <c r="AO28" s="111" t="s">
        <v>90</v>
      </c>
      <c r="AP28" s="111" t="s">
        <v>90</v>
      </c>
      <c r="AQ28" s="152">
        <v>2.35</v>
      </c>
      <c r="AR28" s="140">
        <v>4.87</v>
      </c>
      <c r="AS28" s="111" t="s">
        <v>90</v>
      </c>
      <c r="AT28" s="111">
        <v>2.69</v>
      </c>
      <c r="AU28" s="111">
        <v>3.88</v>
      </c>
      <c r="AV28" s="111">
        <v>2.88</v>
      </c>
      <c r="AW28" s="152">
        <v>3.64</v>
      </c>
      <c r="AX28" s="161">
        <v>4.18</v>
      </c>
      <c r="AY28" s="144" t="s">
        <v>90</v>
      </c>
      <c r="AZ28" s="73" t="s">
        <v>90</v>
      </c>
      <c r="BA28" s="144" t="s">
        <v>90</v>
      </c>
      <c r="BB28" s="150" t="s">
        <v>90</v>
      </c>
      <c r="BC28" s="144">
        <v>3.12</v>
      </c>
      <c r="BD28" s="111">
        <v>2.31</v>
      </c>
      <c r="BE28" s="111" t="s">
        <v>90</v>
      </c>
    </row>
    <row r="29" spans="3:57" x14ac:dyDescent="0.2">
      <c r="C29" s="157" t="s">
        <v>71</v>
      </c>
      <c r="D29" s="158" t="s">
        <v>58</v>
      </c>
      <c r="E29" s="161" t="s">
        <v>90</v>
      </c>
      <c r="F29" s="161" t="s">
        <v>90</v>
      </c>
      <c r="G29" s="161" t="s">
        <v>90</v>
      </c>
      <c r="H29" s="161" t="s">
        <v>90</v>
      </c>
      <c r="I29" s="161" t="s">
        <v>90</v>
      </c>
      <c r="J29" s="111" t="s">
        <v>90</v>
      </c>
      <c r="K29" s="153" t="s">
        <v>90</v>
      </c>
      <c r="L29" s="140" t="s">
        <v>90</v>
      </c>
      <c r="M29" s="146" t="s">
        <v>90</v>
      </c>
      <c r="N29" s="146" t="s">
        <v>90</v>
      </c>
      <c r="O29" s="153" t="s">
        <v>90</v>
      </c>
      <c r="P29" s="146" t="s">
        <v>90</v>
      </c>
      <c r="Q29" s="111" t="s">
        <v>90</v>
      </c>
      <c r="R29" s="144" t="s">
        <v>90</v>
      </c>
      <c r="S29" s="144" t="s">
        <v>90</v>
      </c>
      <c r="T29" s="144" t="s">
        <v>90</v>
      </c>
      <c r="U29" s="144" t="s">
        <v>90</v>
      </c>
      <c r="V29" s="140" t="s">
        <v>90</v>
      </c>
      <c r="W29" s="152" t="s">
        <v>90</v>
      </c>
      <c r="X29" s="140" t="s">
        <v>90</v>
      </c>
      <c r="Y29" s="148" t="s">
        <v>90</v>
      </c>
      <c r="Z29" s="152" t="s">
        <v>90</v>
      </c>
      <c r="AA29" s="152" t="s">
        <v>90</v>
      </c>
      <c r="AB29" s="144" t="s">
        <v>90</v>
      </c>
      <c r="AC29" s="144" t="s">
        <v>90</v>
      </c>
      <c r="AD29" s="144" t="s">
        <v>90</v>
      </c>
      <c r="AE29" s="144" t="s">
        <v>90</v>
      </c>
      <c r="AF29" s="111" t="s">
        <v>90</v>
      </c>
      <c r="AG29" s="144" t="s">
        <v>90</v>
      </c>
      <c r="AH29" s="144" t="s">
        <v>90</v>
      </c>
      <c r="AI29" s="111" t="s">
        <v>90</v>
      </c>
      <c r="AJ29" s="111" t="s">
        <v>90</v>
      </c>
      <c r="AK29" s="111" t="s">
        <v>90</v>
      </c>
      <c r="AL29" s="111" t="s">
        <v>90</v>
      </c>
      <c r="AM29" s="111" t="s">
        <v>90</v>
      </c>
      <c r="AN29" s="111" t="s">
        <v>90</v>
      </c>
      <c r="AO29" s="111" t="s">
        <v>90</v>
      </c>
      <c r="AP29" s="111" t="s">
        <v>90</v>
      </c>
      <c r="AQ29" s="152" t="s">
        <v>90</v>
      </c>
      <c r="AR29" s="140" t="s">
        <v>90</v>
      </c>
      <c r="AS29" s="111" t="s">
        <v>90</v>
      </c>
      <c r="AT29" s="111" t="s">
        <v>90</v>
      </c>
      <c r="AU29" s="111" t="s">
        <v>90</v>
      </c>
      <c r="AV29" s="111" t="s">
        <v>90</v>
      </c>
      <c r="AW29" s="152" t="s">
        <v>90</v>
      </c>
      <c r="AX29" s="146" t="s">
        <v>90</v>
      </c>
      <c r="AY29" s="144" t="s">
        <v>90</v>
      </c>
      <c r="AZ29" s="73" t="s">
        <v>90</v>
      </c>
      <c r="BA29" s="144" t="s">
        <v>90</v>
      </c>
      <c r="BB29" s="150" t="s">
        <v>90</v>
      </c>
      <c r="BC29" s="144" t="s">
        <v>90</v>
      </c>
      <c r="BD29" s="111" t="s">
        <v>90</v>
      </c>
      <c r="BE29" s="111" t="s">
        <v>90</v>
      </c>
    </row>
    <row r="30" spans="3:57" x14ac:dyDescent="0.2">
      <c r="C30" s="157" t="s">
        <v>102</v>
      </c>
      <c r="D30" s="158" t="s">
        <v>58</v>
      </c>
      <c r="E30" s="161">
        <v>4.59</v>
      </c>
      <c r="F30" s="161">
        <v>4.6500000000000004</v>
      </c>
      <c r="G30" s="161">
        <v>4.5599999999999996</v>
      </c>
      <c r="H30" s="161">
        <v>4.47</v>
      </c>
      <c r="I30" s="161" t="s">
        <v>90</v>
      </c>
      <c r="J30" s="144" t="s">
        <v>90</v>
      </c>
      <c r="K30" s="153" t="s">
        <v>90</v>
      </c>
      <c r="L30" s="140">
        <v>3.99</v>
      </c>
      <c r="M30" s="146">
        <v>4.18</v>
      </c>
      <c r="N30" s="146">
        <v>4.17</v>
      </c>
      <c r="O30" s="153" t="s">
        <v>90</v>
      </c>
      <c r="P30" s="146" t="s">
        <v>90</v>
      </c>
      <c r="Q30" s="163">
        <v>3.8</v>
      </c>
      <c r="R30" s="111">
        <v>4.0999999999999996</v>
      </c>
      <c r="S30" s="111" t="s">
        <v>90</v>
      </c>
      <c r="T30" s="111" t="s">
        <v>90</v>
      </c>
      <c r="U30" s="111" t="s">
        <v>90</v>
      </c>
      <c r="V30" s="140">
        <v>4.78</v>
      </c>
      <c r="W30" s="151">
        <v>4.7699999999999996</v>
      </c>
      <c r="X30" s="140">
        <v>4.3099999999999996</v>
      </c>
      <c r="Y30" s="148">
        <v>4.2</v>
      </c>
      <c r="Z30" s="151">
        <v>4.2300000000000004</v>
      </c>
      <c r="AA30" s="151">
        <v>4.21</v>
      </c>
      <c r="AB30" s="111">
        <v>4.18</v>
      </c>
      <c r="AC30" s="111">
        <v>4.21</v>
      </c>
      <c r="AD30" s="111">
        <v>4.21</v>
      </c>
      <c r="AE30" s="144">
        <v>4.28</v>
      </c>
      <c r="AF30" s="111">
        <v>4.29</v>
      </c>
      <c r="AG30" s="144">
        <v>4.07</v>
      </c>
      <c r="AH30" s="144" t="s">
        <v>90</v>
      </c>
      <c r="AI30" s="111" t="s">
        <v>90</v>
      </c>
      <c r="AJ30" s="111" t="s">
        <v>90</v>
      </c>
      <c r="AK30" s="111" t="s">
        <v>90</v>
      </c>
      <c r="AL30" s="111" t="s">
        <v>90</v>
      </c>
      <c r="AM30" s="111" t="s">
        <v>90</v>
      </c>
      <c r="AN30" s="111" t="s">
        <v>90</v>
      </c>
      <c r="AO30" s="111" t="s">
        <v>90</v>
      </c>
      <c r="AP30" s="111" t="s">
        <v>90</v>
      </c>
      <c r="AQ30" s="152" t="s">
        <v>90</v>
      </c>
      <c r="AR30" s="140">
        <v>3.97</v>
      </c>
      <c r="AS30" s="111" t="s">
        <v>90</v>
      </c>
      <c r="AT30" s="111" t="s">
        <v>90</v>
      </c>
      <c r="AU30" s="111" t="s">
        <v>90</v>
      </c>
      <c r="AV30" s="111" t="s">
        <v>90</v>
      </c>
      <c r="AW30" s="152" t="s">
        <v>90</v>
      </c>
      <c r="AX30" s="146">
        <v>3.87</v>
      </c>
      <c r="AY30" s="111" t="s">
        <v>90</v>
      </c>
      <c r="AZ30" s="73" t="s">
        <v>90</v>
      </c>
      <c r="BA30" s="111" t="s">
        <v>90</v>
      </c>
      <c r="BB30" s="150" t="s">
        <v>90</v>
      </c>
      <c r="BC30" s="111" t="s">
        <v>90</v>
      </c>
      <c r="BD30" s="111" t="s">
        <v>90</v>
      </c>
      <c r="BE30" s="111" t="s">
        <v>90</v>
      </c>
    </row>
    <row r="31" spans="3:57" x14ac:dyDescent="0.2">
      <c r="C31" s="157" t="s">
        <v>72</v>
      </c>
      <c r="D31" s="158" t="s">
        <v>58</v>
      </c>
      <c r="E31" s="161" t="s">
        <v>90</v>
      </c>
      <c r="F31" s="161" t="s">
        <v>90</v>
      </c>
      <c r="G31" s="161" t="s">
        <v>90</v>
      </c>
      <c r="H31" s="161" t="s">
        <v>90</v>
      </c>
      <c r="I31" s="161" t="s">
        <v>90</v>
      </c>
      <c r="J31" s="111" t="s">
        <v>90</v>
      </c>
      <c r="K31" s="153" t="s">
        <v>90</v>
      </c>
      <c r="L31" s="140" t="s">
        <v>90</v>
      </c>
      <c r="M31" s="146" t="s">
        <v>90</v>
      </c>
      <c r="N31" s="146" t="s">
        <v>90</v>
      </c>
      <c r="O31" s="153" t="s">
        <v>90</v>
      </c>
      <c r="P31" s="146" t="s">
        <v>90</v>
      </c>
      <c r="Q31" s="111" t="s">
        <v>90</v>
      </c>
      <c r="R31" s="111" t="s">
        <v>90</v>
      </c>
      <c r="S31" s="111" t="s">
        <v>90</v>
      </c>
      <c r="T31" s="111" t="s">
        <v>90</v>
      </c>
      <c r="U31" s="111" t="s">
        <v>90</v>
      </c>
      <c r="V31" s="140" t="s">
        <v>90</v>
      </c>
      <c r="W31" s="151" t="s">
        <v>90</v>
      </c>
      <c r="X31" s="140" t="s">
        <v>90</v>
      </c>
      <c r="Y31" s="148" t="s">
        <v>90</v>
      </c>
      <c r="Z31" s="151" t="s">
        <v>90</v>
      </c>
      <c r="AA31" s="151" t="s">
        <v>90</v>
      </c>
      <c r="AB31" s="111" t="s">
        <v>90</v>
      </c>
      <c r="AC31" s="111" t="s">
        <v>90</v>
      </c>
      <c r="AD31" s="111" t="s">
        <v>90</v>
      </c>
      <c r="AE31" s="111" t="s">
        <v>90</v>
      </c>
      <c r="AF31" s="111" t="s">
        <v>90</v>
      </c>
      <c r="AG31" s="111" t="s">
        <v>90</v>
      </c>
      <c r="AH31" s="111" t="s">
        <v>90</v>
      </c>
      <c r="AI31" s="111" t="s">
        <v>90</v>
      </c>
      <c r="AJ31" s="111" t="s">
        <v>90</v>
      </c>
      <c r="AK31" s="111" t="s">
        <v>90</v>
      </c>
      <c r="AL31" s="111" t="s">
        <v>90</v>
      </c>
      <c r="AM31" s="111" t="s">
        <v>90</v>
      </c>
      <c r="AN31" s="111" t="s">
        <v>90</v>
      </c>
      <c r="AO31" s="111" t="s">
        <v>90</v>
      </c>
      <c r="AP31" s="111" t="s">
        <v>90</v>
      </c>
      <c r="AQ31" s="151" t="s">
        <v>90</v>
      </c>
      <c r="AR31" s="140" t="s">
        <v>90</v>
      </c>
      <c r="AS31" s="111" t="s">
        <v>90</v>
      </c>
      <c r="AT31" s="111" t="s">
        <v>90</v>
      </c>
      <c r="AU31" s="111" t="s">
        <v>90</v>
      </c>
      <c r="AV31" s="111" t="s">
        <v>90</v>
      </c>
      <c r="AW31" s="151" t="s">
        <v>90</v>
      </c>
      <c r="AX31" s="146" t="s">
        <v>90</v>
      </c>
      <c r="AY31" s="111" t="s">
        <v>90</v>
      </c>
      <c r="AZ31" s="73" t="s">
        <v>90</v>
      </c>
      <c r="BA31" s="111" t="s">
        <v>90</v>
      </c>
      <c r="BB31" s="150" t="s">
        <v>90</v>
      </c>
      <c r="BC31" s="111" t="s">
        <v>90</v>
      </c>
      <c r="BD31" s="111" t="s">
        <v>90</v>
      </c>
      <c r="BE31" s="111" t="s">
        <v>90</v>
      </c>
    </row>
    <row r="32" spans="3:57" x14ac:dyDescent="0.2">
      <c r="C32" s="157" t="s">
        <v>136</v>
      </c>
      <c r="D32" s="158" t="s">
        <v>58</v>
      </c>
      <c r="E32" s="153">
        <v>2.8147522522522523</v>
      </c>
      <c r="F32" s="161">
        <v>2.58</v>
      </c>
      <c r="G32" s="161">
        <v>2.75</v>
      </c>
      <c r="H32" s="161">
        <v>2.85</v>
      </c>
      <c r="I32" s="164">
        <v>3.02</v>
      </c>
      <c r="J32" s="111">
        <v>3.17</v>
      </c>
      <c r="K32" s="153">
        <v>3.56</v>
      </c>
      <c r="L32" s="140">
        <v>3.54</v>
      </c>
      <c r="M32" s="146">
        <v>2.91</v>
      </c>
      <c r="N32" s="146">
        <v>3.31</v>
      </c>
      <c r="O32" s="153">
        <v>2.8</v>
      </c>
      <c r="P32" s="146">
        <v>3.05</v>
      </c>
      <c r="Q32" s="111" t="s">
        <v>90</v>
      </c>
      <c r="R32" s="111">
        <v>5.35</v>
      </c>
      <c r="S32" s="111">
        <v>3.27</v>
      </c>
      <c r="T32" s="111">
        <v>4</v>
      </c>
      <c r="U32" s="111">
        <v>3.59</v>
      </c>
      <c r="V32" s="140">
        <v>3.51</v>
      </c>
      <c r="W32" s="151">
        <v>3.28</v>
      </c>
      <c r="X32" s="140">
        <v>4.0999999999999996</v>
      </c>
      <c r="Y32" s="148">
        <v>3.5</v>
      </c>
      <c r="Z32" s="151">
        <v>3</v>
      </c>
      <c r="AA32" s="151">
        <v>3.53</v>
      </c>
      <c r="AB32" s="111">
        <v>3</v>
      </c>
      <c r="AC32" s="111">
        <v>3</v>
      </c>
      <c r="AD32" s="111">
        <v>3</v>
      </c>
      <c r="AE32" s="111">
        <v>3.01</v>
      </c>
      <c r="AF32" s="111">
        <v>2.76</v>
      </c>
      <c r="AG32" s="111">
        <v>3.05</v>
      </c>
      <c r="AH32" s="111">
        <v>3.42</v>
      </c>
      <c r="AI32" s="111">
        <v>3.11</v>
      </c>
      <c r="AJ32" s="111">
        <v>3.38</v>
      </c>
      <c r="AK32" s="111">
        <v>3.4</v>
      </c>
      <c r="AL32" s="111">
        <v>3.02</v>
      </c>
      <c r="AM32" s="111">
        <v>3.41</v>
      </c>
      <c r="AN32" s="111">
        <v>3.05</v>
      </c>
      <c r="AO32" s="111">
        <v>2.44</v>
      </c>
      <c r="AP32" s="111">
        <v>3.25</v>
      </c>
      <c r="AQ32" s="151">
        <v>2.75</v>
      </c>
      <c r="AR32" s="140">
        <v>2.5</v>
      </c>
      <c r="AS32" s="111" t="s">
        <v>90</v>
      </c>
      <c r="AT32" s="111" t="s">
        <v>90</v>
      </c>
      <c r="AU32" s="111" t="s">
        <v>90</v>
      </c>
      <c r="AV32" s="111">
        <v>3.71</v>
      </c>
      <c r="AW32" s="152">
        <v>3.38</v>
      </c>
      <c r="AX32" s="146">
        <v>3.11</v>
      </c>
      <c r="AY32" s="144">
        <v>2.57</v>
      </c>
      <c r="AZ32" s="111">
        <v>3.41</v>
      </c>
      <c r="BA32" s="144">
        <v>4.03</v>
      </c>
      <c r="BB32" s="150">
        <v>4.32</v>
      </c>
      <c r="BC32" s="144">
        <v>4.01</v>
      </c>
      <c r="BD32" s="111">
        <v>3.47</v>
      </c>
      <c r="BE32" s="111">
        <v>4.3099999999999996</v>
      </c>
    </row>
    <row r="33" spans="3:57" x14ac:dyDescent="0.2">
      <c r="C33" s="157" t="s">
        <v>74</v>
      </c>
      <c r="D33" s="158" t="s">
        <v>58</v>
      </c>
      <c r="E33" s="161" t="s">
        <v>90</v>
      </c>
      <c r="F33" s="161" t="s">
        <v>90</v>
      </c>
      <c r="G33" s="161" t="s">
        <v>90</v>
      </c>
      <c r="H33" s="161" t="s">
        <v>90</v>
      </c>
      <c r="I33" s="161" t="s">
        <v>90</v>
      </c>
      <c r="J33" s="111" t="s">
        <v>90</v>
      </c>
      <c r="K33" s="153" t="s">
        <v>90</v>
      </c>
      <c r="L33" s="140" t="s">
        <v>90</v>
      </c>
      <c r="M33" s="146" t="s">
        <v>90</v>
      </c>
      <c r="N33" s="146" t="s">
        <v>90</v>
      </c>
      <c r="O33" s="153" t="s">
        <v>90</v>
      </c>
      <c r="P33" s="146" t="s">
        <v>90</v>
      </c>
      <c r="Q33" s="144" t="s">
        <v>90</v>
      </c>
      <c r="R33" s="144" t="s">
        <v>90</v>
      </c>
      <c r="S33" s="144" t="s">
        <v>90</v>
      </c>
      <c r="T33" s="144" t="s">
        <v>90</v>
      </c>
      <c r="U33" s="144" t="s">
        <v>90</v>
      </c>
      <c r="V33" s="140" t="s">
        <v>90</v>
      </c>
      <c r="W33" s="152" t="s">
        <v>90</v>
      </c>
      <c r="X33" s="140" t="s">
        <v>90</v>
      </c>
      <c r="Y33" s="148" t="s">
        <v>90</v>
      </c>
      <c r="Z33" s="152" t="s">
        <v>90</v>
      </c>
      <c r="AA33" s="152" t="s">
        <v>90</v>
      </c>
      <c r="AB33" s="144" t="s">
        <v>90</v>
      </c>
      <c r="AC33" s="144" t="s">
        <v>90</v>
      </c>
      <c r="AD33" s="144" t="s">
        <v>90</v>
      </c>
      <c r="AE33" s="144" t="s">
        <v>90</v>
      </c>
      <c r="AF33" s="111" t="s">
        <v>90</v>
      </c>
      <c r="AG33" s="144" t="s">
        <v>90</v>
      </c>
      <c r="AH33" s="144" t="s">
        <v>90</v>
      </c>
      <c r="AI33" s="111" t="s">
        <v>90</v>
      </c>
      <c r="AJ33" s="111" t="s">
        <v>90</v>
      </c>
      <c r="AK33" s="111" t="s">
        <v>90</v>
      </c>
      <c r="AL33" s="111" t="s">
        <v>90</v>
      </c>
      <c r="AM33" s="111" t="s">
        <v>90</v>
      </c>
      <c r="AN33" s="111" t="s">
        <v>90</v>
      </c>
      <c r="AO33" s="111" t="s">
        <v>90</v>
      </c>
      <c r="AP33" s="111" t="s">
        <v>90</v>
      </c>
      <c r="AQ33" s="152" t="s">
        <v>90</v>
      </c>
      <c r="AR33" s="140" t="s">
        <v>90</v>
      </c>
      <c r="AS33" s="111" t="s">
        <v>90</v>
      </c>
      <c r="AT33" s="111" t="s">
        <v>90</v>
      </c>
      <c r="AU33" s="111" t="s">
        <v>90</v>
      </c>
      <c r="AV33" s="111" t="s">
        <v>90</v>
      </c>
      <c r="AW33" s="152" t="s">
        <v>90</v>
      </c>
      <c r="AX33" s="146" t="s">
        <v>90</v>
      </c>
      <c r="AY33" s="144" t="s">
        <v>90</v>
      </c>
      <c r="AZ33" s="73" t="s">
        <v>90</v>
      </c>
      <c r="BA33" s="144" t="s">
        <v>90</v>
      </c>
      <c r="BB33" s="150" t="s">
        <v>90</v>
      </c>
      <c r="BC33" s="144" t="s">
        <v>90</v>
      </c>
      <c r="BD33" s="111" t="s">
        <v>90</v>
      </c>
      <c r="BE33" s="111" t="s">
        <v>90</v>
      </c>
    </row>
    <row r="34" spans="3:57" x14ac:dyDescent="0.2">
      <c r="C34" s="126" t="s">
        <v>172</v>
      </c>
      <c r="D34" s="158" t="s">
        <v>58</v>
      </c>
      <c r="E34" s="153">
        <v>0.18</v>
      </c>
      <c r="F34" s="153">
        <v>0.19</v>
      </c>
      <c r="G34" s="146">
        <v>0.21</v>
      </c>
      <c r="H34" s="153">
        <v>0.21</v>
      </c>
      <c r="I34" s="153">
        <v>0.21</v>
      </c>
      <c r="J34" s="144">
        <v>0.22</v>
      </c>
      <c r="K34" s="153">
        <v>0.23</v>
      </c>
      <c r="L34" s="140">
        <v>0.23</v>
      </c>
      <c r="M34" s="146">
        <v>0.23</v>
      </c>
      <c r="N34" s="146">
        <v>0.25</v>
      </c>
      <c r="O34" s="153">
        <v>0.28000000000000003</v>
      </c>
      <c r="P34" s="146">
        <v>0.33</v>
      </c>
      <c r="Q34" s="142">
        <v>0.41</v>
      </c>
      <c r="R34" s="160">
        <v>0.4919</v>
      </c>
      <c r="S34" s="111">
        <v>0.57899999999999996</v>
      </c>
      <c r="T34" s="111">
        <v>0.55600000000000005</v>
      </c>
      <c r="U34" s="111">
        <v>0.52149999999999996</v>
      </c>
      <c r="V34" s="140">
        <v>0.49509999999999998</v>
      </c>
      <c r="W34" s="148">
        <v>0.42880000000000001</v>
      </c>
      <c r="X34" s="140">
        <v>0.35920000000000002</v>
      </c>
      <c r="Y34" s="148">
        <v>0.26669999999999999</v>
      </c>
      <c r="Z34" s="148">
        <v>0.22260000000000002</v>
      </c>
      <c r="AA34" s="148">
        <v>0.21679999999999999</v>
      </c>
      <c r="AB34" s="148">
        <v>0.19570000000000001</v>
      </c>
      <c r="AC34" s="144">
        <v>0.20530000000000001</v>
      </c>
      <c r="AD34" s="144">
        <v>0.21050000000000002</v>
      </c>
      <c r="AE34" s="160">
        <v>0.21729999999999999</v>
      </c>
      <c r="AF34" s="111">
        <v>0.2278</v>
      </c>
      <c r="AG34" s="144">
        <v>0.2238</v>
      </c>
      <c r="AH34" s="150">
        <v>0.20050000000000001</v>
      </c>
      <c r="AI34" s="150">
        <v>0.23430000000000001</v>
      </c>
      <c r="AJ34" s="150">
        <v>0.22370000000000001</v>
      </c>
      <c r="AK34" s="111">
        <v>0.20800000000000002</v>
      </c>
      <c r="AL34" s="150">
        <v>0.18789999999999998</v>
      </c>
      <c r="AM34" s="150">
        <v>0.17899999999999999</v>
      </c>
      <c r="AN34" s="150">
        <v>0.20430000000000001</v>
      </c>
      <c r="AO34" s="150">
        <v>0.2306</v>
      </c>
      <c r="AP34" s="150">
        <v>0.25879999999999997</v>
      </c>
      <c r="AQ34" s="151">
        <v>0.26590000000000003</v>
      </c>
      <c r="AR34" s="140">
        <v>0.24879999999999999</v>
      </c>
      <c r="AS34" s="150">
        <v>0.2298</v>
      </c>
      <c r="AT34" s="150">
        <v>0.20800000000000002</v>
      </c>
      <c r="AU34" s="150">
        <v>0.18260000000000001</v>
      </c>
      <c r="AV34" s="111">
        <v>0.17559999999999998</v>
      </c>
      <c r="AW34" s="150">
        <v>0.16309999999999999</v>
      </c>
      <c r="AX34" s="146">
        <v>0.15090000000000001</v>
      </c>
      <c r="AY34" s="144">
        <v>0.1358</v>
      </c>
      <c r="AZ34" s="150">
        <v>0.13570000000000002</v>
      </c>
      <c r="BA34" s="144">
        <v>0.1439</v>
      </c>
      <c r="BB34" s="150">
        <v>0.1547</v>
      </c>
      <c r="BC34" s="150">
        <v>0.16370000000000001</v>
      </c>
      <c r="BD34" s="150">
        <v>0.16089999999999999</v>
      </c>
      <c r="BE34" s="111">
        <v>0.16269999999999998</v>
      </c>
    </row>
    <row r="35" spans="3:57" x14ac:dyDescent="0.2">
      <c r="C35" s="126" t="s">
        <v>175</v>
      </c>
      <c r="D35" s="158" t="s">
        <v>58</v>
      </c>
      <c r="E35" s="153">
        <v>0.49</v>
      </c>
      <c r="F35" s="153">
        <v>0.5</v>
      </c>
      <c r="G35" s="146">
        <v>0.57999999999999996</v>
      </c>
      <c r="H35" s="153">
        <v>0.65</v>
      </c>
      <c r="I35" s="153">
        <v>0.66</v>
      </c>
      <c r="J35" s="111">
        <v>0.61</v>
      </c>
      <c r="K35" s="153">
        <v>0.61</v>
      </c>
      <c r="L35" s="140">
        <v>0.53</v>
      </c>
      <c r="M35" s="146">
        <v>0.53</v>
      </c>
      <c r="N35" s="146">
        <v>0.54</v>
      </c>
      <c r="O35" s="153">
        <v>0.53</v>
      </c>
      <c r="P35" s="146">
        <v>0.55000000000000004</v>
      </c>
      <c r="Q35" s="142">
        <v>0.54</v>
      </c>
      <c r="R35" s="160">
        <v>0.55770000000000008</v>
      </c>
      <c r="S35" s="111">
        <v>0.58160000000000001</v>
      </c>
      <c r="T35" s="111">
        <v>0.61080000000000001</v>
      </c>
      <c r="U35" s="111">
        <v>0.59540000000000004</v>
      </c>
      <c r="V35" s="140">
        <v>0.59750000000000003</v>
      </c>
      <c r="W35" s="148">
        <v>0.57200000000000006</v>
      </c>
      <c r="X35" s="140">
        <v>0.59150000000000003</v>
      </c>
      <c r="Y35" s="148">
        <v>0.54830000000000001</v>
      </c>
      <c r="Z35" s="148">
        <v>0.57469999999999999</v>
      </c>
      <c r="AA35" s="148">
        <v>0.61960000000000004</v>
      </c>
      <c r="AB35" s="148">
        <v>0.68049999999999999</v>
      </c>
      <c r="AC35" s="144">
        <v>0.67099999999999993</v>
      </c>
      <c r="AD35" s="111">
        <v>0.64480000000000004</v>
      </c>
      <c r="AE35" s="160">
        <v>0.69330000000000003</v>
      </c>
      <c r="AF35" s="111">
        <v>0.69469999999999998</v>
      </c>
      <c r="AG35" s="111">
        <v>0.50659999999999994</v>
      </c>
      <c r="AH35" s="150">
        <v>0.74829999999999997</v>
      </c>
      <c r="AI35" s="150">
        <v>0.70920000000000005</v>
      </c>
      <c r="AJ35" s="150">
        <v>0.65839999999999999</v>
      </c>
      <c r="AK35" s="111">
        <v>0.74870000000000003</v>
      </c>
      <c r="AL35" s="150">
        <v>0.74919999999999998</v>
      </c>
      <c r="AM35" s="150">
        <v>0.74879999999999991</v>
      </c>
      <c r="AN35" s="150">
        <v>0.66839999999999999</v>
      </c>
      <c r="AO35" s="150">
        <v>0.59650000000000003</v>
      </c>
      <c r="AP35" s="150">
        <v>0.51849999999999996</v>
      </c>
      <c r="AQ35" s="151">
        <v>0.52390000000000003</v>
      </c>
      <c r="AR35" s="140">
        <v>0.53739999999999999</v>
      </c>
      <c r="AS35" s="150">
        <v>0.6008</v>
      </c>
      <c r="AT35" s="150">
        <v>0.65269999999999995</v>
      </c>
      <c r="AU35" s="150">
        <v>0.65349999999999997</v>
      </c>
      <c r="AV35" s="111">
        <v>0.61480000000000001</v>
      </c>
      <c r="AW35" s="150">
        <v>0.61</v>
      </c>
      <c r="AX35" s="146">
        <v>0.58040000000000003</v>
      </c>
      <c r="AY35" s="111">
        <v>0.56020000000000003</v>
      </c>
      <c r="AZ35" s="150">
        <v>0.54189999999999994</v>
      </c>
      <c r="BA35" s="111">
        <v>0.57100000000000006</v>
      </c>
      <c r="BB35" s="150">
        <v>0.5534</v>
      </c>
      <c r="BC35" s="150">
        <v>0.56479999999999997</v>
      </c>
      <c r="BD35" s="150">
        <v>0.56169999999999998</v>
      </c>
      <c r="BE35" s="111">
        <v>0.56579999999999997</v>
      </c>
    </row>
    <row r="36" spans="3:57" x14ac:dyDescent="0.2">
      <c r="C36" s="126" t="s">
        <v>177</v>
      </c>
      <c r="D36" s="158" t="s">
        <v>58</v>
      </c>
      <c r="E36" s="165">
        <v>0.43</v>
      </c>
      <c r="F36" s="153">
        <v>0.86</v>
      </c>
      <c r="G36" s="146">
        <v>1.1299999999999999</v>
      </c>
      <c r="H36" s="153">
        <v>1.34</v>
      </c>
      <c r="I36" s="153">
        <v>0.88</v>
      </c>
      <c r="J36" s="111">
        <v>0.34</v>
      </c>
      <c r="K36" s="153">
        <v>0.33</v>
      </c>
      <c r="L36" s="140">
        <v>0.22</v>
      </c>
      <c r="M36" s="146">
        <v>0.25</v>
      </c>
      <c r="N36" s="146">
        <v>0.23</v>
      </c>
      <c r="O36" s="153">
        <v>0.34</v>
      </c>
      <c r="P36" s="146">
        <v>0.86</v>
      </c>
      <c r="Q36" s="142">
        <v>1</v>
      </c>
      <c r="R36" s="160">
        <v>0.96</v>
      </c>
      <c r="S36" s="111">
        <v>0.75</v>
      </c>
      <c r="T36" s="111">
        <v>0.4</v>
      </c>
      <c r="U36" s="111">
        <v>0.31</v>
      </c>
      <c r="V36" s="140">
        <v>0.3</v>
      </c>
      <c r="W36" s="148">
        <v>0.18</v>
      </c>
      <c r="X36" s="140">
        <v>0.25</v>
      </c>
      <c r="Y36" s="148">
        <v>0.21</v>
      </c>
      <c r="Z36" s="148">
        <v>0.25</v>
      </c>
      <c r="AA36" s="148">
        <v>0.28000000000000003</v>
      </c>
      <c r="AB36" s="148">
        <v>0.26</v>
      </c>
      <c r="AC36" s="144">
        <v>0.3</v>
      </c>
      <c r="AD36" s="111">
        <v>0.21</v>
      </c>
      <c r="AE36" s="160">
        <v>0.25540000000000002</v>
      </c>
      <c r="AF36" s="111">
        <v>0.31259999999999999</v>
      </c>
      <c r="AG36" s="111">
        <v>0.3024</v>
      </c>
      <c r="AH36" s="150">
        <v>0.33380000000000004</v>
      </c>
      <c r="AI36" s="150">
        <v>0.3286</v>
      </c>
      <c r="AJ36" s="150">
        <v>0.35</v>
      </c>
      <c r="AK36" s="111">
        <v>0.32869999999999999</v>
      </c>
      <c r="AL36" s="150">
        <v>0.35600000000000004</v>
      </c>
      <c r="AM36" s="150">
        <v>0.36619999999999997</v>
      </c>
      <c r="AN36" s="150">
        <v>0.55859999999999999</v>
      </c>
      <c r="AO36" s="150">
        <v>0.8861</v>
      </c>
      <c r="AP36" s="150">
        <v>0.57789999999999997</v>
      </c>
      <c r="AQ36" s="151">
        <v>0.47170000000000001</v>
      </c>
      <c r="AR36" s="140">
        <v>0.58810000000000007</v>
      </c>
      <c r="AS36" s="111" t="s">
        <v>178</v>
      </c>
      <c r="AT36" s="150">
        <v>1.2664</v>
      </c>
      <c r="AU36" s="150">
        <v>1.3478999999999999</v>
      </c>
      <c r="AV36" s="111">
        <v>0.97959999999999992</v>
      </c>
      <c r="AW36" s="150">
        <v>0.58950000000000002</v>
      </c>
      <c r="AX36" s="146">
        <v>0.26170000000000004</v>
      </c>
      <c r="AY36" s="111">
        <v>0.21840000000000001</v>
      </c>
      <c r="AZ36" s="150">
        <v>0.36349999999999999</v>
      </c>
      <c r="BA36" s="111">
        <v>0.33450000000000002</v>
      </c>
      <c r="BB36" s="150">
        <v>0.27129999999999999</v>
      </c>
      <c r="BC36" s="150">
        <v>0.2266</v>
      </c>
      <c r="BD36" s="150">
        <v>0.25359999999999999</v>
      </c>
      <c r="BE36" s="111">
        <v>0.49170000000000003</v>
      </c>
    </row>
    <row r="37" spans="3:57" x14ac:dyDescent="0.2">
      <c r="C37" s="126" t="s">
        <v>122</v>
      </c>
      <c r="D37" s="158" t="s">
        <v>58</v>
      </c>
      <c r="E37" s="153">
        <v>0.1</v>
      </c>
      <c r="F37" s="153">
        <v>0.12</v>
      </c>
      <c r="G37" s="146">
        <v>0.11</v>
      </c>
      <c r="H37" s="153">
        <v>0.09</v>
      </c>
      <c r="I37" s="153">
        <v>0.09</v>
      </c>
      <c r="J37" s="111">
        <v>0.09</v>
      </c>
      <c r="K37" s="153">
        <v>0.09</v>
      </c>
      <c r="L37" s="140">
        <v>0.09</v>
      </c>
      <c r="M37" s="146">
        <v>0.09</v>
      </c>
      <c r="N37" s="146">
        <v>0.1</v>
      </c>
      <c r="O37" s="153">
        <v>0.11</v>
      </c>
      <c r="P37" s="146">
        <v>0.12</v>
      </c>
      <c r="Q37" s="142">
        <v>0.15</v>
      </c>
      <c r="R37" s="160">
        <v>0.18030000000000002</v>
      </c>
      <c r="S37" s="111">
        <v>0.21929999999999999</v>
      </c>
      <c r="T37" s="111">
        <v>0.23120000000000002</v>
      </c>
      <c r="U37" s="111">
        <v>0.26590000000000003</v>
      </c>
      <c r="V37" s="140">
        <v>0.21510000000000001</v>
      </c>
      <c r="W37" s="148">
        <v>0.16039999999999999</v>
      </c>
      <c r="X37" s="140">
        <v>0.14990000000000001</v>
      </c>
      <c r="Y37" s="148">
        <v>0.14080000000000001</v>
      </c>
      <c r="Z37" s="148">
        <v>0.13470000000000001</v>
      </c>
      <c r="AA37" s="148">
        <v>0.1206</v>
      </c>
      <c r="AB37" s="148">
        <v>0.1411</v>
      </c>
      <c r="AC37" s="144">
        <v>0.1512</v>
      </c>
      <c r="AD37" s="111">
        <v>0.15240000000000001</v>
      </c>
      <c r="AE37" s="160">
        <v>0.14150000000000001</v>
      </c>
      <c r="AF37" s="111">
        <v>0.1298</v>
      </c>
      <c r="AG37" s="111">
        <v>0.11359999999999999</v>
      </c>
      <c r="AH37" s="150">
        <v>0.11380000000000001</v>
      </c>
      <c r="AI37" s="150">
        <v>0.11230000000000001</v>
      </c>
      <c r="AJ37" s="150">
        <v>0.1118</v>
      </c>
      <c r="AK37" s="111">
        <v>0.1182</v>
      </c>
      <c r="AL37" s="150">
        <v>0.10859999999999999</v>
      </c>
      <c r="AM37" s="150">
        <v>0.1149</v>
      </c>
      <c r="AN37" s="150">
        <v>0.1103</v>
      </c>
      <c r="AO37" s="150">
        <v>0.1105</v>
      </c>
      <c r="AP37" s="150">
        <v>0.13039999999999999</v>
      </c>
      <c r="AQ37" s="151">
        <v>0.15049999999999999</v>
      </c>
      <c r="AR37" s="140">
        <v>0.18030000000000002</v>
      </c>
      <c r="AS37" s="150">
        <v>0.1653</v>
      </c>
      <c r="AT37" s="150">
        <v>0.16570000000000001</v>
      </c>
      <c r="AU37" s="150">
        <v>0.1691</v>
      </c>
      <c r="AV37" s="111">
        <v>0.1696</v>
      </c>
      <c r="AW37" s="150">
        <v>0.18090000000000001</v>
      </c>
      <c r="AX37" s="146">
        <v>0.1711</v>
      </c>
      <c r="AY37" s="111">
        <v>0.16930000000000001</v>
      </c>
      <c r="AZ37" s="150">
        <v>0.16320000000000001</v>
      </c>
      <c r="BA37" s="111">
        <v>0.16760000000000003</v>
      </c>
      <c r="BB37" s="150">
        <v>0.16639999999999999</v>
      </c>
      <c r="BC37" s="150">
        <v>0.16579999999999998</v>
      </c>
      <c r="BD37" s="150">
        <v>0.16550000000000001</v>
      </c>
      <c r="BE37" s="111">
        <v>0.16760000000000003</v>
      </c>
    </row>
    <row r="38" spans="3:57" x14ac:dyDescent="0.2">
      <c r="C38" s="126" t="s">
        <v>82</v>
      </c>
      <c r="D38" s="158" t="s">
        <v>58</v>
      </c>
      <c r="E38" s="153">
        <v>1.74</v>
      </c>
      <c r="F38" s="153">
        <v>1.79</v>
      </c>
      <c r="G38" s="146">
        <v>2.04</v>
      </c>
      <c r="H38" s="153">
        <v>1.96</v>
      </c>
      <c r="I38" s="153">
        <v>1.92</v>
      </c>
      <c r="J38" s="153">
        <v>1.81</v>
      </c>
      <c r="K38" s="153">
        <v>1.81</v>
      </c>
      <c r="L38" s="140">
        <v>1.77</v>
      </c>
      <c r="M38" s="146">
        <v>1.88</v>
      </c>
      <c r="N38" s="146">
        <v>2</v>
      </c>
      <c r="O38" s="153" t="s">
        <v>90</v>
      </c>
      <c r="P38" s="146">
        <v>1.81</v>
      </c>
      <c r="Q38" s="142">
        <v>1.97</v>
      </c>
      <c r="R38" s="160">
        <v>1.92</v>
      </c>
      <c r="S38" s="111">
        <v>1.7</v>
      </c>
      <c r="T38" s="111">
        <v>1.72</v>
      </c>
      <c r="U38" s="111">
        <v>1.52</v>
      </c>
      <c r="V38" s="140">
        <v>1.42</v>
      </c>
      <c r="W38" s="148">
        <v>1.3829</v>
      </c>
      <c r="X38" s="140">
        <v>1.4243000000000001</v>
      </c>
      <c r="Y38" s="148">
        <v>1.5713999999999999</v>
      </c>
      <c r="Z38" s="148">
        <v>1.6944999999999999</v>
      </c>
      <c r="AA38" s="148">
        <v>1.6259000000000001</v>
      </c>
      <c r="AB38" s="148">
        <v>1.5580000000000001</v>
      </c>
      <c r="AC38" s="144">
        <v>1.6509</v>
      </c>
      <c r="AD38" s="153">
        <v>1.5459000000000001</v>
      </c>
      <c r="AE38" s="160">
        <v>1.5530000000000002</v>
      </c>
      <c r="AF38" s="153">
        <v>1.4982</v>
      </c>
      <c r="AG38" s="153">
        <v>1.514</v>
      </c>
      <c r="AH38" s="150">
        <v>1.6933</v>
      </c>
      <c r="AI38" s="150">
        <v>1.7163999999999999</v>
      </c>
      <c r="AJ38" s="150">
        <v>1.6128</v>
      </c>
      <c r="AK38" s="153">
        <v>1.6359999999999999</v>
      </c>
      <c r="AL38" s="150">
        <v>1.6355000000000002</v>
      </c>
      <c r="AM38" s="150">
        <v>1.5975999999999999</v>
      </c>
      <c r="AN38" s="150">
        <v>1.7046999999999999</v>
      </c>
      <c r="AO38" s="150">
        <v>1.8653999999999999</v>
      </c>
      <c r="AP38" s="150">
        <v>1.7563</v>
      </c>
      <c r="AQ38" s="151">
        <v>1.8300999999999998</v>
      </c>
      <c r="AR38" s="140">
        <v>1.7421</v>
      </c>
      <c r="AS38" s="150">
        <v>1.5859999999999999</v>
      </c>
      <c r="AT38" s="150">
        <v>1.6261000000000001</v>
      </c>
      <c r="AU38" s="150">
        <v>1.6615</v>
      </c>
      <c r="AV38" s="153">
        <v>1.6174000000000002</v>
      </c>
      <c r="AW38" s="150">
        <v>1.4783999999999999</v>
      </c>
      <c r="AX38" s="146">
        <v>1.4428999999999998</v>
      </c>
      <c r="AY38" s="153">
        <v>1.3230999999999999</v>
      </c>
      <c r="AZ38" s="150">
        <v>1.4856</v>
      </c>
      <c r="BA38" s="153">
        <v>1.6827000000000001</v>
      </c>
      <c r="BB38" s="150">
        <v>1.7986000000000002</v>
      </c>
      <c r="BC38" s="150">
        <v>1.7508000000000001</v>
      </c>
      <c r="BD38" s="150">
        <v>1.7094999999999998</v>
      </c>
      <c r="BE38" s="111">
        <v>1.7556</v>
      </c>
    </row>
    <row r="39" spans="3:57" x14ac:dyDescent="0.2">
      <c r="C39" s="126" t="s">
        <v>84</v>
      </c>
      <c r="D39" s="158" t="s">
        <v>85</v>
      </c>
      <c r="E39" s="153">
        <v>0.27</v>
      </c>
      <c r="F39" s="153">
        <v>0.27</v>
      </c>
      <c r="G39" s="146">
        <v>0.28999999999999998</v>
      </c>
      <c r="H39" s="153">
        <v>0.31</v>
      </c>
      <c r="I39" s="153">
        <v>0.3</v>
      </c>
      <c r="J39" s="153">
        <v>0.37</v>
      </c>
      <c r="K39" s="153">
        <v>0.28999999999999998</v>
      </c>
      <c r="L39" s="140">
        <v>0.22</v>
      </c>
      <c r="M39" s="146">
        <v>0.2</v>
      </c>
      <c r="N39" s="146">
        <v>0.19</v>
      </c>
      <c r="O39" s="153">
        <v>0.27</v>
      </c>
      <c r="P39" s="146">
        <v>0.27</v>
      </c>
      <c r="Q39" s="142">
        <v>0.28000000000000003</v>
      </c>
      <c r="R39" s="160">
        <v>0.27089999999999997</v>
      </c>
      <c r="S39" s="111">
        <v>0.27489999999999998</v>
      </c>
      <c r="T39" s="111">
        <v>0.27639999999999998</v>
      </c>
      <c r="U39" s="111">
        <v>0.28000000000000003</v>
      </c>
      <c r="V39" s="140">
        <v>0.24809999999999999</v>
      </c>
      <c r="W39" s="148">
        <v>0.2525</v>
      </c>
      <c r="X39" s="140">
        <v>0.24559999999999998</v>
      </c>
      <c r="Y39" s="148">
        <v>0.23420000000000002</v>
      </c>
      <c r="Z39" s="148">
        <v>0.24329999999999999</v>
      </c>
      <c r="AA39" s="148">
        <v>0.26</v>
      </c>
      <c r="AB39" s="148">
        <v>0.28039999999999998</v>
      </c>
      <c r="AC39" s="144">
        <v>0.2707</v>
      </c>
      <c r="AD39" s="153">
        <v>0.28210000000000002</v>
      </c>
      <c r="AE39" s="160">
        <v>0.28999999999999998</v>
      </c>
      <c r="AF39" s="153">
        <v>0.2606</v>
      </c>
      <c r="AG39" s="153">
        <v>0.248</v>
      </c>
      <c r="AH39" s="150">
        <v>0.2535</v>
      </c>
      <c r="AI39" s="150">
        <v>0.254</v>
      </c>
      <c r="AJ39" s="150">
        <v>0.23710000000000001</v>
      </c>
      <c r="AK39" s="153">
        <v>0.218</v>
      </c>
      <c r="AL39" s="150">
        <v>0.20190000000000002</v>
      </c>
      <c r="AM39" s="150">
        <v>0.19519999999999998</v>
      </c>
      <c r="AN39" s="150">
        <v>0.28249999999999997</v>
      </c>
      <c r="AO39" s="150">
        <v>0.24929999999999999</v>
      </c>
      <c r="AP39" s="150">
        <v>0.2354</v>
      </c>
      <c r="AQ39" s="151">
        <v>0.22760000000000002</v>
      </c>
      <c r="AR39" s="140">
        <v>0.23039999999999999</v>
      </c>
      <c r="AS39" s="150">
        <v>0.22589999999999999</v>
      </c>
      <c r="AT39" s="150">
        <v>0.21710000000000002</v>
      </c>
      <c r="AU39" s="150">
        <v>0.2288</v>
      </c>
      <c r="AV39" s="153">
        <v>0.23100000000000001</v>
      </c>
      <c r="AW39" s="150">
        <v>0.21960000000000002</v>
      </c>
      <c r="AX39" s="146">
        <v>0.22260000000000002</v>
      </c>
      <c r="AY39" s="153">
        <v>0.21829999999999999</v>
      </c>
      <c r="AZ39" s="150">
        <v>0.2072</v>
      </c>
      <c r="BA39" s="153">
        <v>0.20010000000000003</v>
      </c>
      <c r="BB39" s="150">
        <v>0.20480000000000001</v>
      </c>
      <c r="BC39" s="150">
        <v>0.19839999999999999</v>
      </c>
      <c r="BD39" s="150">
        <v>0.20300000000000001</v>
      </c>
      <c r="BE39" s="111">
        <v>0.1925</v>
      </c>
    </row>
    <row r="40" spans="3:57" x14ac:dyDescent="0.2">
      <c r="C40" s="126" t="s">
        <v>118</v>
      </c>
      <c r="D40" s="158" t="s">
        <v>58</v>
      </c>
      <c r="E40" s="153">
        <v>0.75</v>
      </c>
      <c r="F40" s="153">
        <v>0.72</v>
      </c>
      <c r="G40" s="146">
        <v>0.8</v>
      </c>
      <c r="H40" s="153">
        <v>0.77</v>
      </c>
      <c r="I40" s="153">
        <v>0.68</v>
      </c>
      <c r="J40" s="153">
        <v>0.74</v>
      </c>
      <c r="K40" s="153">
        <v>0.76</v>
      </c>
      <c r="L40" s="140">
        <v>0.78</v>
      </c>
      <c r="M40" s="146">
        <v>0.92</v>
      </c>
      <c r="N40" s="146">
        <v>1.1499999999999999</v>
      </c>
      <c r="O40" s="153">
        <v>1.35</v>
      </c>
      <c r="P40" s="146">
        <v>1.1299999999999999</v>
      </c>
      <c r="Q40" s="142">
        <v>1.34</v>
      </c>
      <c r="R40" s="160">
        <v>1.2934000000000001</v>
      </c>
      <c r="S40" s="111">
        <v>1.4321999999999999</v>
      </c>
      <c r="T40" s="111">
        <v>1.0143</v>
      </c>
      <c r="U40" s="111">
        <v>0.51580000000000004</v>
      </c>
      <c r="V40" s="140">
        <v>0.5907</v>
      </c>
      <c r="W40" s="148">
        <v>0.57440000000000002</v>
      </c>
      <c r="X40" s="140">
        <v>0.4612</v>
      </c>
      <c r="Y40" s="148">
        <v>0.4738</v>
      </c>
      <c r="Z40" s="148">
        <v>0.46479999999999999</v>
      </c>
      <c r="AA40" s="148">
        <v>0.63850000000000007</v>
      </c>
      <c r="AB40" s="148">
        <v>0.85400000000000009</v>
      </c>
      <c r="AC40" s="144">
        <v>0.70489999999999997</v>
      </c>
      <c r="AD40" s="153">
        <v>0.67390000000000005</v>
      </c>
      <c r="AE40" s="160">
        <v>0.69499999999999995</v>
      </c>
      <c r="AF40" s="153">
        <v>0.6876000000000001</v>
      </c>
      <c r="AG40" s="153">
        <v>0.67230000000000001</v>
      </c>
      <c r="AH40" s="150">
        <v>0.73180000000000012</v>
      </c>
      <c r="AI40" s="150">
        <v>0.68590000000000007</v>
      </c>
      <c r="AJ40" s="150">
        <v>0.6623</v>
      </c>
      <c r="AK40" s="153">
        <v>0.65859999999999996</v>
      </c>
      <c r="AL40" s="150">
        <v>0.63819999999999999</v>
      </c>
      <c r="AM40" s="150">
        <v>0.66520000000000001</v>
      </c>
      <c r="AN40" s="150">
        <v>0.62759999999999994</v>
      </c>
      <c r="AO40" s="150">
        <v>0.65760000000000007</v>
      </c>
      <c r="AP40" s="150">
        <v>0.5907</v>
      </c>
      <c r="AQ40" s="151">
        <v>0.59460000000000002</v>
      </c>
      <c r="AR40" s="140">
        <v>0.45380000000000004</v>
      </c>
      <c r="AS40" s="150">
        <v>0.44350000000000001</v>
      </c>
      <c r="AT40" s="150">
        <v>0.52349999999999997</v>
      </c>
      <c r="AU40" s="150">
        <v>0.62950000000000006</v>
      </c>
      <c r="AV40" s="153">
        <v>0.54730000000000001</v>
      </c>
      <c r="AW40" s="150">
        <v>0.51049999999999995</v>
      </c>
      <c r="AX40" s="146">
        <v>0.41249999999999998</v>
      </c>
      <c r="AY40" s="153">
        <v>0.39710000000000001</v>
      </c>
      <c r="AZ40" s="150">
        <v>0.42310000000000003</v>
      </c>
      <c r="BA40" s="153">
        <v>0.38469999999999999</v>
      </c>
      <c r="BB40" s="150">
        <v>0.48090000000000005</v>
      </c>
      <c r="BC40" s="150">
        <v>0.30649999999999999</v>
      </c>
      <c r="BD40" s="150">
        <v>0.46</v>
      </c>
      <c r="BE40" s="111">
        <v>0.46159999999999995</v>
      </c>
    </row>
    <row r="41" spans="3:57" x14ac:dyDescent="0.2">
      <c r="C41" s="126" t="s">
        <v>104</v>
      </c>
      <c r="D41" s="158" t="s">
        <v>58</v>
      </c>
      <c r="E41" s="153">
        <v>0.54</v>
      </c>
      <c r="F41" s="153">
        <v>0.62</v>
      </c>
      <c r="G41" s="146">
        <v>0.63</v>
      </c>
      <c r="H41" s="153">
        <v>0.65</v>
      </c>
      <c r="I41" s="153">
        <v>0.62</v>
      </c>
      <c r="J41" s="153">
        <v>0.67</v>
      </c>
      <c r="K41" s="153">
        <v>0.62</v>
      </c>
      <c r="L41" s="140">
        <v>0.56999999999999995</v>
      </c>
      <c r="M41" s="146">
        <v>0.54</v>
      </c>
      <c r="N41" s="146">
        <v>0.59</v>
      </c>
      <c r="O41" s="153">
        <v>0.68</v>
      </c>
      <c r="P41" s="146">
        <v>0.74</v>
      </c>
      <c r="Q41" s="142">
        <v>0.59</v>
      </c>
      <c r="R41" s="160">
        <v>0.74</v>
      </c>
      <c r="S41" s="111">
        <v>0.82</v>
      </c>
      <c r="T41" s="111">
        <v>0.73</v>
      </c>
      <c r="U41" s="111">
        <v>0.53</v>
      </c>
      <c r="V41" s="140">
        <v>0.4</v>
      </c>
      <c r="W41" s="148">
        <v>0.45</v>
      </c>
      <c r="X41" s="140">
        <v>0.37</v>
      </c>
      <c r="Y41" s="148">
        <v>0.41</v>
      </c>
      <c r="Z41" s="148">
        <v>0.51</v>
      </c>
      <c r="AA41" s="148">
        <v>0.44</v>
      </c>
      <c r="AB41" s="148">
        <v>0.39</v>
      </c>
      <c r="AC41" s="144">
        <v>0.46</v>
      </c>
      <c r="AD41" s="153">
        <v>0.54</v>
      </c>
      <c r="AE41" s="160">
        <v>0.55409999999999993</v>
      </c>
      <c r="AF41" s="153">
        <v>0.49359999999999998</v>
      </c>
      <c r="AG41" s="153">
        <v>0.49380000000000002</v>
      </c>
      <c r="AH41" s="150">
        <v>0.51340000000000008</v>
      </c>
      <c r="AI41" s="150">
        <v>0.50869999999999993</v>
      </c>
      <c r="AJ41" s="150">
        <v>0.48520000000000002</v>
      </c>
      <c r="AK41" s="153">
        <v>0.46029999999999999</v>
      </c>
      <c r="AL41" s="150">
        <v>0.47310000000000002</v>
      </c>
      <c r="AM41" s="150">
        <v>0.48479999999999995</v>
      </c>
      <c r="AN41" s="150">
        <v>0.40329999999999999</v>
      </c>
      <c r="AO41" s="150">
        <v>0.4889</v>
      </c>
      <c r="AP41" s="150">
        <v>0.69840000000000002</v>
      </c>
      <c r="AQ41" s="151">
        <v>0.68709999999999993</v>
      </c>
      <c r="AR41" s="140">
        <v>0.5958</v>
      </c>
      <c r="AS41" s="150">
        <v>0.79370000000000007</v>
      </c>
      <c r="AT41" s="150">
        <v>1.0283</v>
      </c>
      <c r="AU41" s="150">
        <v>1.0595999999999999</v>
      </c>
      <c r="AV41" s="153">
        <v>0.87239999999999995</v>
      </c>
      <c r="AW41" s="150">
        <v>0.73849999999999993</v>
      </c>
      <c r="AX41" s="146">
        <v>0.57109999999999994</v>
      </c>
      <c r="AY41" s="153">
        <v>0.44390000000000002</v>
      </c>
      <c r="AZ41" s="150">
        <v>0.44020000000000004</v>
      </c>
      <c r="BA41" s="153">
        <v>0.46079999999999999</v>
      </c>
      <c r="BB41" s="150">
        <v>0.54239999999999999</v>
      </c>
      <c r="BC41" s="150">
        <v>0.58950000000000002</v>
      </c>
      <c r="BD41" s="150">
        <v>0.51739999999999997</v>
      </c>
      <c r="BE41" s="111">
        <v>0.5323</v>
      </c>
    </row>
    <row r="42" spans="3:57" x14ac:dyDescent="0.2">
      <c r="C42" s="126" t="s">
        <v>87</v>
      </c>
      <c r="D42" s="158" t="s">
        <v>58</v>
      </c>
      <c r="E42" s="153">
        <v>0.19</v>
      </c>
      <c r="F42" s="153">
        <v>0.19</v>
      </c>
      <c r="G42" s="146">
        <v>0.19</v>
      </c>
      <c r="H42" s="153">
        <v>0.19</v>
      </c>
      <c r="I42" s="153">
        <v>0.19</v>
      </c>
      <c r="J42" s="153">
        <v>0.19</v>
      </c>
      <c r="K42" s="153">
        <v>0.19</v>
      </c>
      <c r="L42" s="140">
        <v>0.22</v>
      </c>
      <c r="M42" s="146">
        <v>0.19</v>
      </c>
      <c r="N42" s="146">
        <v>0.21</v>
      </c>
      <c r="O42" s="153">
        <v>0.23</v>
      </c>
      <c r="P42" s="146">
        <v>0.27</v>
      </c>
      <c r="Q42" s="142">
        <v>0.32</v>
      </c>
      <c r="R42" s="160">
        <v>0.33329999999999999</v>
      </c>
      <c r="S42" s="111">
        <v>0.33340000000000003</v>
      </c>
      <c r="T42" s="111">
        <v>0.32890000000000003</v>
      </c>
      <c r="U42" s="111">
        <v>0.32289999999999996</v>
      </c>
      <c r="V42" s="140">
        <v>0.2772</v>
      </c>
      <c r="W42" s="148">
        <v>0.34250000000000003</v>
      </c>
      <c r="X42" s="140">
        <v>0.3281</v>
      </c>
      <c r="Y42" s="148">
        <v>0.33640000000000003</v>
      </c>
      <c r="Z42" s="148">
        <v>0.33860000000000001</v>
      </c>
      <c r="AA42" s="148">
        <v>0.3135</v>
      </c>
      <c r="AB42" s="148">
        <v>0.27539999999999998</v>
      </c>
      <c r="AC42" s="144">
        <v>0.27739999999999998</v>
      </c>
      <c r="AD42" s="153">
        <v>0.27739999999999998</v>
      </c>
      <c r="AE42" s="160">
        <v>0.2457</v>
      </c>
      <c r="AF42" s="153">
        <v>0.22140000000000001</v>
      </c>
      <c r="AG42" s="153">
        <v>0.20629999999999998</v>
      </c>
      <c r="AH42" s="150">
        <v>0.20629999999999998</v>
      </c>
      <c r="AI42" s="150">
        <v>0.21539999999999998</v>
      </c>
      <c r="AJ42" s="150">
        <v>0.22620000000000001</v>
      </c>
      <c r="AK42" s="153">
        <v>0.22329999999999997</v>
      </c>
      <c r="AL42" s="150">
        <v>0.22329999999999997</v>
      </c>
      <c r="AM42" s="150">
        <v>0.22329999999999997</v>
      </c>
      <c r="AN42" s="150">
        <v>0.22690000000000002</v>
      </c>
      <c r="AO42" s="150">
        <v>0.22690000000000002</v>
      </c>
      <c r="AP42" s="150">
        <v>0.22089999999999999</v>
      </c>
      <c r="AQ42" s="151">
        <v>0.22089999999999999</v>
      </c>
      <c r="AR42" s="140">
        <v>0.22039999999999998</v>
      </c>
      <c r="AS42" s="150">
        <v>0.218</v>
      </c>
      <c r="AT42" s="150">
        <v>0.19899999999999998</v>
      </c>
      <c r="AU42" s="150">
        <v>0.19879999999999998</v>
      </c>
      <c r="AV42" s="153">
        <v>0.1895</v>
      </c>
      <c r="AW42" s="150">
        <v>0.18899999999999997</v>
      </c>
      <c r="AX42" s="146">
        <v>0.18890000000000001</v>
      </c>
      <c r="AY42" s="153">
        <v>0.18890000000000001</v>
      </c>
      <c r="AZ42" s="150">
        <v>0.1857</v>
      </c>
      <c r="BA42" s="153">
        <v>0.1857</v>
      </c>
      <c r="BB42" s="150">
        <v>0.18309999999999998</v>
      </c>
      <c r="BC42" s="150">
        <v>0.18340000000000001</v>
      </c>
      <c r="BD42" s="150">
        <v>0.18340000000000001</v>
      </c>
      <c r="BE42" s="111">
        <v>0.18340000000000001</v>
      </c>
    </row>
    <row r="43" spans="3:57" x14ac:dyDescent="0.2">
      <c r="C43" s="126" t="s">
        <v>88</v>
      </c>
      <c r="D43" s="158" t="s">
        <v>58</v>
      </c>
      <c r="E43" s="153">
        <v>0.41</v>
      </c>
      <c r="F43" s="153">
        <v>0.4</v>
      </c>
      <c r="G43" s="146">
        <v>0.41</v>
      </c>
      <c r="H43" s="153">
        <v>0.41</v>
      </c>
      <c r="I43" s="153">
        <v>0.41</v>
      </c>
      <c r="J43" s="153">
        <v>0.4</v>
      </c>
      <c r="K43" s="153">
        <v>0.4</v>
      </c>
      <c r="L43" s="140">
        <v>0.4</v>
      </c>
      <c r="M43" s="146">
        <v>0.4</v>
      </c>
      <c r="N43" s="146">
        <v>0.39</v>
      </c>
      <c r="O43" s="153">
        <v>0.38</v>
      </c>
      <c r="P43" s="146">
        <v>0.4</v>
      </c>
      <c r="Q43" s="142">
        <v>0.44</v>
      </c>
      <c r="R43" s="160">
        <v>0.48</v>
      </c>
      <c r="S43" s="111">
        <v>0.51</v>
      </c>
      <c r="T43" s="111">
        <v>0.56000000000000005</v>
      </c>
      <c r="U43" s="111">
        <v>0.67</v>
      </c>
      <c r="V43" s="140">
        <v>0.69</v>
      </c>
      <c r="W43" s="148">
        <v>0.75</v>
      </c>
      <c r="X43" s="140">
        <v>0.74</v>
      </c>
      <c r="Y43" s="148">
        <v>0.7</v>
      </c>
      <c r="Z43" s="148">
        <v>0.66</v>
      </c>
      <c r="AA43" s="148">
        <v>0.60770000000000002</v>
      </c>
      <c r="AB43" s="148">
        <v>0.52579999999999993</v>
      </c>
      <c r="AC43" s="144">
        <v>0.48729999999999996</v>
      </c>
      <c r="AD43" s="153">
        <v>0.44140000000000001</v>
      </c>
      <c r="AE43" s="160">
        <v>0.42200000000000004</v>
      </c>
      <c r="AF43" s="153">
        <v>0.3125</v>
      </c>
      <c r="AG43" s="153">
        <v>0.3125</v>
      </c>
      <c r="AH43" s="150">
        <v>0.3125</v>
      </c>
      <c r="AI43" s="150">
        <v>0.23749999999999999</v>
      </c>
      <c r="AJ43" s="150">
        <v>0.24249999999999999</v>
      </c>
      <c r="AK43" s="153">
        <v>0.23749999999999999</v>
      </c>
      <c r="AL43" s="150">
        <v>0.25</v>
      </c>
      <c r="AM43" s="150">
        <v>0.22500000000000001</v>
      </c>
      <c r="AN43" s="150">
        <v>0.22500000000000001</v>
      </c>
      <c r="AO43" s="150">
        <v>0.22500000000000001</v>
      </c>
      <c r="AP43" s="150">
        <v>0.52890000000000004</v>
      </c>
      <c r="AQ43" s="151">
        <v>0.52060000000000006</v>
      </c>
      <c r="AR43" s="140">
        <v>0.48499999999999999</v>
      </c>
      <c r="AS43" s="150">
        <v>0.47270000000000001</v>
      </c>
      <c r="AT43" s="150">
        <v>0.44229999999999997</v>
      </c>
      <c r="AU43" s="150">
        <v>0.41739999999999999</v>
      </c>
      <c r="AV43" s="153">
        <v>0.34130000000000005</v>
      </c>
      <c r="AW43" s="150">
        <v>0.33889999999999998</v>
      </c>
      <c r="AX43" s="146">
        <v>0.34639999999999999</v>
      </c>
      <c r="AY43" s="153">
        <v>0.29620000000000002</v>
      </c>
      <c r="AZ43" s="150">
        <v>0.26069999999999999</v>
      </c>
      <c r="BA43" s="153">
        <v>0.25</v>
      </c>
      <c r="BB43" s="150">
        <v>0.23879999999999998</v>
      </c>
      <c r="BC43" s="150">
        <v>0.22339999999999999</v>
      </c>
      <c r="BD43" s="150">
        <v>0.2102</v>
      </c>
      <c r="BE43" s="111">
        <v>0.19059999999999999</v>
      </c>
    </row>
    <row r="44" spans="3:57" x14ac:dyDescent="0.2">
      <c r="C44" s="166" t="s">
        <v>123</v>
      </c>
      <c r="D44" s="158" t="s">
        <v>58</v>
      </c>
      <c r="E44" s="162">
        <v>0.36</v>
      </c>
      <c r="F44" s="162">
        <v>0.38</v>
      </c>
      <c r="G44" s="146">
        <v>0.41</v>
      </c>
      <c r="H44" s="162">
        <v>0.41</v>
      </c>
      <c r="I44" s="162">
        <v>0.39</v>
      </c>
      <c r="J44" s="162">
        <v>0.46</v>
      </c>
      <c r="K44" s="153">
        <v>0.62</v>
      </c>
      <c r="L44" s="140">
        <v>0.62</v>
      </c>
      <c r="M44" s="146" t="s">
        <v>90</v>
      </c>
      <c r="N44" s="146" t="s">
        <v>90</v>
      </c>
      <c r="O44" s="153" t="s">
        <v>90</v>
      </c>
      <c r="P44" s="146" t="s">
        <v>90</v>
      </c>
      <c r="Q44" s="142" t="s">
        <v>90</v>
      </c>
      <c r="R44" s="160" t="s">
        <v>90</v>
      </c>
      <c r="S44" s="111" t="s">
        <v>90</v>
      </c>
      <c r="T44" s="111" t="s">
        <v>90</v>
      </c>
      <c r="U44" s="111" t="s">
        <v>90</v>
      </c>
      <c r="V44" s="140" t="s">
        <v>90</v>
      </c>
      <c r="W44" s="148" t="s">
        <v>90</v>
      </c>
      <c r="X44" s="140" t="s">
        <v>90</v>
      </c>
      <c r="Y44" s="148" t="s">
        <v>90</v>
      </c>
      <c r="Z44" s="148" t="s">
        <v>90</v>
      </c>
      <c r="AA44" s="148" t="s">
        <v>90</v>
      </c>
      <c r="AB44" s="148" t="s">
        <v>90</v>
      </c>
      <c r="AC44" s="144" t="s">
        <v>90</v>
      </c>
      <c r="AD44" s="162" t="s">
        <v>90</v>
      </c>
      <c r="AE44" s="160" t="s">
        <v>90</v>
      </c>
      <c r="AF44" s="140" t="s">
        <v>90</v>
      </c>
      <c r="AG44" s="162">
        <v>0.55000000000000004</v>
      </c>
      <c r="AH44" s="17" t="s">
        <v>90</v>
      </c>
      <c r="AI44" s="140" t="s">
        <v>90</v>
      </c>
      <c r="AJ44" s="150">
        <v>0.35539999999999999</v>
      </c>
      <c r="AK44" s="153">
        <v>0.38020000000000004</v>
      </c>
      <c r="AL44" s="150">
        <v>0.34979999999999994</v>
      </c>
      <c r="AM44" s="150">
        <v>0.39219999999999999</v>
      </c>
      <c r="AN44" s="150">
        <v>0.3765</v>
      </c>
      <c r="AO44" s="150">
        <v>0.37859999999999999</v>
      </c>
      <c r="AP44" s="150">
        <v>0.39890000000000003</v>
      </c>
      <c r="AQ44" s="151">
        <v>0.42200000000000004</v>
      </c>
      <c r="AR44" s="140">
        <v>0.42979999999999996</v>
      </c>
      <c r="AS44" s="150">
        <v>0.40350000000000003</v>
      </c>
      <c r="AT44" s="150">
        <v>0.38740000000000002</v>
      </c>
      <c r="AU44" s="150">
        <v>0.36509999999999998</v>
      </c>
      <c r="AV44" s="162">
        <v>0.33390000000000003</v>
      </c>
      <c r="AW44" s="150">
        <v>0.31240000000000001</v>
      </c>
      <c r="AX44" s="146">
        <v>0.27310000000000001</v>
      </c>
      <c r="AY44" s="153">
        <v>0.248</v>
      </c>
      <c r="AZ44" s="150">
        <v>0.24249999999999999</v>
      </c>
      <c r="BA44" s="162" t="s">
        <v>183</v>
      </c>
      <c r="BB44" s="150">
        <v>0.21530000000000002</v>
      </c>
      <c r="BC44" s="150">
        <v>0.2009</v>
      </c>
      <c r="BD44" s="150">
        <v>0.192</v>
      </c>
      <c r="BE44" s="111">
        <v>0.19309999999999999</v>
      </c>
    </row>
    <row r="45" spans="3:57" x14ac:dyDescent="0.2">
      <c r="C45" s="166" t="s">
        <v>100</v>
      </c>
      <c r="D45" s="158" t="s">
        <v>58</v>
      </c>
      <c r="E45" s="153">
        <v>0.24</v>
      </c>
      <c r="F45" s="153">
        <v>0.25</v>
      </c>
      <c r="G45" s="146">
        <v>0.26</v>
      </c>
      <c r="H45" s="153">
        <v>0.26</v>
      </c>
      <c r="I45" s="153">
        <v>0.27</v>
      </c>
      <c r="J45" s="153">
        <v>0.3</v>
      </c>
      <c r="K45" s="153">
        <v>0.31</v>
      </c>
      <c r="L45" s="140">
        <v>0.28999999999999998</v>
      </c>
      <c r="M45" s="146">
        <v>0.28000000000000003</v>
      </c>
      <c r="N45" s="146">
        <v>0.28000000000000003</v>
      </c>
      <c r="O45" s="153">
        <v>0.28000000000000003</v>
      </c>
      <c r="P45" s="146">
        <v>0.3</v>
      </c>
      <c r="Q45" s="142">
        <v>0.32</v>
      </c>
      <c r="R45" s="160">
        <v>0.36</v>
      </c>
      <c r="S45" s="111">
        <v>0.48</v>
      </c>
      <c r="T45" s="111">
        <v>0.51</v>
      </c>
      <c r="U45" s="111">
        <v>0.56000000000000005</v>
      </c>
      <c r="V45" s="140">
        <v>0.59</v>
      </c>
      <c r="W45" s="148">
        <v>0.62</v>
      </c>
      <c r="X45" s="140">
        <v>0.65</v>
      </c>
      <c r="Y45" s="148">
        <v>0.68</v>
      </c>
      <c r="Z45" s="148" t="s">
        <v>90</v>
      </c>
      <c r="AA45" s="148" t="s">
        <v>90</v>
      </c>
      <c r="AB45" s="148" t="s">
        <v>90</v>
      </c>
      <c r="AC45" s="144" t="s">
        <v>90</v>
      </c>
      <c r="AD45" s="153" t="s">
        <v>90</v>
      </c>
      <c r="AE45" s="160" t="s">
        <v>90</v>
      </c>
      <c r="AF45" s="140" t="s">
        <v>90</v>
      </c>
      <c r="AG45" s="153">
        <v>0.4113</v>
      </c>
      <c r="AH45" s="17" t="s">
        <v>90</v>
      </c>
      <c r="AI45" s="140" t="s">
        <v>90</v>
      </c>
      <c r="AJ45" s="150">
        <v>0.255</v>
      </c>
      <c r="AK45" s="153">
        <v>0.28249999999999997</v>
      </c>
      <c r="AL45" s="150">
        <v>0.22750000000000001</v>
      </c>
      <c r="AM45" s="150">
        <v>0.27050000000000002</v>
      </c>
      <c r="AN45" s="150">
        <v>0.24629999999999999</v>
      </c>
      <c r="AO45" s="150">
        <v>0.24079999999999999</v>
      </c>
      <c r="AP45" s="150">
        <v>0.2437</v>
      </c>
      <c r="AQ45" s="151">
        <v>0.23989999999999997</v>
      </c>
      <c r="AR45" s="140">
        <v>0.2495</v>
      </c>
      <c r="AS45" s="150">
        <v>0.24299999999999999</v>
      </c>
      <c r="AT45" s="150">
        <v>0.24390000000000001</v>
      </c>
      <c r="AU45" s="150">
        <v>0.2407</v>
      </c>
      <c r="AV45" s="153">
        <v>0.25</v>
      </c>
      <c r="AW45" s="150">
        <v>0.25129999999999997</v>
      </c>
      <c r="AX45" s="146">
        <v>0.24379999999999999</v>
      </c>
      <c r="AY45" s="153">
        <v>0.24480000000000002</v>
      </c>
      <c r="AZ45" s="150">
        <v>0.252</v>
      </c>
      <c r="BA45" s="153">
        <v>0.2581</v>
      </c>
      <c r="BB45" s="150">
        <v>0.24929999999999999</v>
      </c>
      <c r="BC45" s="150">
        <v>0.24160000000000001</v>
      </c>
      <c r="BD45" s="150">
        <v>0.2336</v>
      </c>
      <c r="BE45" s="111">
        <v>0.22500000000000001</v>
      </c>
    </row>
    <row r="46" spans="3:57" x14ac:dyDescent="0.2">
      <c r="C46" s="126" t="s">
        <v>89</v>
      </c>
      <c r="D46" s="158" t="s">
        <v>58</v>
      </c>
      <c r="E46" s="153">
        <v>0.4</v>
      </c>
      <c r="F46" s="153">
        <v>0.38</v>
      </c>
      <c r="G46" s="146">
        <v>0.38</v>
      </c>
      <c r="H46" s="153">
        <v>0.38</v>
      </c>
      <c r="I46" s="153">
        <v>0.39</v>
      </c>
      <c r="J46" s="153">
        <v>0.39</v>
      </c>
      <c r="K46" s="153">
        <v>0.39</v>
      </c>
      <c r="L46" s="140">
        <v>0.39</v>
      </c>
      <c r="M46" s="146">
        <v>0.39</v>
      </c>
      <c r="N46" s="146">
        <v>0.38</v>
      </c>
      <c r="O46" s="153">
        <v>0.37</v>
      </c>
      <c r="P46" s="146">
        <v>0.37</v>
      </c>
      <c r="Q46" s="142">
        <v>0.37</v>
      </c>
      <c r="R46" s="160">
        <v>0.37</v>
      </c>
      <c r="S46" s="111">
        <v>0.37</v>
      </c>
      <c r="T46" s="111">
        <v>0.37</v>
      </c>
      <c r="U46" s="111">
        <v>0.37</v>
      </c>
      <c r="V46" s="140">
        <v>0.39</v>
      </c>
      <c r="W46" s="148">
        <v>0.41539999999999999</v>
      </c>
      <c r="X46" s="140">
        <v>0.45549999999999996</v>
      </c>
      <c r="Y46" s="148">
        <v>0.49509999999999998</v>
      </c>
      <c r="Z46" s="148">
        <v>0.52349999999999997</v>
      </c>
      <c r="AA46" s="148">
        <v>0.53659999999999997</v>
      </c>
      <c r="AB46" s="148">
        <v>0.622</v>
      </c>
      <c r="AC46" s="144">
        <v>0.61919999999999997</v>
      </c>
      <c r="AD46" s="153">
        <v>0.55659999999999998</v>
      </c>
      <c r="AE46" s="160">
        <v>0.55000000000000004</v>
      </c>
      <c r="AF46" s="162">
        <v>0.55000000000000004</v>
      </c>
      <c r="AG46" s="140" t="s">
        <v>90</v>
      </c>
      <c r="AH46" s="150">
        <v>0.55000000000000004</v>
      </c>
      <c r="AI46" s="150">
        <v>0.55000000000000004</v>
      </c>
      <c r="AJ46" s="150">
        <v>0.55000000000000004</v>
      </c>
      <c r="AK46" s="153">
        <v>0.55000000000000004</v>
      </c>
      <c r="AL46" s="150">
        <v>0.55590000000000006</v>
      </c>
      <c r="AM46" s="150">
        <v>0.57930000000000004</v>
      </c>
      <c r="AN46" s="150">
        <v>0.52579999999999993</v>
      </c>
      <c r="AO46" s="150">
        <v>0.499</v>
      </c>
      <c r="AP46" s="150">
        <v>0.49049999999999999</v>
      </c>
      <c r="AQ46" s="151">
        <v>0.50649999999999995</v>
      </c>
      <c r="AR46" s="140">
        <v>0.52600000000000002</v>
      </c>
      <c r="AS46" s="150">
        <v>0.55159999999999998</v>
      </c>
      <c r="AT46" s="150">
        <v>0.55149999999999999</v>
      </c>
      <c r="AU46" s="150">
        <v>0.54520000000000002</v>
      </c>
      <c r="AV46" s="153">
        <v>0.54490000000000005</v>
      </c>
      <c r="AW46" s="150">
        <v>0.53780000000000006</v>
      </c>
      <c r="AX46" s="146">
        <v>0.54969999999999997</v>
      </c>
      <c r="AY46" s="153">
        <v>0.58530000000000004</v>
      </c>
      <c r="AZ46" s="150">
        <v>0.56679999999999997</v>
      </c>
      <c r="BA46" s="153">
        <v>0.58140000000000003</v>
      </c>
      <c r="BB46" s="150">
        <v>0.56720000000000004</v>
      </c>
      <c r="BC46" s="150">
        <v>0.57779999999999998</v>
      </c>
      <c r="BD46" s="150">
        <v>0.57779999999999998</v>
      </c>
      <c r="BE46" s="111">
        <v>0.5736</v>
      </c>
    </row>
    <row r="47" spans="3:57" x14ac:dyDescent="0.2">
      <c r="C47" s="126" t="s">
        <v>95</v>
      </c>
      <c r="D47" s="158" t="s">
        <v>58</v>
      </c>
      <c r="E47" s="153">
        <v>0.62</v>
      </c>
      <c r="F47" s="153">
        <v>0.62</v>
      </c>
      <c r="G47" s="146">
        <v>0.66</v>
      </c>
      <c r="H47" s="153">
        <v>0.66</v>
      </c>
      <c r="I47" s="153">
        <v>0.66</v>
      </c>
      <c r="J47" s="153">
        <v>0.66</v>
      </c>
      <c r="K47" s="153">
        <v>0.67</v>
      </c>
      <c r="L47" s="140">
        <v>0.67</v>
      </c>
      <c r="M47" s="146">
        <v>0.67</v>
      </c>
      <c r="N47" s="146">
        <v>0.67</v>
      </c>
      <c r="O47" s="153">
        <v>0.67</v>
      </c>
      <c r="P47" s="146">
        <v>0.67</v>
      </c>
      <c r="Q47" s="142">
        <v>0.69</v>
      </c>
      <c r="R47" s="160" t="s">
        <v>90</v>
      </c>
      <c r="S47" s="111" t="s">
        <v>90</v>
      </c>
      <c r="T47" s="111" t="s">
        <v>90</v>
      </c>
      <c r="U47" s="111" t="s">
        <v>90</v>
      </c>
      <c r="V47" s="140" t="s">
        <v>90</v>
      </c>
      <c r="W47" s="148" t="s">
        <v>90</v>
      </c>
      <c r="X47" s="140" t="s">
        <v>90</v>
      </c>
      <c r="Y47" s="148" t="s">
        <v>90</v>
      </c>
      <c r="Z47" s="148" t="s">
        <v>90</v>
      </c>
      <c r="AA47" s="148" t="s">
        <v>90</v>
      </c>
      <c r="AB47" s="148" t="s">
        <v>90</v>
      </c>
      <c r="AC47" s="144" t="s">
        <v>90</v>
      </c>
      <c r="AD47" s="153" t="s">
        <v>90</v>
      </c>
      <c r="AE47" s="160" t="s">
        <v>90</v>
      </c>
      <c r="AF47" s="140" t="s">
        <v>90</v>
      </c>
      <c r="AG47" s="140" t="s">
        <v>90</v>
      </c>
      <c r="AH47" s="17" t="s">
        <v>90</v>
      </c>
      <c r="AI47" s="140" t="s">
        <v>90</v>
      </c>
      <c r="AJ47" s="150">
        <v>0.5534</v>
      </c>
      <c r="AK47" s="153">
        <v>0.54270000000000007</v>
      </c>
      <c r="AL47" s="150">
        <v>0.5</v>
      </c>
      <c r="AM47" s="150">
        <v>0.5534</v>
      </c>
      <c r="AN47" s="150">
        <v>0.55059999999999998</v>
      </c>
      <c r="AO47" s="150">
        <v>0.52539999999999998</v>
      </c>
      <c r="AP47" s="150">
        <v>0.53069999999999995</v>
      </c>
      <c r="AQ47" s="151">
        <v>0.52869999999999995</v>
      </c>
      <c r="AR47" s="140">
        <v>0.51340000000000008</v>
      </c>
      <c r="AS47" s="150">
        <v>0.52359999999999995</v>
      </c>
      <c r="AT47" s="150">
        <v>0.5403</v>
      </c>
      <c r="AU47" s="150">
        <v>0.53749999999999998</v>
      </c>
      <c r="AV47" s="153">
        <v>0.53749999999999998</v>
      </c>
      <c r="AW47" s="150">
        <v>0.53100000000000003</v>
      </c>
      <c r="AX47" s="146">
        <v>0.53100000000000003</v>
      </c>
      <c r="AY47" s="153">
        <v>0.53100000000000003</v>
      </c>
      <c r="AZ47" s="150">
        <v>0.53100000000000003</v>
      </c>
      <c r="BA47" s="153">
        <v>0.50800000000000001</v>
      </c>
      <c r="BB47" s="150">
        <v>0.50800000000000001</v>
      </c>
      <c r="BC47" s="150">
        <v>0.50800000000000001</v>
      </c>
      <c r="BD47" s="150">
        <v>0.50800000000000001</v>
      </c>
      <c r="BE47" s="111">
        <v>0.50800000000000001</v>
      </c>
    </row>
    <row r="48" spans="3:57" ht="13.5" thickBot="1" x14ac:dyDescent="0.25">
      <c r="C48" s="100" t="s">
        <v>96</v>
      </c>
      <c r="D48" s="158" t="s">
        <v>58</v>
      </c>
      <c r="E48" s="153">
        <v>0.34</v>
      </c>
      <c r="F48" s="153">
        <v>0.28999999999999998</v>
      </c>
      <c r="G48" s="146">
        <v>0.28999999999999998</v>
      </c>
      <c r="H48" s="153">
        <v>0.28999999999999998</v>
      </c>
      <c r="I48" s="153">
        <v>0.28999999999999998</v>
      </c>
      <c r="J48" s="153">
        <v>0.2</v>
      </c>
      <c r="K48" s="153">
        <v>0.17</v>
      </c>
      <c r="L48" s="140">
        <v>0.17</v>
      </c>
      <c r="M48" s="146">
        <v>0.16</v>
      </c>
      <c r="N48" s="146">
        <v>0.15</v>
      </c>
      <c r="O48" s="153">
        <v>0.15</v>
      </c>
      <c r="P48" s="146">
        <v>0.14000000000000001</v>
      </c>
      <c r="Q48" s="143">
        <v>0.16</v>
      </c>
      <c r="R48" s="167">
        <v>0.1517</v>
      </c>
      <c r="S48" s="111">
        <v>0.15439999999999998</v>
      </c>
      <c r="T48" s="143">
        <v>0.2</v>
      </c>
      <c r="U48" s="111">
        <v>0.21899999999999997</v>
      </c>
      <c r="V48" s="140">
        <v>0.21809999999999999</v>
      </c>
      <c r="W48" s="149">
        <v>0.22409999999999999</v>
      </c>
      <c r="X48" s="140">
        <v>0.23139999999999999</v>
      </c>
      <c r="Y48" s="149">
        <v>0.22320000000000001</v>
      </c>
      <c r="Z48" s="149">
        <v>0.35340000000000005</v>
      </c>
      <c r="AA48" s="149">
        <v>0.30530000000000002</v>
      </c>
      <c r="AB48" s="149">
        <v>0.317</v>
      </c>
      <c r="AC48" s="111">
        <v>0.32850000000000001</v>
      </c>
      <c r="AD48" s="153">
        <v>0.34</v>
      </c>
      <c r="AE48" s="167">
        <v>0.33549999999999996</v>
      </c>
      <c r="AF48" s="153">
        <v>0.32319999999999999</v>
      </c>
      <c r="AG48" s="140" t="s">
        <v>90</v>
      </c>
      <c r="AH48" s="150">
        <v>0.51880000000000004</v>
      </c>
      <c r="AI48" s="150">
        <v>0.56399999999999995</v>
      </c>
      <c r="AJ48" s="150">
        <v>0.56630000000000003</v>
      </c>
      <c r="AK48" s="153">
        <v>0.56289999999999996</v>
      </c>
      <c r="AL48" s="150">
        <v>0.56999999999999995</v>
      </c>
      <c r="AM48" s="150">
        <v>0.56030000000000002</v>
      </c>
      <c r="AN48" s="150">
        <v>0.55659999999999998</v>
      </c>
      <c r="AO48" s="150">
        <v>0.60659999999999992</v>
      </c>
      <c r="AP48" s="150">
        <v>0.69409999999999994</v>
      </c>
      <c r="AQ48" s="151">
        <v>0.75519999999999998</v>
      </c>
      <c r="AR48" s="140">
        <v>0.81430000000000002</v>
      </c>
      <c r="AS48" s="150">
        <v>0.95799999999999996</v>
      </c>
      <c r="AT48" s="150">
        <v>0.96090000000000009</v>
      </c>
      <c r="AU48" s="150">
        <v>0.96709999999999996</v>
      </c>
      <c r="AV48" s="196">
        <v>0.97930000000000006</v>
      </c>
      <c r="AW48" s="150">
        <v>0.98030000000000006</v>
      </c>
      <c r="AX48" s="146">
        <v>0.88489999999999991</v>
      </c>
      <c r="AY48" s="153">
        <v>0.81019999999999992</v>
      </c>
      <c r="AZ48" s="150">
        <v>0.51369999999999993</v>
      </c>
      <c r="BA48" s="153">
        <v>0.31519999999999998</v>
      </c>
      <c r="BB48" s="150">
        <v>0.32390000000000002</v>
      </c>
      <c r="BC48" s="150">
        <v>0.34399999999999997</v>
      </c>
      <c r="BD48" s="150">
        <v>0.32079999999999997</v>
      </c>
      <c r="BE48" s="111">
        <v>0.31790000000000002</v>
      </c>
    </row>
    <row r="49" spans="3:57" ht="13.5" thickTop="1" x14ac:dyDescent="0.2">
      <c r="D49" s="168"/>
      <c r="E49" s="169"/>
      <c r="F49" s="169"/>
      <c r="G49" s="169"/>
      <c r="H49" s="170"/>
      <c r="I49" s="170"/>
      <c r="J49" s="170"/>
      <c r="K49" s="169"/>
      <c r="L49" s="170"/>
      <c r="M49" s="170"/>
      <c r="N49" s="170"/>
      <c r="O49" s="170"/>
      <c r="P49" s="169"/>
      <c r="Q49" s="169"/>
      <c r="R49" s="169"/>
      <c r="S49" s="170"/>
      <c r="T49" s="170"/>
      <c r="U49" s="170"/>
      <c r="V49" s="170"/>
      <c r="W49" s="117"/>
      <c r="X49" s="170"/>
      <c r="Y49" s="170"/>
      <c r="Z49" s="170"/>
      <c r="AA49" s="170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ht="12.75" customHeight="1" x14ac:dyDescent="0.2">
      <c r="C50" s="234" t="s">
        <v>179</v>
      </c>
      <c r="D50" s="232" t="s">
        <v>176</v>
      </c>
      <c r="E50" s="233"/>
      <c r="F50" s="233"/>
      <c r="G50" s="233"/>
      <c r="H50" s="233"/>
      <c r="I50" s="233"/>
      <c r="J50" s="233"/>
      <c r="K50" s="233"/>
      <c r="L50" s="233"/>
      <c r="M50" s="233"/>
      <c r="N50" s="233"/>
      <c r="O50" s="233"/>
      <c r="P50" s="233"/>
      <c r="Q50" s="233"/>
      <c r="R50" s="172"/>
      <c r="S50" s="170"/>
      <c r="T50" s="170"/>
      <c r="U50" s="170"/>
      <c r="V50" s="170"/>
      <c r="W50" s="117"/>
      <c r="X50" s="170"/>
      <c r="Y50" s="170"/>
      <c r="Z50" s="170"/>
      <c r="AA50" s="170"/>
      <c r="AB50" s="169"/>
      <c r="AC50" s="169"/>
      <c r="AD50" s="169"/>
      <c r="AE50" s="170"/>
      <c r="AF50" s="170"/>
      <c r="AG50" s="169"/>
      <c r="AH50" s="170"/>
      <c r="AI50" s="170"/>
      <c r="AJ50" s="170"/>
      <c r="AK50" s="170"/>
      <c r="AL50" s="170"/>
      <c r="AM50" s="170"/>
      <c r="AN50" s="170"/>
      <c r="AO50" s="170"/>
      <c r="AP50" s="169"/>
      <c r="AQ50" s="169"/>
      <c r="AR50" s="171"/>
      <c r="AS50" s="169"/>
      <c r="AT50" s="169"/>
      <c r="AU50" s="170"/>
      <c r="AV50" s="169"/>
      <c r="AW50" s="169"/>
      <c r="AX50" s="169"/>
      <c r="AY50" s="170"/>
      <c r="AZ50" s="169"/>
      <c r="BA50" s="169"/>
      <c r="BB50" s="169"/>
      <c r="BC50" s="170"/>
      <c r="BD50" s="170"/>
    </row>
    <row r="51" spans="3:57" ht="12.75" customHeight="1" x14ac:dyDescent="0.2">
      <c r="C51" s="234"/>
      <c r="D51" s="233"/>
      <c r="E51" s="233"/>
      <c r="F51" s="233"/>
      <c r="G51" s="233"/>
      <c r="H51" s="233"/>
      <c r="I51" s="233"/>
      <c r="J51" s="233"/>
      <c r="K51" s="233"/>
      <c r="L51" s="233"/>
      <c r="M51" s="233"/>
      <c r="N51" s="233"/>
      <c r="O51" s="233"/>
      <c r="P51" s="233"/>
      <c r="Q51" s="233"/>
      <c r="R51" s="172"/>
      <c r="S51" s="170"/>
      <c r="T51" s="170"/>
      <c r="U51" s="170"/>
      <c r="V51" s="170"/>
      <c r="W51" s="117"/>
      <c r="X51" s="170"/>
      <c r="Y51" s="170"/>
      <c r="Z51" s="170"/>
      <c r="AA51" s="170"/>
      <c r="AB51" s="169"/>
      <c r="AC51" s="169"/>
      <c r="AD51" s="169"/>
      <c r="AE51" s="170"/>
      <c r="AF51" s="170"/>
      <c r="AG51" s="169"/>
      <c r="AH51" s="170"/>
      <c r="AI51" s="170"/>
      <c r="AJ51" s="170"/>
      <c r="AK51" s="170"/>
      <c r="AL51" s="170"/>
      <c r="AM51" s="170"/>
      <c r="AN51" s="170"/>
      <c r="AO51" s="170"/>
      <c r="AP51" s="169"/>
      <c r="AQ51" s="169"/>
      <c r="AR51" s="171"/>
      <c r="AS51" s="169"/>
      <c r="AT51" s="169"/>
      <c r="AU51" s="170"/>
      <c r="AV51" s="169"/>
      <c r="AW51" s="169"/>
      <c r="AX51" s="169"/>
      <c r="AY51" s="170"/>
      <c r="AZ51" s="169"/>
      <c r="BA51" s="169"/>
      <c r="BB51" s="169"/>
      <c r="BC51" s="170"/>
      <c r="BD51" s="170"/>
    </row>
    <row r="52" spans="3:57" ht="12.75" customHeight="1" x14ac:dyDescent="0.2">
      <c r="C52" s="129" t="s">
        <v>180</v>
      </c>
      <c r="D52" s="173" t="s">
        <v>174</v>
      </c>
      <c r="E52" s="173"/>
      <c r="F52" s="173"/>
      <c r="G52" s="173"/>
      <c r="H52" s="173"/>
      <c r="I52" s="173"/>
      <c r="J52" s="173"/>
      <c r="K52" s="173"/>
      <c r="L52" s="173"/>
      <c r="M52" s="173"/>
      <c r="N52" s="173"/>
      <c r="O52" s="173"/>
      <c r="P52" s="173"/>
      <c r="Q52" s="173"/>
      <c r="R52" s="172"/>
      <c r="S52" s="170"/>
      <c r="T52" s="170"/>
      <c r="U52" s="170"/>
      <c r="V52" s="170"/>
      <c r="W52" s="117"/>
      <c r="X52" s="170"/>
      <c r="Y52" s="170"/>
      <c r="Z52" s="170"/>
      <c r="AA52" s="170"/>
      <c r="AB52" s="169"/>
      <c r="AC52" s="169"/>
      <c r="AD52" s="169"/>
      <c r="AE52" s="170"/>
      <c r="AF52" s="170"/>
      <c r="AG52" s="169"/>
      <c r="AH52" s="170"/>
      <c r="AI52" s="170"/>
      <c r="AJ52" s="170"/>
      <c r="AK52" s="170"/>
      <c r="AL52" s="170"/>
      <c r="AM52" s="170"/>
      <c r="AN52" s="170"/>
      <c r="AO52" s="170"/>
      <c r="AP52" s="169"/>
      <c r="AQ52" s="169"/>
      <c r="AR52" s="171"/>
      <c r="AS52" s="169"/>
      <c r="AT52" s="169"/>
      <c r="AU52" s="170"/>
      <c r="AV52" s="169"/>
      <c r="AW52" s="169"/>
      <c r="AX52" s="169"/>
      <c r="AY52" s="170"/>
      <c r="AZ52" s="169"/>
      <c r="BA52" s="169"/>
      <c r="BB52" s="169"/>
      <c r="BC52" s="170"/>
      <c r="BD52" s="170"/>
    </row>
    <row r="53" spans="3:57" x14ac:dyDescent="0.2">
      <c r="C53" s="234" t="s">
        <v>181</v>
      </c>
      <c r="D53" s="225"/>
      <c r="E53" s="225"/>
      <c r="F53" s="225"/>
      <c r="G53" s="225"/>
      <c r="H53" s="225"/>
      <c r="I53" s="225"/>
      <c r="J53" s="225"/>
      <c r="K53" s="225"/>
      <c r="L53" s="225"/>
      <c r="M53" s="225"/>
      <c r="N53" s="225"/>
      <c r="O53" s="225"/>
      <c r="P53" s="225"/>
      <c r="Q53" s="225"/>
      <c r="R53" s="225"/>
      <c r="S53" s="170"/>
      <c r="T53" s="170"/>
      <c r="U53" s="170"/>
      <c r="V53" s="170"/>
      <c r="W53" s="117"/>
      <c r="X53" s="170"/>
      <c r="Y53" s="117"/>
      <c r="Z53" s="169"/>
      <c r="AA53" s="169"/>
      <c r="AB53" s="169"/>
      <c r="AC53" s="169"/>
      <c r="AD53" s="169"/>
      <c r="AE53" s="170"/>
      <c r="AF53" s="170"/>
      <c r="AG53" s="169"/>
      <c r="AH53" s="170"/>
      <c r="AI53" s="170"/>
      <c r="AJ53" s="170"/>
      <c r="AK53" s="170"/>
      <c r="AL53" s="170"/>
      <c r="AM53" s="170"/>
      <c r="AN53" s="170"/>
      <c r="AO53" s="170"/>
      <c r="AP53" s="169"/>
      <c r="AQ53" s="169"/>
      <c r="AR53" s="171"/>
      <c r="AS53" s="169"/>
      <c r="AT53" s="169"/>
      <c r="AU53" s="170"/>
      <c r="AV53" s="169"/>
      <c r="AW53" s="169"/>
      <c r="AX53" s="169"/>
      <c r="AY53" s="170"/>
      <c r="AZ53" s="169"/>
      <c r="BA53" s="169"/>
      <c r="BB53" s="169"/>
      <c r="BC53" s="170"/>
      <c r="BD53" s="170"/>
    </row>
    <row r="54" spans="3:57" x14ac:dyDescent="0.2">
      <c r="C54" s="183" t="s">
        <v>182</v>
      </c>
      <c r="D54" s="183"/>
      <c r="E54" s="183"/>
      <c r="F54" s="183"/>
      <c r="G54" s="183"/>
      <c r="H54" s="183"/>
      <c r="I54" s="183"/>
      <c r="J54" s="183"/>
      <c r="K54" s="183"/>
      <c r="L54" s="183"/>
      <c r="M54" s="183"/>
      <c r="N54" s="183"/>
      <c r="O54" s="183"/>
      <c r="P54" s="183"/>
      <c r="Q54" s="183"/>
      <c r="R54" s="183"/>
      <c r="S54" s="170"/>
      <c r="T54" s="170"/>
      <c r="U54" s="170"/>
      <c r="V54" s="170"/>
      <c r="W54" s="117"/>
      <c r="X54" s="170"/>
      <c r="Y54" s="117"/>
      <c r="Z54" s="169"/>
      <c r="AA54" s="169"/>
      <c r="AB54" s="169"/>
      <c r="AC54" s="169"/>
      <c r="AD54" s="169"/>
      <c r="AE54" s="170"/>
      <c r="AF54" s="170"/>
      <c r="AG54" s="169"/>
      <c r="AH54" s="170"/>
      <c r="AI54" s="170"/>
      <c r="AJ54" s="170"/>
      <c r="AK54" s="170"/>
      <c r="AL54" s="170"/>
      <c r="AM54" s="170"/>
      <c r="AN54" s="170"/>
      <c r="AO54" s="170"/>
      <c r="AP54" s="169"/>
      <c r="AQ54" s="169"/>
      <c r="AR54" s="171"/>
      <c r="AS54" s="169"/>
      <c r="AT54" s="169"/>
      <c r="AU54" s="170"/>
      <c r="AV54" s="169"/>
      <c r="AW54" s="169"/>
      <c r="AX54" s="169"/>
      <c r="AY54" s="170"/>
      <c r="AZ54" s="169"/>
      <c r="BA54" s="169"/>
      <c r="BB54" s="169"/>
      <c r="BC54" s="170"/>
      <c r="BD54" s="170"/>
    </row>
    <row r="55" spans="3:57" x14ac:dyDescent="0.2">
      <c r="C55" s="183"/>
      <c r="D55" s="183"/>
      <c r="E55" s="183"/>
      <c r="F55" s="183"/>
      <c r="G55" s="183"/>
      <c r="H55" s="183"/>
      <c r="I55" s="183"/>
      <c r="J55" s="183"/>
      <c r="K55" s="183"/>
      <c r="L55" s="183"/>
      <c r="M55" s="183"/>
      <c r="N55" s="183"/>
      <c r="O55" s="183"/>
      <c r="P55" s="183"/>
      <c r="Q55" s="183"/>
      <c r="R55" s="183"/>
      <c r="S55" s="170"/>
      <c r="T55" s="170"/>
      <c r="U55" s="170"/>
      <c r="V55" s="170"/>
      <c r="W55" s="117"/>
      <c r="X55" s="170"/>
      <c r="Y55" s="117"/>
      <c r="Z55" s="169"/>
      <c r="AA55" s="169"/>
      <c r="AB55" s="169"/>
      <c r="AC55" s="169"/>
      <c r="AD55" s="169"/>
      <c r="AE55" s="170"/>
      <c r="AF55" s="170"/>
      <c r="AG55" s="169"/>
      <c r="AH55" s="170"/>
      <c r="AI55" s="170"/>
      <c r="AJ55" s="170"/>
      <c r="AK55" s="170"/>
      <c r="AL55" s="170"/>
      <c r="AM55" s="170"/>
      <c r="AN55" s="170"/>
      <c r="AO55" s="170"/>
      <c r="AP55" s="169"/>
      <c r="AQ55" s="169"/>
      <c r="AR55" s="171"/>
      <c r="AS55" s="169"/>
      <c r="AT55" s="169"/>
      <c r="AU55" s="170"/>
      <c r="AV55" s="169"/>
      <c r="AW55" s="169"/>
      <c r="AX55" s="169"/>
      <c r="AY55" s="170"/>
      <c r="AZ55" s="169"/>
      <c r="BA55" s="169"/>
      <c r="BB55" s="169"/>
      <c r="BC55" s="170"/>
      <c r="BD55" s="170"/>
    </row>
    <row r="56" spans="3:57" ht="16.5" customHeight="1" x14ac:dyDescent="0.2">
      <c r="C56" s="195"/>
      <c r="D56" s="195"/>
      <c r="E56" s="195"/>
      <c r="F56" s="195"/>
      <c r="G56" s="195"/>
      <c r="H56" s="195"/>
      <c r="I56" s="195"/>
      <c r="J56" s="195"/>
      <c r="K56" s="195"/>
      <c r="L56" s="195"/>
      <c r="M56" s="195"/>
      <c r="N56" s="195"/>
      <c r="O56" s="195"/>
      <c r="P56" s="195"/>
      <c r="Q56" s="195"/>
      <c r="R56" s="195"/>
      <c r="S56" s="170"/>
      <c r="T56" s="170"/>
      <c r="U56" s="170"/>
      <c r="V56" s="170"/>
      <c r="W56" s="117"/>
      <c r="X56" s="170"/>
      <c r="Y56" s="117"/>
      <c r="Z56" s="169"/>
      <c r="AA56" s="169"/>
      <c r="AB56" s="169"/>
      <c r="AC56" s="169"/>
      <c r="AD56" s="169"/>
      <c r="AE56" s="170"/>
      <c r="AF56" s="170"/>
      <c r="AG56" s="169"/>
      <c r="AH56" s="170"/>
      <c r="AI56" s="170"/>
      <c r="AJ56" s="170"/>
      <c r="AK56" s="170"/>
      <c r="AL56" s="170"/>
      <c r="AM56" s="170"/>
      <c r="AN56" s="170"/>
      <c r="AO56" s="170"/>
      <c r="AP56" s="169"/>
      <c r="AQ56" s="169"/>
      <c r="AR56" s="171"/>
      <c r="AS56" s="169"/>
      <c r="AT56" s="169"/>
      <c r="AU56" s="170"/>
      <c r="AV56" s="169"/>
      <c r="AW56" s="169"/>
      <c r="AX56" s="169"/>
      <c r="AY56" s="170"/>
      <c r="AZ56" s="169"/>
      <c r="BA56" s="169"/>
      <c r="BB56" s="169"/>
      <c r="BC56" s="170"/>
      <c r="BD56" s="170"/>
    </row>
    <row r="57" spans="3:57" x14ac:dyDescent="0.2">
      <c r="D57" s="172"/>
      <c r="E57" s="174"/>
      <c r="F57" s="174"/>
      <c r="G57" s="174"/>
      <c r="H57" s="172"/>
      <c r="I57" s="172"/>
      <c r="J57" s="172"/>
      <c r="K57" s="174"/>
      <c r="L57" s="172"/>
      <c r="M57" s="175"/>
      <c r="N57" s="175"/>
      <c r="O57" s="172"/>
      <c r="P57" s="174"/>
      <c r="Q57" s="174"/>
      <c r="R57" s="174"/>
      <c r="S57" s="170"/>
      <c r="T57" s="170"/>
      <c r="U57" s="170"/>
      <c r="V57" s="170"/>
      <c r="W57" s="117"/>
      <c r="X57" s="170"/>
      <c r="Y57" s="117"/>
      <c r="Z57" s="169"/>
      <c r="AA57" s="169"/>
      <c r="AB57" s="169"/>
      <c r="AC57" s="169"/>
      <c r="AD57" s="169"/>
      <c r="AE57" s="170"/>
      <c r="AF57" s="170"/>
      <c r="AG57" s="169"/>
      <c r="AH57" s="170"/>
      <c r="AI57" s="170"/>
      <c r="AJ57" s="170"/>
      <c r="AK57" s="170"/>
      <c r="AL57" s="170"/>
      <c r="AM57" s="170"/>
      <c r="AN57" s="170"/>
      <c r="AO57" s="170"/>
      <c r="AP57" s="169"/>
      <c r="AQ57" s="169"/>
      <c r="AR57" s="171"/>
      <c r="AS57" s="169"/>
      <c r="AT57" s="169"/>
      <c r="AU57" s="170"/>
      <c r="AV57" s="169"/>
      <c r="AW57" s="169"/>
      <c r="AX57" s="169"/>
      <c r="AY57" s="170"/>
      <c r="AZ57" s="169"/>
      <c r="BA57" s="169"/>
      <c r="BB57" s="169"/>
      <c r="BC57" s="170"/>
      <c r="BD57" s="170"/>
    </row>
    <row r="58" spans="3:57" ht="13.5" customHeight="1" x14ac:dyDescent="0.2">
      <c r="C58" s="100" t="s">
        <v>106</v>
      </c>
      <c r="D58" s="158" t="s">
        <v>58</v>
      </c>
      <c r="E58" s="100">
        <v>5.3431927436634732</v>
      </c>
      <c r="F58" s="176">
        <v>5.26</v>
      </c>
      <c r="G58" s="177">
        <v>5.33</v>
      </c>
      <c r="H58" s="176">
        <v>5.07</v>
      </c>
      <c r="I58" s="176">
        <v>5.45</v>
      </c>
      <c r="J58" s="111">
        <v>4.83</v>
      </c>
      <c r="K58" s="111">
        <v>5.07</v>
      </c>
      <c r="L58" s="111">
        <v>5.33</v>
      </c>
      <c r="M58" s="111">
        <v>5.25</v>
      </c>
      <c r="N58" s="111">
        <v>5.31</v>
      </c>
      <c r="O58" s="111">
        <v>4.3099999999999996</v>
      </c>
      <c r="P58" s="111">
        <v>4.5599999999999996</v>
      </c>
      <c r="Q58" s="111">
        <v>5.41</v>
      </c>
      <c r="R58" s="111">
        <v>4.32</v>
      </c>
      <c r="S58" s="111">
        <v>5.15</v>
      </c>
      <c r="T58" s="111">
        <v>4.58</v>
      </c>
      <c r="U58" s="111">
        <v>4.9000000000000004</v>
      </c>
      <c r="V58" s="140">
        <v>3.21</v>
      </c>
      <c r="W58" s="111">
        <v>4.71</v>
      </c>
      <c r="X58" s="140">
        <v>4.58</v>
      </c>
      <c r="Y58" s="111">
        <v>4.5</v>
      </c>
      <c r="Z58" s="151">
        <v>4.76</v>
      </c>
      <c r="AA58" s="111">
        <v>4.3899999999999997</v>
      </c>
      <c r="AB58" s="148">
        <v>5.03</v>
      </c>
      <c r="AC58" s="111">
        <v>4.93</v>
      </c>
      <c r="AD58" s="111">
        <v>4.7699999999999996</v>
      </c>
      <c r="AE58" s="176">
        <v>4.6500000000000004</v>
      </c>
      <c r="AF58" s="176">
        <v>4.88</v>
      </c>
      <c r="AG58" s="176">
        <v>4.32</v>
      </c>
      <c r="AH58" s="176">
        <v>4.79</v>
      </c>
      <c r="AI58" s="176">
        <v>4.87</v>
      </c>
      <c r="AJ58" s="176">
        <v>4.21</v>
      </c>
      <c r="AK58" s="176">
        <v>4.55</v>
      </c>
      <c r="AL58" s="176">
        <v>4.97</v>
      </c>
      <c r="AM58" s="178">
        <v>5.03</v>
      </c>
      <c r="AN58" s="176">
        <v>5</v>
      </c>
      <c r="AO58" s="176">
        <v>5.28</v>
      </c>
      <c r="AP58" s="176">
        <v>5.03</v>
      </c>
      <c r="AQ58" s="176">
        <v>4.01</v>
      </c>
      <c r="AR58" s="176">
        <v>5.28</v>
      </c>
      <c r="AS58" s="176">
        <v>6.23</v>
      </c>
      <c r="AT58" s="176">
        <v>5.24</v>
      </c>
      <c r="AU58" s="176">
        <v>5.27</v>
      </c>
      <c r="AV58" s="177">
        <v>5.13</v>
      </c>
      <c r="AW58" s="176">
        <v>5.04</v>
      </c>
      <c r="AX58" s="111" t="s">
        <v>90</v>
      </c>
      <c r="AY58" s="177">
        <v>3.05</v>
      </c>
      <c r="AZ58" s="176">
        <v>5.53</v>
      </c>
      <c r="BA58" s="176">
        <v>4.5599999999999996</v>
      </c>
      <c r="BB58" s="176">
        <v>5.43</v>
      </c>
      <c r="BC58" s="176">
        <v>5.19</v>
      </c>
      <c r="BD58" s="176">
        <v>5.15</v>
      </c>
      <c r="BE58" s="100">
        <v>4.8600000000000003</v>
      </c>
    </row>
    <row r="59" spans="3:57" x14ac:dyDescent="0.2">
      <c r="C59" s="102"/>
      <c r="D59" s="179"/>
      <c r="E59" s="180"/>
      <c r="F59" s="180"/>
      <c r="G59" s="180"/>
      <c r="H59" s="180"/>
      <c r="I59" s="180"/>
      <c r="J59" s="180"/>
      <c r="K59" s="180"/>
      <c r="L59" s="180"/>
      <c r="M59" s="180"/>
      <c r="N59" s="180"/>
      <c r="O59" s="180"/>
      <c r="P59" s="171"/>
      <c r="Q59" s="171"/>
      <c r="R59" s="171"/>
      <c r="S59" s="171"/>
      <c r="T59" s="171"/>
      <c r="U59" s="171"/>
      <c r="V59" s="171"/>
      <c r="W59" s="171"/>
      <c r="X59" s="171"/>
      <c r="Y59" s="171"/>
      <c r="Z59" s="171"/>
      <c r="AA59" s="171"/>
      <c r="AB59" s="171"/>
      <c r="AC59" s="171"/>
      <c r="AD59" s="171"/>
      <c r="AE59" s="171"/>
      <c r="AF59" s="171"/>
      <c r="AG59" s="171"/>
      <c r="AH59" s="171"/>
      <c r="AI59" s="171"/>
      <c r="AJ59" s="171"/>
      <c r="AK59" s="171"/>
      <c r="AL59" s="171"/>
      <c r="AM59" s="171"/>
      <c r="AN59" s="171"/>
      <c r="AO59" s="171"/>
      <c r="AP59" s="171"/>
      <c r="AQ59" s="171"/>
      <c r="AR59" s="171"/>
      <c r="AS59" s="171"/>
      <c r="AT59" s="171"/>
      <c r="AU59" s="171"/>
      <c r="AV59" s="171"/>
      <c r="AW59" s="171"/>
      <c r="AX59" s="171"/>
      <c r="AY59" s="171"/>
      <c r="AZ59" s="171"/>
      <c r="BA59" s="171"/>
      <c r="BB59" s="171"/>
      <c r="BC59" s="171"/>
      <c r="BD59" s="171"/>
    </row>
    <row r="60" spans="3:57" x14ac:dyDescent="0.2">
      <c r="C60" s="181"/>
    </row>
    <row r="61" spans="3:57" x14ac:dyDescent="0.2">
      <c r="C61" s="182"/>
      <c r="L61" s="183"/>
    </row>
    <row r="62" spans="3:57" ht="12.75" customHeight="1" x14ac:dyDescent="0.2"/>
    <row r="63" spans="3:57" ht="17.25" customHeight="1" x14ac:dyDescent="0.2">
      <c r="C63" s="155"/>
    </row>
    <row r="64" spans="3:57" ht="15.75" customHeight="1" x14ac:dyDescent="0.2">
      <c r="C64" s="129"/>
    </row>
    <row r="65" spans="3:57" ht="15.75" customHeight="1" x14ac:dyDescent="0.2">
      <c r="C65" s="1" t="s">
        <v>1</v>
      </c>
      <c r="E65" s="2">
        <v>2020</v>
      </c>
      <c r="F65" s="2"/>
      <c r="G65" s="2"/>
      <c r="H65" s="2"/>
      <c r="I65" s="2"/>
      <c r="J65" s="2"/>
      <c r="K65" s="2"/>
      <c r="L65" s="2"/>
      <c r="M65" s="2"/>
    </row>
    <row r="66" spans="3:57" x14ac:dyDescent="0.2">
      <c r="C66" s="156" t="s">
        <v>2</v>
      </c>
      <c r="D66" s="156" t="s">
        <v>3</v>
      </c>
      <c r="E66" s="4" t="s">
        <v>15</v>
      </c>
      <c r="F66" s="4" t="s">
        <v>16</v>
      </c>
      <c r="G66" s="4" t="s">
        <v>17</v>
      </c>
      <c r="H66" s="4" t="s">
        <v>18</v>
      </c>
      <c r="I66" s="4" t="s">
        <v>19</v>
      </c>
      <c r="J66" s="4" t="s">
        <v>20</v>
      </c>
      <c r="K66" s="4" t="s">
        <v>21</v>
      </c>
      <c r="L66" s="4" t="s">
        <v>22</v>
      </c>
      <c r="M66" s="4" t="s">
        <v>23</v>
      </c>
      <c r="N66" s="4" t="s">
        <v>24</v>
      </c>
      <c r="O66" s="4" t="s">
        <v>25</v>
      </c>
      <c r="P66" s="4" t="s">
        <v>26</v>
      </c>
      <c r="Q66" s="4" t="s">
        <v>27</v>
      </c>
      <c r="R66" s="4" t="s">
        <v>28</v>
      </c>
      <c r="S66" s="4" t="s">
        <v>29</v>
      </c>
      <c r="T66" s="4" t="s">
        <v>30</v>
      </c>
      <c r="U66" s="4" t="s">
        <v>31</v>
      </c>
      <c r="V66" s="4" t="s">
        <v>32</v>
      </c>
      <c r="W66" s="4" t="s">
        <v>33</v>
      </c>
      <c r="X66" s="4" t="s">
        <v>34</v>
      </c>
      <c r="Y66" s="4" t="s">
        <v>35</v>
      </c>
      <c r="Z66" s="4" t="s">
        <v>36</v>
      </c>
      <c r="AA66" s="4" t="s">
        <v>37</v>
      </c>
      <c r="AB66" s="4" t="s">
        <v>38</v>
      </c>
      <c r="AC66" s="4" t="s">
        <v>39</v>
      </c>
      <c r="AD66" s="4" t="s">
        <v>40</v>
      </c>
      <c r="AE66" s="4" t="s">
        <v>41</v>
      </c>
      <c r="AF66" s="4" t="s">
        <v>42</v>
      </c>
      <c r="AG66" s="4" t="s">
        <v>43</v>
      </c>
      <c r="AH66" s="4" t="s">
        <v>44</v>
      </c>
      <c r="AI66" s="4" t="s">
        <v>45</v>
      </c>
      <c r="AJ66" s="4" t="s">
        <v>46</v>
      </c>
      <c r="AK66" s="4" t="s">
        <v>47</v>
      </c>
      <c r="AL66" s="4" t="s">
        <v>48</v>
      </c>
      <c r="AM66" s="4" t="s">
        <v>49</v>
      </c>
      <c r="AN66" s="4" t="s">
        <v>50</v>
      </c>
      <c r="AO66" s="4" t="s">
        <v>51</v>
      </c>
      <c r="AP66" s="4" t="s">
        <v>52</v>
      </c>
      <c r="AQ66" s="4" t="s">
        <v>53</v>
      </c>
      <c r="AR66" s="4" t="s">
        <v>54</v>
      </c>
      <c r="AS66" s="4" t="s">
        <v>55</v>
      </c>
      <c r="AT66" s="4" t="s">
        <v>4</v>
      </c>
      <c r="AU66" s="4" t="s">
        <v>5</v>
      </c>
      <c r="AV66" s="4" t="s">
        <v>6</v>
      </c>
      <c r="AW66" s="4" t="s">
        <v>7</v>
      </c>
      <c r="AX66" s="4" t="s">
        <v>8</v>
      </c>
      <c r="AY66" s="4" t="s">
        <v>9</v>
      </c>
      <c r="AZ66" s="4" t="s">
        <v>10</v>
      </c>
      <c r="BA66" s="4" t="s">
        <v>11</v>
      </c>
      <c r="BB66" s="4" t="s">
        <v>12</v>
      </c>
      <c r="BC66" s="4" t="s">
        <v>13</v>
      </c>
      <c r="BD66" s="4" t="s">
        <v>14</v>
      </c>
      <c r="BE66" s="4" t="s">
        <v>56</v>
      </c>
    </row>
    <row r="67" spans="3:57" x14ac:dyDescent="0.2">
      <c r="C67" s="157" t="s">
        <v>57</v>
      </c>
      <c r="D67" s="158" t="s">
        <v>58</v>
      </c>
      <c r="E67" s="145"/>
      <c r="F67" s="145"/>
      <c r="G67" s="146"/>
      <c r="H67" s="145"/>
      <c r="I67" s="146"/>
      <c r="J67" s="140"/>
      <c r="K67" s="140"/>
      <c r="L67" s="140"/>
      <c r="M67" s="140"/>
      <c r="N67" s="146"/>
      <c r="O67" s="145"/>
      <c r="P67" s="145"/>
      <c r="Q67" s="140"/>
      <c r="R67" s="145"/>
      <c r="S67" s="145"/>
      <c r="T67" s="145"/>
      <c r="U67" s="146"/>
      <c r="V67" s="140"/>
      <c r="W67" s="140"/>
      <c r="X67" s="140"/>
      <c r="Y67" s="140"/>
      <c r="Z67" s="140"/>
      <c r="AA67" s="140"/>
      <c r="AB67" s="140"/>
      <c r="AC67" s="145"/>
      <c r="AD67" s="145"/>
      <c r="AE67" s="146"/>
      <c r="AF67" s="146"/>
      <c r="AG67" s="140"/>
      <c r="AH67" s="146"/>
      <c r="AI67" s="140"/>
      <c r="AJ67" s="194"/>
      <c r="AK67" s="140"/>
      <c r="AL67" s="140"/>
      <c r="AM67" s="140"/>
      <c r="AN67" s="140"/>
      <c r="AO67" s="140"/>
      <c r="AP67" s="140"/>
      <c r="AQ67" s="140"/>
      <c r="AR67" s="140"/>
      <c r="AS67" s="140"/>
      <c r="AT67" s="140"/>
      <c r="AU67" s="146"/>
      <c r="AV67" s="140"/>
      <c r="AW67" s="140"/>
      <c r="AX67" s="140"/>
      <c r="AY67" s="140"/>
      <c r="AZ67" s="43"/>
      <c r="BA67" s="140"/>
      <c r="BB67" s="194"/>
      <c r="BC67" s="194"/>
      <c r="BD67" s="194"/>
      <c r="BE67" s="140"/>
    </row>
    <row r="68" spans="3:57" x14ac:dyDescent="0.2">
      <c r="C68" s="157" t="s">
        <v>59</v>
      </c>
      <c r="D68" s="158" t="s">
        <v>58</v>
      </c>
      <c r="E68" s="145"/>
      <c r="F68" s="145"/>
      <c r="G68" s="146"/>
      <c r="H68" s="145"/>
      <c r="I68" s="146"/>
      <c r="J68" s="140"/>
      <c r="K68" s="140"/>
      <c r="L68" s="140"/>
      <c r="M68" s="140"/>
      <c r="N68" s="146"/>
      <c r="O68" s="145"/>
      <c r="P68" s="145"/>
      <c r="Q68" s="140"/>
      <c r="R68" s="145"/>
      <c r="S68" s="145"/>
      <c r="T68" s="145"/>
      <c r="U68" s="146"/>
      <c r="V68" s="140"/>
      <c r="W68" s="140"/>
      <c r="X68" s="140"/>
      <c r="Y68" s="140"/>
      <c r="Z68" s="140"/>
      <c r="AA68" s="140"/>
      <c r="AB68" s="140"/>
      <c r="AC68" s="145"/>
      <c r="AD68" s="145"/>
      <c r="AE68" s="146"/>
      <c r="AF68" s="146"/>
      <c r="AG68" s="140"/>
      <c r="AH68" s="146"/>
      <c r="AI68" s="140"/>
      <c r="AJ68" s="194"/>
      <c r="AK68" s="140"/>
      <c r="AL68" s="140"/>
      <c r="AM68" s="140"/>
      <c r="AN68" s="140"/>
      <c r="AO68" s="140"/>
      <c r="AP68" s="140"/>
      <c r="AQ68" s="140"/>
      <c r="AR68" s="140"/>
      <c r="AS68" s="140"/>
      <c r="AT68" s="140"/>
      <c r="AU68" s="146"/>
      <c r="AV68" s="140"/>
      <c r="AW68" s="140"/>
      <c r="AX68" s="140"/>
      <c r="AY68" s="140"/>
      <c r="AZ68" s="43"/>
      <c r="BA68" s="140"/>
      <c r="BB68" s="194"/>
      <c r="BC68" s="194"/>
      <c r="BD68" s="194"/>
      <c r="BE68" s="140"/>
    </row>
    <row r="69" spans="3:57" x14ac:dyDescent="0.2">
      <c r="C69" s="157" t="s">
        <v>60</v>
      </c>
      <c r="D69" s="158" t="s">
        <v>58</v>
      </c>
      <c r="E69" s="145"/>
      <c r="F69" s="145"/>
      <c r="G69" s="146"/>
      <c r="H69" s="145"/>
      <c r="I69" s="146"/>
      <c r="J69" s="140"/>
      <c r="K69" s="140"/>
      <c r="L69" s="140"/>
      <c r="M69" s="140"/>
      <c r="N69" s="146"/>
      <c r="O69" s="145"/>
      <c r="P69" s="145"/>
      <c r="Q69" s="140"/>
      <c r="R69" s="145"/>
      <c r="S69" s="145"/>
      <c r="T69" s="145"/>
      <c r="U69" s="146"/>
      <c r="V69" s="140"/>
      <c r="W69" s="140"/>
      <c r="X69" s="140"/>
      <c r="Y69" s="140"/>
      <c r="Z69" s="140"/>
      <c r="AA69" s="140"/>
      <c r="AB69" s="140"/>
      <c r="AC69" s="145"/>
      <c r="AD69" s="145"/>
      <c r="AE69" s="146"/>
      <c r="AF69" s="146"/>
      <c r="AG69" s="140"/>
      <c r="AH69" s="146"/>
      <c r="AI69" s="140"/>
      <c r="AJ69" s="194"/>
      <c r="AK69" s="140"/>
      <c r="AL69" s="140"/>
      <c r="AM69" s="140"/>
      <c r="AN69" s="140"/>
      <c r="AO69" s="140"/>
      <c r="AP69" s="140"/>
      <c r="AQ69" s="140"/>
      <c r="AR69" s="140"/>
      <c r="AS69" s="140"/>
      <c r="AT69" s="140"/>
      <c r="AU69" s="146"/>
      <c r="AV69" s="140"/>
      <c r="AW69" s="140"/>
      <c r="AX69" s="140"/>
      <c r="AY69" s="140"/>
      <c r="AZ69" s="43"/>
      <c r="BA69" s="140"/>
      <c r="BB69" s="194"/>
      <c r="BC69" s="194"/>
      <c r="BD69" s="194"/>
      <c r="BE69" s="140"/>
    </row>
    <row r="70" spans="3:57" x14ac:dyDescent="0.2">
      <c r="C70" s="157" t="s">
        <v>61</v>
      </c>
      <c r="D70" s="158" t="s">
        <v>58</v>
      </c>
      <c r="E70" s="145"/>
      <c r="F70" s="145"/>
      <c r="G70" s="146"/>
      <c r="H70" s="145"/>
      <c r="I70" s="146"/>
      <c r="J70" s="140"/>
      <c r="K70" s="140"/>
      <c r="L70" s="140"/>
      <c r="M70" s="140"/>
      <c r="N70" s="146"/>
      <c r="O70" s="145"/>
      <c r="P70" s="145"/>
      <c r="Q70" s="140"/>
      <c r="R70" s="145"/>
      <c r="S70" s="145"/>
      <c r="T70" s="145"/>
      <c r="U70" s="146"/>
      <c r="V70" s="140"/>
      <c r="W70" s="140"/>
      <c r="X70" s="140"/>
      <c r="Y70" s="140"/>
      <c r="Z70" s="140"/>
      <c r="AA70" s="140"/>
      <c r="AB70" s="140"/>
      <c r="AC70" s="145"/>
      <c r="AD70" s="145"/>
      <c r="AE70" s="146"/>
      <c r="AF70" s="146"/>
      <c r="AG70" s="140"/>
      <c r="AH70" s="146"/>
      <c r="AI70" s="140"/>
      <c r="AJ70" s="194"/>
      <c r="AK70" s="140"/>
      <c r="AL70" s="140"/>
      <c r="AM70" s="140"/>
      <c r="AN70" s="140"/>
      <c r="AO70" s="140"/>
      <c r="AP70" s="140"/>
      <c r="AQ70" s="140"/>
      <c r="AR70" s="140"/>
      <c r="AS70" s="140"/>
      <c r="AT70" s="140"/>
      <c r="AU70" s="146"/>
      <c r="AV70" s="140"/>
      <c r="AW70" s="140"/>
      <c r="AX70" s="140"/>
      <c r="AY70" s="140"/>
      <c r="AZ70" s="43"/>
      <c r="BA70" s="140"/>
      <c r="BB70" s="194"/>
      <c r="BC70" s="194"/>
      <c r="BD70" s="194"/>
      <c r="BE70" s="140"/>
    </row>
    <row r="71" spans="3:57" x14ac:dyDescent="0.2">
      <c r="C71" s="157" t="s">
        <v>62</v>
      </c>
      <c r="D71" s="158" t="s">
        <v>58</v>
      </c>
      <c r="E71" s="145"/>
      <c r="F71" s="145"/>
      <c r="G71" s="146"/>
      <c r="H71" s="145"/>
      <c r="I71" s="146"/>
      <c r="J71" s="140"/>
      <c r="K71" s="140"/>
      <c r="L71" s="140"/>
      <c r="M71" s="140"/>
      <c r="N71" s="146"/>
      <c r="O71" s="145"/>
      <c r="P71" s="145"/>
      <c r="Q71" s="140"/>
      <c r="R71" s="145"/>
      <c r="S71" s="145"/>
      <c r="T71" s="145"/>
      <c r="U71" s="146"/>
      <c r="V71" s="140"/>
      <c r="W71" s="140"/>
      <c r="X71" s="140"/>
      <c r="Y71" s="140"/>
      <c r="Z71" s="140"/>
      <c r="AA71" s="140"/>
      <c r="AB71" s="140"/>
      <c r="AC71" s="145"/>
      <c r="AD71" s="145"/>
      <c r="AE71" s="146"/>
      <c r="AF71" s="146"/>
      <c r="AG71" s="140"/>
      <c r="AH71" s="146"/>
      <c r="AI71" s="140"/>
      <c r="AJ71" s="194"/>
      <c r="AK71" s="140"/>
      <c r="AL71" s="140"/>
      <c r="AM71" s="140"/>
      <c r="AN71" s="140"/>
      <c r="AO71" s="140"/>
      <c r="AP71" s="140"/>
      <c r="AQ71" s="140"/>
      <c r="AR71" s="140"/>
      <c r="AS71" s="140"/>
      <c r="AT71" s="140"/>
      <c r="AU71" s="146"/>
      <c r="AV71" s="140"/>
      <c r="AW71" s="140"/>
      <c r="AX71" s="140"/>
      <c r="AY71" s="140"/>
      <c r="AZ71" s="194"/>
      <c r="BA71" s="140"/>
      <c r="BB71" s="194"/>
      <c r="BC71" s="194"/>
      <c r="BD71" s="194"/>
      <c r="BE71" s="140"/>
    </row>
    <row r="72" spans="3:57" x14ac:dyDescent="0.2">
      <c r="C72" s="157" t="s">
        <v>75</v>
      </c>
      <c r="D72" s="158" t="s">
        <v>76</v>
      </c>
      <c r="E72" s="145"/>
      <c r="F72" s="145"/>
      <c r="G72" s="146"/>
      <c r="H72" s="145"/>
      <c r="I72" s="146"/>
      <c r="J72" s="140"/>
      <c r="K72" s="140"/>
      <c r="L72" s="140"/>
      <c r="M72" s="140"/>
      <c r="N72" s="146"/>
      <c r="O72" s="145"/>
      <c r="P72" s="145"/>
      <c r="Q72" s="140"/>
      <c r="R72" s="145"/>
      <c r="S72" s="145"/>
      <c r="T72" s="145"/>
      <c r="U72" s="146"/>
      <c r="V72" s="140"/>
      <c r="W72" s="140"/>
      <c r="X72" s="140"/>
      <c r="Y72" s="140"/>
      <c r="Z72" s="140"/>
      <c r="AA72" s="140"/>
      <c r="AB72" s="140"/>
      <c r="AC72" s="145"/>
      <c r="AD72" s="145"/>
      <c r="AE72" s="146"/>
      <c r="AF72" s="146"/>
      <c r="AG72" s="140"/>
      <c r="AH72" s="146"/>
      <c r="AI72" s="140"/>
      <c r="AJ72" s="194"/>
      <c r="AK72" s="140"/>
      <c r="AL72" s="140"/>
      <c r="AM72" s="140"/>
      <c r="AN72" s="140"/>
      <c r="AO72" s="140"/>
      <c r="AP72" s="140"/>
      <c r="AQ72" s="140"/>
      <c r="AR72" s="140"/>
      <c r="AS72" s="140"/>
      <c r="AT72" s="140"/>
      <c r="AU72" s="146"/>
      <c r="AV72" s="140"/>
      <c r="AW72" s="140"/>
      <c r="AX72" s="140"/>
      <c r="AY72" s="140"/>
      <c r="AZ72" s="194"/>
      <c r="BA72" s="140"/>
      <c r="BB72" s="194"/>
      <c r="BC72" s="194"/>
      <c r="BD72" s="194"/>
      <c r="BE72" s="140"/>
    </row>
    <row r="73" spans="3:57" x14ac:dyDescent="0.2">
      <c r="C73" s="157" t="s">
        <v>63</v>
      </c>
      <c r="D73" s="158" t="s">
        <v>58</v>
      </c>
      <c r="E73" s="146" t="s">
        <v>90</v>
      </c>
      <c r="F73" s="146">
        <v>9.054140193477437</v>
      </c>
      <c r="G73" s="146">
        <v>8.4350636405459287</v>
      </c>
      <c r="H73" s="146">
        <v>7.7777500055808968</v>
      </c>
      <c r="I73" s="146">
        <v>5.5080873436798932</v>
      </c>
      <c r="J73" s="140">
        <v>5.9675842549929659</v>
      </c>
      <c r="K73" s="140">
        <v>5.721770154757249</v>
      </c>
      <c r="L73" s="140">
        <v>6.3505298267347081</v>
      </c>
      <c r="M73" s="146">
        <v>6.4858813158161874</v>
      </c>
      <c r="N73" s="146">
        <v>7.6816690557987881</v>
      </c>
      <c r="O73" s="146">
        <v>7.6937708859619853</v>
      </c>
      <c r="P73" s="146">
        <v>7.3114740327921819</v>
      </c>
      <c r="Q73" s="146">
        <v>6.1498964421898172</v>
      </c>
      <c r="R73" s="146">
        <v>6.5001813032750118</v>
      </c>
      <c r="S73" s="146">
        <v>8.8651985303460261</v>
      </c>
      <c r="T73" s="146">
        <v>7.7288317364037322</v>
      </c>
      <c r="U73" s="146">
        <v>6.8333054851084478</v>
      </c>
      <c r="V73" s="140">
        <v>5.2442290263387568</v>
      </c>
      <c r="W73" s="140">
        <v>4.706368540982508</v>
      </c>
      <c r="X73" s="140">
        <v>5.568985868543936</v>
      </c>
      <c r="Y73" s="150">
        <v>5.2590725787739574</v>
      </c>
      <c r="Z73" s="140">
        <v>5.0374937888933582</v>
      </c>
      <c r="AA73" s="146">
        <v>5.6447686789470488</v>
      </c>
      <c r="AB73" s="140">
        <v>5.5700731077374712</v>
      </c>
      <c r="AC73" s="146">
        <v>5.623923889049923</v>
      </c>
      <c r="AD73" s="146">
        <v>5.3587325933994769</v>
      </c>
      <c r="AE73" s="146">
        <v>5.0937486144978932</v>
      </c>
      <c r="AF73" s="146">
        <v>5.78767178502879</v>
      </c>
      <c r="AG73" s="140">
        <v>6.454534030193579</v>
      </c>
      <c r="AH73" s="146">
        <v>6.2407067856046767</v>
      </c>
      <c r="AI73" s="140">
        <v>6.5153996004260701</v>
      </c>
      <c r="AJ73" s="145">
        <v>6.2628814118522165</v>
      </c>
      <c r="AK73" s="140">
        <v>6.5513397211379711</v>
      </c>
      <c r="AL73" s="140">
        <v>6.2093724577103266</v>
      </c>
      <c r="AM73" s="140">
        <v>6.5597594973099502</v>
      </c>
      <c r="AN73" s="140">
        <v>8.3561785716331638</v>
      </c>
      <c r="AO73" s="140">
        <v>7.5954348465285104</v>
      </c>
      <c r="AP73" s="140">
        <v>7.535150567192721</v>
      </c>
      <c r="AQ73" s="140">
        <v>7.2102941221643713</v>
      </c>
      <c r="AR73" s="140">
        <v>7.1001238967913363</v>
      </c>
      <c r="AS73" s="140">
        <v>7.6368031578703661</v>
      </c>
      <c r="AT73" s="140">
        <v>7.7562482242834454</v>
      </c>
      <c r="AU73" s="146">
        <v>6.3395057964265575</v>
      </c>
      <c r="AV73" s="140">
        <v>7.1895335164181136</v>
      </c>
      <c r="AW73" s="140">
        <v>9.2651634113538375</v>
      </c>
      <c r="AX73" s="140">
        <v>8.9915278753722543</v>
      </c>
      <c r="AY73" s="140">
        <v>9.0595735278816552</v>
      </c>
      <c r="AZ73" s="146">
        <v>8.8348243749419577</v>
      </c>
      <c r="BA73" s="140">
        <v>8.9002149747576507</v>
      </c>
      <c r="BB73" s="145">
        <v>7.927011604848456</v>
      </c>
      <c r="BC73" s="146">
        <v>9.602962595195379</v>
      </c>
      <c r="BD73" s="145">
        <v>10.812202298381612</v>
      </c>
      <c r="BE73" s="140">
        <v>10.637231804738757</v>
      </c>
    </row>
    <row r="74" spans="3:57" x14ac:dyDescent="0.2">
      <c r="C74" s="157" t="s">
        <v>64</v>
      </c>
      <c r="D74" s="158" t="s">
        <v>58</v>
      </c>
      <c r="E74" s="146">
        <v>7.3669220258495169</v>
      </c>
      <c r="F74" s="146">
        <v>6.7570149952225886</v>
      </c>
      <c r="G74" s="146">
        <v>6.5196047293381252</v>
      </c>
      <c r="H74" s="146">
        <v>6.8059767411472629</v>
      </c>
      <c r="I74" s="146">
        <v>6.2092439930641561</v>
      </c>
      <c r="J74" s="184">
        <v>6.2865444308548772</v>
      </c>
      <c r="K74" s="140">
        <v>6.2261322902438021</v>
      </c>
      <c r="L74" s="140">
        <v>6.6976722460754061</v>
      </c>
      <c r="M74" s="146">
        <v>5.9673162374859468</v>
      </c>
      <c r="N74" s="146">
        <v>6.3113476562500006</v>
      </c>
      <c r="O74" s="146">
        <v>6.2885266299124982</v>
      </c>
      <c r="P74" s="146">
        <v>4.7631535353991294</v>
      </c>
      <c r="Q74" s="146">
        <v>4.6427036337032073</v>
      </c>
      <c r="R74" s="146">
        <v>5.2077094102606853</v>
      </c>
      <c r="S74" s="146">
        <v>6.04</v>
      </c>
      <c r="T74" s="146">
        <v>5.4696244672272787</v>
      </c>
      <c r="U74" s="146">
        <v>5.0317286148047327</v>
      </c>
      <c r="V74" s="140">
        <v>4.4979184434126163</v>
      </c>
      <c r="W74" s="140">
        <v>4.4129620655566111</v>
      </c>
      <c r="X74" s="140">
        <v>5.0710850029463765</v>
      </c>
      <c r="Y74" s="150">
        <v>4.5208014054498564</v>
      </c>
      <c r="Z74" s="140">
        <v>5.0302545493934137</v>
      </c>
      <c r="AA74" s="146">
        <v>5.2721684738878887</v>
      </c>
      <c r="AB74" s="140">
        <v>6.0027269878718625</v>
      </c>
      <c r="AC74" s="146">
        <v>5.9570918854630319</v>
      </c>
      <c r="AD74" s="146">
        <v>5.7880779896386416</v>
      </c>
      <c r="AE74" s="146">
        <v>5.7630240336003729</v>
      </c>
      <c r="AF74" s="146">
        <v>5.4831706201501484</v>
      </c>
      <c r="AG74" s="184">
        <v>6.0582501880990547</v>
      </c>
      <c r="AH74" s="146">
        <v>6.2003930689127751</v>
      </c>
      <c r="AI74" s="140">
        <v>5.8553438382960223</v>
      </c>
      <c r="AJ74" s="145">
        <v>5.6168192332786333</v>
      </c>
      <c r="AK74" s="140">
        <v>6.1029283342484382</v>
      </c>
      <c r="AL74" s="140">
        <v>5.1390477702582018</v>
      </c>
      <c r="AM74" s="140">
        <v>5.2852374396009765</v>
      </c>
      <c r="AN74" s="140">
        <v>6.963258505542151</v>
      </c>
      <c r="AO74" s="140">
        <v>6.8037243329876498</v>
      </c>
      <c r="AP74" s="140">
        <v>6.1694893272088631</v>
      </c>
      <c r="AQ74" s="140">
        <v>6.1768723353604429</v>
      </c>
      <c r="AR74" s="140">
        <v>6.4390654096445852</v>
      </c>
      <c r="AS74" s="140">
        <v>5.6699574609399708</v>
      </c>
      <c r="AT74" s="140">
        <v>6.06726025418833</v>
      </c>
      <c r="AU74" s="146">
        <v>5.1431570366888932</v>
      </c>
      <c r="AV74" s="140">
        <v>5.4679475852484245</v>
      </c>
      <c r="AW74" s="140">
        <v>6.3483090692357305</v>
      </c>
      <c r="AX74" s="140">
        <v>6.1717551696370245</v>
      </c>
      <c r="AY74" s="184">
        <v>5.8725143441372154</v>
      </c>
      <c r="AZ74" s="146">
        <v>5.789883222254419</v>
      </c>
      <c r="BA74" s="140">
        <v>6.7555812037659715</v>
      </c>
      <c r="BB74" s="145">
        <v>6.790217982741642</v>
      </c>
      <c r="BC74" s="146">
        <v>7.3104999161683333</v>
      </c>
      <c r="BD74" s="145">
        <v>5.9357053820945342</v>
      </c>
      <c r="BE74" s="184">
        <v>6.7707428879917373</v>
      </c>
    </row>
    <row r="75" spans="3:57" x14ac:dyDescent="0.2">
      <c r="C75" s="157" t="s">
        <v>65</v>
      </c>
      <c r="D75" s="158" t="s">
        <v>58</v>
      </c>
      <c r="E75" s="146">
        <v>4.7824864752392839</v>
      </c>
      <c r="F75" s="146">
        <v>3.5503377533058877</v>
      </c>
      <c r="G75" s="146">
        <v>3.4650399044574236</v>
      </c>
      <c r="H75" s="146">
        <v>3.246621788332861</v>
      </c>
      <c r="I75" s="146">
        <v>3.2241075109737642</v>
      </c>
      <c r="J75" s="140">
        <v>2.4401886273863092</v>
      </c>
      <c r="K75" s="140">
        <v>2.494549694569911</v>
      </c>
      <c r="L75" s="140">
        <v>3.0327202877045001</v>
      </c>
      <c r="M75" s="146">
        <v>3.0564010801917645</v>
      </c>
      <c r="N75" s="146">
        <v>2.8145448290634349</v>
      </c>
      <c r="O75" s="146">
        <v>3.1913443912229216</v>
      </c>
      <c r="P75" s="146">
        <v>2.9488156218622152</v>
      </c>
      <c r="Q75" s="146">
        <v>4.1711370390978058</v>
      </c>
      <c r="R75" s="146">
        <v>4.8499999999999996</v>
      </c>
      <c r="S75" s="146">
        <v>5.1899729249513493</v>
      </c>
      <c r="T75" s="146">
        <v>4.1761458659088744</v>
      </c>
      <c r="U75" s="146">
        <v>4.9954594277329418</v>
      </c>
      <c r="V75" s="140">
        <v>4.2354714827620938</v>
      </c>
      <c r="W75" s="140">
        <v>3.9127544847322975</v>
      </c>
      <c r="X75" s="140">
        <v>3.9597789136745982</v>
      </c>
      <c r="Y75" s="150">
        <v>3.9154460602760559</v>
      </c>
      <c r="Z75" s="140">
        <v>3.8022471359498193</v>
      </c>
      <c r="AA75" s="146">
        <v>3.8526014429551019</v>
      </c>
      <c r="AB75" s="140">
        <v>3.7447317770195041</v>
      </c>
      <c r="AC75" s="146">
        <v>3.3715180376169105</v>
      </c>
      <c r="AD75" s="146">
        <v>3.3150388010846275</v>
      </c>
      <c r="AE75" s="146">
        <v>3.0077482850603641</v>
      </c>
      <c r="AF75" s="146">
        <v>2.9484106058088222</v>
      </c>
      <c r="AG75" s="140">
        <v>3.1600213617867015</v>
      </c>
      <c r="AH75" s="146">
        <v>2.8201249968168738</v>
      </c>
      <c r="AI75" s="140">
        <v>3.1205337157834871</v>
      </c>
      <c r="AJ75" s="145">
        <v>3.8822414969806398</v>
      </c>
      <c r="AK75" s="140">
        <v>3.1344176225204703</v>
      </c>
      <c r="AL75" s="140">
        <v>3.031728396596411</v>
      </c>
      <c r="AM75" s="140">
        <v>3.1935531121981895</v>
      </c>
      <c r="AN75" s="140">
        <v>2.6768152948696162</v>
      </c>
      <c r="AO75" s="140">
        <v>2.9982051574899895</v>
      </c>
      <c r="AP75" s="140">
        <v>2.6947687204116373</v>
      </c>
      <c r="AQ75" s="140">
        <v>2.495591211475924</v>
      </c>
      <c r="AR75" s="140">
        <v>2.6406114741109463</v>
      </c>
      <c r="AS75" s="140">
        <v>2.7059164187712956</v>
      </c>
      <c r="AT75" s="140">
        <v>2.3089532395583552</v>
      </c>
      <c r="AU75" s="146">
        <v>2.4155299687498726</v>
      </c>
      <c r="AV75" s="140">
        <v>2.4033360923102012</v>
      </c>
      <c r="AW75" s="140">
        <v>2.9251010291281694</v>
      </c>
      <c r="AX75" s="140">
        <v>2.980004153686397</v>
      </c>
      <c r="AY75" s="140">
        <v>2.5341312888705083</v>
      </c>
      <c r="AZ75" s="146">
        <v>2.9449787871321433</v>
      </c>
      <c r="BA75" s="140">
        <v>2.5332834235956252</v>
      </c>
      <c r="BB75" s="145">
        <v>3.9193621413445281</v>
      </c>
      <c r="BC75" s="146">
        <v>3.8594592624356769</v>
      </c>
      <c r="BD75" s="145">
        <v>4.2565015864452977</v>
      </c>
      <c r="BE75" s="140">
        <v>4.7756455206326942</v>
      </c>
    </row>
    <row r="76" spans="3:57" x14ac:dyDescent="0.2">
      <c r="C76" s="157" t="s">
        <v>66</v>
      </c>
      <c r="D76" s="158" t="s">
        <v>58</v>
      </c>
      <c r="E76" s="146">
        <v>5.549185380889476</v>
      </c>
      <c r="F76" s="146">
        <v>4.9301138803247726</v>
      </c>
      <c r="G76" s="146">
        <v>5.6548634048879585</v>
      </c>
      <c r="H76" s="146" t="s">
        <v>90</v>
      </c>
      <c r="I76" s="146" t="s">
        <v>90</v>
      </c>
      <c r="J76" s="140">
        <v>4.7697728735237694</v>
      </c>
      <c r="K76" s="140">
        <v>3.9755669536107123</v>
      </c>
      <c r="L76" s="140">
        <v>3.663582284596802</v>
      </c>
      <c r="M76" s="146">
        <v>3.1234419377033742</v>
      </c>
      <c r="N76" s="146">
        <v>3.4908581436077055</v>
      </c>
      <c r="O76" s="146">
        <v>3.1948363669238189</v>
      </c>
      <c r="P76" s="146">
        <v>4.9401880382450658</v>
      </c>
      <c r="Q76" s="146">
        <v>4.8407246014217682</v>
      </c>
      <c r="R76" s="146">
        <v>4.8997087427722832</v>
      </c>
      <c r="S76" s="146">
        <v>5.6695905886675195</v>
      </c>
      <c r="T76" s="146">
        <v>4.4167595739144829</v>
      </c>
      <c r="U76" s="146">
        <v>3.0637511999301861</v>
      </c>
      <c r="V76" s="140">
        <v>2.3772987450814123</v>
      </c>
      <c r="W76" s="140">
        <v>2.6992686076977006</v>
      </c>
      <c r="X76" s="140">
        <v>2.9364199636463884</v>
      </c>
      <c r="Y76" s="150">
        <v>2.8215280671000609</v>
      </c>
      <c r="Z76" s="140">
        <v>3.3753323041707701</v>
      </c>
      <c r="AA76" s="146">
        <v>4.1939781252254207</v>
      </c>
      <c r="AB76" s="140">
        <v>3.7229218776682838</v>
      </c>
      <c r="AC76" s="146">
        <v>3.1696291481407406</v>
      </c>
      <c r="AD76" s="146">
        <v>2.6326193092999737</v>
      </c>
      <c r="AE76" s="146">
        <v>2.783235496827245</v>
      </c>
      <c r="AF76" s="146">
        <v>2.9756853860710573</v>
      </c>
      <c r="AG76" s="140">
        <v>2.7596426729169874</v>
      </c>
      <c r="AH76" s="146">
        <v>3.0724763076299335</v>
      </c>
      <c r="AI76" s="140">
        <v>3.0479944591102863</v>
      </c>
      <c r="AJ76" s="145">
        <v>2.8556559263231569</v>
      </c>
      <c r="AK76" s="140">
        <v>2.6744458124511139</v>
      </c>
      <c r="AL76" s="140">
        <v>2.6466635960137346</v>
      </c>
      <c r="AM76" s="140">
        <v>2.6062904703529259</v>
      </c>
      <c r="AN76" s="140">
        <v>2.5920027381983197</v>
      </c>
      <c r="AO76" s="140">
        <v>2.6807029495090262</v>
      </c>
      <c r="AP76" s="140">
        <v>2.6212941008427366</v>
      </c>
      <c r="AQ76" s="140">
        <v>2.2956487439400615</v>
      </c>
      <c r="AR76" s="140">
        <v>2.9628439290283111</v>
      </c>
      <c r="AS76" s="140">
        <v>3.0750742555373787</v>
      </c>
      <c r="AT76" s="140">
        <v>2.6119105803668599</v>
      </c>
      <c r="AU76" s="146">
        <v>2.4924829980920724</v>
      </c>
      <c r="AV76" s="140">
        <v>3.1667460994078067</v>
      </c>
      <c r="AW76" s="140">
        <v>2.9566093426085955</v>
      </c>
      <c r="AX76" s="140">
        <v>2.3288501074344645</v>
      </c>
      <c r="AY76" s="140">
        <v>2.5091359146502246</v>
      </c>
      <c r="AZ76" s="146">
        <v>4.0882728363910363</v>
      </c>
      <c r="BA76" s="140">
        <v>4.1678776015728527</v>
      </c>
      <c r="BB76" s="145">
        <v>5.1082044970190728</v>
      </c>
      <c r="BC76" s="146">
        <v>4.396881000313611</v>
      </c>
      <c r="BD76" s="145">
        <v>3.8753049325445801</v>
      </c>
      <c r="BE76" s="140">
        <v>5.2788001906080178</v>
      </c>
    </row>
    <row r="77" spans="3:57" x14ac:dyDescent="0.2">
      <c r="C77" s="157" t="s">
        <v>116</v>
      </c>
      <c r="D77" s="158" t="s">
        <v>58</v>
      </c>
      <c r="E77" s="146">
        <v>7.6284708561723162</v>
      </c>
      <c r="F77" s="146">
        <v>8.0957191055266211</v>
      </c>
      <c r="G77" s="146">
        <v>9.5690938180768956</v>
      </c>
      <c r="H77" s="146">
        <v>8.6044467569688479</v>
      </c>
      <c r="I77" s="146">
        <v>7.0911577120923992</v>
      </c>
      <c r="J77" s="140">
        <v>6.4189438272059123</v>
      </c>
      <c r="K77" s="140">
        <v>6.4393893008935708</v>
      </c>
      <c r="L77" s="140">
        <v>8.0314130941286113</v>
      </c>
      <c r="M77" s="146">
        <v>10.417104647393691</v>
      </c>
      <c r="N77" s="146">
        <v>9.2312148024880507</v>
      </c>
      <c r="O77" s="146">
        <v>7.7675240643800301</v>
      </c>
      <c r="P77" s="146">
        <v>7.1240404234737751</v>
      </c>
      <c r="Q77" s="146">
        <v>6.3646674385568902</v>
      </c>
      <c r="R77" s="146">
        <v>8.6320997313299159</v>
      </c>
      <c r="S77" s="146">
        <v>9.2868327416768324</v>
      </c>
      <c r="T77" s="146">
        <v>7.3480022038256161</v>
      </c>
      <c r="U77" s="146">
        <v>6.893155889028149</v>
      </c>
      <c r="V77" s="140">
        <v>5.9119998624578773</v>
      </c>
      <c r="W77" s="140">
        <v>5.5262330660142265</v>
      </c>
      <c r="X77" s="140">
        <v>6.3122622970680879</v>
      </c>
      <c r="Y77" s="150">
        <v>6.4442284351972257</v>
      </c>
      <c r="Z77" s="140">
        <v>5.5855282817502667</v>
      </c>
      <c r="AA77" s="146">
        <v>6.2971851735140039</v>
      </c>
      <c r="AB77" s="140">
        <v>5.6333516162059381</v>
      </c>
      <c r="AC77" s="146">
        <v>6.3195756447462088</v>
      </c>
      <c r="AD77" s="146">
        <v>5.3641826579943173</v>
      </c>
      <c r="AE77" s="146">
        <v>5.6922504373659022</v>
      </c>
      <c r="AF77" s="146">
        <v>6.5643219744346268</v>
      </c>
      <c r="AG77" s="140">
        <v>6.6669976941723643</v>
      </c>
      <c r="AH77" s="146">
        <v>6.5623158684506686</v>
      </c>
      <c r="AI77" s="140">
        <v>6.5118977382259979</v>
      </c>
      <c r="AJ77" s="145">
        <v>6.3351836904861161</v>
      </c>
      <c r="AK77" s="140">
        <v>5.6961210030152429</v>
      </c>
      <c r="AL77" s="140">
        <v>5.9529396543517583</v>
      </c>
      <c r="AM77" s="140">
        <v>5.9635702580692902</v>
      </c>
      <c r="AN77" s="140">
        <v>6.821222697220942</v>
      </c>
      <c r="AO77" s="140">
        <v>7.2005976584494507</v>
      </c>
      <c r="AP77" s="140">
        <v>7.0309247534078114</v>
      </c>
      <c r="AQ77" s="140">
        <v>7.2971695811975685</v>
      </c>
      <c r="AR77" s="140">
        <v>7.8166757892421073</v>
      </c>
      <c r="AS77" s="140">
        <v>7.8072981647014075</v>
      </c>
      <c r="AT77" s="140">
        <v>8.1292841085643026</v>
      </c>
      <c r="AU77" s="146">
        <v>8.0653873966441481</v>
      </c>
      <c r="AV77" s="140">
        <v>8.2355654953227919</v>
      </c>
      <c r="AW77" s="140">
        <v>9.3676339473390691</v>
      </c>
      <c r="AX77" s="140">
        <v>9.0309020298645013</v>
      </c>
      <c r="AY77" s="140">
        <v>7.8834871731925871</v>
      </c>
      <c r="AZ77" s="146">
        <v>7.9575962764911976</v>
      </c>
      <c r="BA77" s="140">
        <v>8.8630938200377241</v>
      </c>
      <c r="BB77" s="145">
        <v>7.8018318410768188</v>
      </c>
      <c r="BC77" s="146">
        <v>9.0118723207808493</v>
      </c>
      <c r="BD77" s="145">
        <v>8.3683805813801246</v>
      </c>
      <c r="BE77" s="140">
        <v>8.1064826916429364</v>
      </c>
    </row>
    <row r="78" spans="3:57" x14ac:dyDescent="0.2">
      <c r="C78" s="157" t="s">
        <v>68</v>
      </c>
      <c r="D78" s="158" t="s">
        <v>58</v>
      </c>
      <c r="E78" s="146">
        <v>3.3366380374902946</v>
      </c>
      <c r="F78" s="146">
        <v>3.7037226516173885</v>
      </c>
      <c r="G78" s="146">
        <v>3.9094773126629634</v>
      </c>
      <c r="H78" s="146">
        <v>4.743936162085352</v>
      </c>
      <c r="I78" s="146">
        <v>4.3887241752749082</v>
      </c>
      <c r="J78" s="140">
        <v>4.0945876939458481</v>
      </c>
      <c r="K78" s="140">
        <v>4.0514074434782605</v>
      </c>
      <c r="L78" s="140">
        <v>3.5948044995394297</v>
      </c>
      <c r="M78" s="146">
        <v>3.8752782906633674</v>
      </c>
      <c r="N78" s="146">
        <v>4.1961492005852383</v>
      </c>
      <c r="O78" s="146">
        <v>3.6068214502067586</v>
      </c>
      <c r="P78" s="146">
        <v>3.6570169455398061</v>
      </c>
      <c r="Q78" s="146">
        <v>3.1142596144140509</v>
      </c>
      <c r="R78" s="146">
        <v>3.5641203258703551</v>
      </c>
      <c r="S78" s="146">
        <v>3.5029727755644093</v>
      </c>
      <c r="T78" s="146">
        <v>3.5011700504887742</v>
      </c>
      <c r="U78" s="146">
        <v>3.2780085877117653</v>
      </c>
      <c r="V78" s="140">
        <v>3.0787087308669094</v>
      </c>
      <c r="W78" s="140">
        <v>3.1398381950969503</v>
      </c>
      <c r="X78" s="140">
        <v>3.5522622307120875</v>
      </c>
      <c r="Y78" s="150">
        <v>2.9693399225478294</v>
      </c>
      <c r="Z78" s="140">
        <v>3.4455891594783079</v>
      </c>
      <c r="AA78" s="146">
        <v>2.9894046738445521</v>
      </c>
      <c r="AB78" s="140">
        <v>3.1468414648506493</v>
      </c>
      <c r="AC78" s="146">
        <v>3.0011913432525228</v>
      </c>
      <c r="AD78" s="146">
        <v>2.8654657245364663</v>
      </c>
      <c r="AE78" s="146">
        <v>2.9143861443717101</v>
      </c>
      <c r="AF78" s="146">
        <v>3.1005958030159229</v>
      </c>
      <c r="AG78" s="140">
        <v>2.9892480807483031</v>
      </c>
      <c r="AH78" s="146">
        <v>2.949038252534431</v>
      </c>
      <c r="AI78" s="140">
        <v>2.9126527308358656</v>
      </c>
      <c r="AJ78" s="145">
        <v>3.0239432589628019</v>
      </c>
      <c r="AK78" s="140">
        <v>2.8639057412917905</v>
      </c>
      <c r="AL78" s="140">
        <v>3.0558332439318763</v>
      </c>
      <c r="AM78" s="140">
        <v>3.1833857220906938</v>
      </c>
      <c r="AN78" s="140">
        <v>3.0395709954773618</v>
      </c>
      <c r="AO78" s="140">
        <v>3.2558588702140812</v>
      </c>
      <c r="AP78" s="140">
        <v>3.3686100496036202</v>
      </c>
      <c r="AQ78" s="140">
        <v>3.2704395139290736</v>
      </c>
      <c r="AR78" s="140">
        <v>2.6316571288757187</v>
      </c>
      <c r="AS78" s="140">
        <v>3.0252723797007079</v>
      </c>
      <c r="AT78" s="140">
        <v>2.8752130272290448</v>
      </c>
      <c r="AU78" s="146">
        <v>2.5724439738240958</v>
      </c>
      <c r="AV78" s="140">
        <v>3.2029394905974766</v>
      </c>
      <c r="AW78" s="140">
        <v>2.9154983219298733</v>
      </c>
      <c r="AX78" s="140">
        <v>2.853528938399394</v>
      </c>
      <c r="AY78" s="140">
        <v>2.5413183097941476</v>
      </c>
      <c r="AZ78" s="146">
        <v>2.9194748670776658</v>
      </c>
      <c r="BA78" s="140">
        <v>3.0794797209837479</v>
      </c>
      <c r="BB78" s="145">
        <v>3.9688623750087819</v>
      </c>
      <c r="BC78" s="146">
        <v>3.7627372103710512</v>
      </c>
      <c r="BD78" s="145">
        <v>2.8104379090992899</v>
      </c>
      <c r="BE78" s="140">
        <v>3.4974685881653786</v>
      </c>
    </row>
    <row r="79" spans="3:57" x14ac:dyDescent="0.2">
      <c r="C79" s="157" t="s">
        <v>69</v>
      </c>
      <c r="D79" s="158" t="s">
        <v>58</v>
      </c>
      <c r="E79" s="146">
        <v>3.0934793932726703</v>
      </c>
      <c r="F79" s="146">
        <v>3.4622584103390448</v>
      </c>
      <c r="G79" s="146">
        <v>3.7242445811618783</v>
      </c>
      <c r="H79" s="146">
        <v>3.5531013518908661</v>
      </c>
      <c r="I79" s="146">
        <v>2.8604600339027257</v>
      </c>
      <c r="J79" s="140">
        <v>3.3053260619977038</v>
      </c>
      <c r="K79" s="140">
        <v>3.0175374271163924</v>
      </c>
      <c r="L79" s="140">
        <v>2.9959876162128398</v>
      </c>
      <c r="M79" s="146">
        <v>2.057483370097934</v>
      </c>
      <c r="N79" s="146">
        <v>3.0326866996018991</v>
      </c>
      <c r="O79" s="146">
        <v>2.4619592138453452</v>
      </c>
      <c r="P79" s="146">
        <v>1.9077043827483846</v>
      </c>
      <c r="Q79" s="146">
        <v>1.8745862621219822</v>
      </c>
      <c r="R79" s="146">
        <v>2.3048246191031767</v>
      </c>
      <c r="S79" s="146">
        <v>2.3537115096350076</v>
      </c>
      <c r="T79" s="146">
        <v>1.8821086242074012</v>
      </c>
      <c r="U79" s="146">
        <v>1.6418321042529547</v>
      </c>
      <c r="V79" s="140">
        <v>1.5146962627279847</v>
      </c>
      <c r="W79" s="140">
        <v>1.4700262461933005</v>
      </c>
      <c r="X79" s="140">
        <v>1.7539501958589816</v>
      </c>
      <c r="Y79" s="150">
        <v>1.7577122582053855</v>
      </c>
      <c r="Z79" s="140">
        <v>1.6534084580474684</v>
      </c>
      <c r="AA79" s="146">
        <v>1.7235812372839672</v>
      </c>
      <c r="AB79" s="140">
        <v>1.5838490470893587</v>
      </c>
      <c r="AC79" s="146">
        <v>1.7695596397849933</v>
      </c>
      <c r="AD79" s="146">
        <v>1.6903498828238142</v>
      </c>
      <c r="AE79" s="146">
        <v>1.4910374478165795</v>
      </c>
      <c r="AF79" s="146">
        <v>1.6100327750247769</v>
      </c>
      <c r="AG79" s="140">
        <v>1.4794102889883385</v>
      </c>
      <c r="AH79" s="146">
        <v>1.8170371676215662</v>
      </c>
      <c r="AI79" s="140">
        <v>1.7483489690217922</v>
      </c>
      <c r="AJ79" s="145">
        <v>1.7231542517800578</v>
      </c>
      <c r="AK79" s="184">
        <v>1.7857348265736428</v>
      </c>
      <c r="AL79" s="140">
        <v>2.1440694193108287</v>
      </c>
      <c r="AM79" s="140">
        <v>1.9773649045720436</v>
      </c>
      <c r="AN79" s="140">
        <v>1.8884685730487938</v>
      </c>
      <c r="AO79" s="140">
        <v>1.9698306825420158</v>
      </c>
      <c r="AP79" s="140">
        <v>2.0070204926850259</v>
      </c>
      <c r="AQ79" s="140">
        <v>1.9375503155029488</v>
      </c>
      <c r="AR79" s="140">
        <v>2.1159982663233308</v>
      </c>
      <c r="AS79" s="140">
        <v>2.1526854083593432</v>
      </c>
      <c r="AT79" s="140">
        <v>1.86040677195153</v>
      </c>
      <c r="AU79" s="146">
        <v>1.8895865518253887</v>
      </c>
      <c r="AV79" s="140">
        <v>2.3241498957809243</v>
      </c>
      <c r="AW79" s="140">
        <v>2.239946210104466</v>
      </c>
      <c r="AX79" s="140">
        <v>2.3052175859259929</v>
      </c>
      <c r="AY79" s="140">
        <v>2.1318712979890315</v>
      </c>
      <c r="AZ79" s="146">
        <v>2.3105190010002601</v>
      </c>
      <c r="BA79" s="140">
        <v>2.6086688364240773</v>
      </c>
      <c r="BB79" s="145">
        <v>3.6573411131348625</v>
      </c>
      <c r="BC79" s="146">
        <v>2.9450461764243414</v>
      </c>
      <c r="BD79" s="145">
        <v>2.2005413857277967</v>
      </c>
      <c r="BE79" s="140">
        <v>2.1597806629834251</v>
      </c>
    </row>
    <row r="80" spans="3:57" x14ac:dyDescent="0.2">
      <c r="C80" s="157" t="s">
        <v>70</v>
      </c>
      <c r="D80" s="158" t="s">
        <v>58</v>
      </c>
      <c r="E80" s="146">
        <v>4.7190751082386893</v>
      </c>
      <c r="F80" s="146">
        <v>4.0536076964190269</v>
      </c>
      <c r="G80" s="146">
        <v>4.1295194655017342</v>
      </c>
      <c r="H80" s="146">
        <v>3.9323063209704299</v>
      </c>
      <c r="I80" s="146">
        <v>3.7412816960790218</v>
      </c>
      <c r="J80" s="140">
        <v>3.6663660578386601</v>
      </c>
      <c r="K80" s="140">
        <v>3.739728027744821</v>
      </c>
      <c r="L80" s="140">
        <v>4.197943237963921</v>
      </c>
      <c r="M80" s="146">
        <v>3.9744162832121126</v>
      </c>
      <c r="N80" s="146">
        <v>3.4870998353829767</v>
      </c>
      <c r="O80" s="146">
        <v>2.2101939564901483</v>
      </c>
      <c r="P80" s="146">
        <v>1.9334457962501108</v>
      </c>
      <c r="Q80" s="146">
        <v>1.7444017064768553</v>
      </c>
      <c r="R80" s="146">
        <v>1.9767279202737638</v>
      </c>
      <c r="S80" s="146">
        <v>2.186322481088244</v>
      </c>
      <c r="T80" s="146">
        <v>2.1198044872198638</v>
      </c>
      <c r="U80" s="146">
        <v>2.0719929287397916</v>
      </c>
      <c r="V80" s="140">
        <v>2.0170142544747711</v>
      </c>
      <c r="W80" s="140">
        <v>2.3706699567815828</v>
      </c>
      <c r="X80" s="140">
        <v>2.6054367118889967</v>
      </c>
      <c r="Y80" s="150">
        <v>2.7083916597327593</v>
      </c>
      <c r="Z80" s="140">
        <v>2.9023727247269675</v>
      </c>
      <c r="AA80" s="146">
        <v>3.1733412931363283</v>
      </c>
      <c r="AB80" s="140">
        <v>3.8049868002577587</v>
      </c>
      <c r="AC80" s="146">
        <v>3.7541644539796502</v>
      </c>
      <c r="AD80" s="146">
        <v>3.2261439020241536</v>
      </c>
      <c r="AE80" s="146">
        <v>3.3795936666745319</v>
      </c>
      <c r="AF80" s="146">
        <v>3.4776294056717334</v>
      </c>
      <c r="AG80" s="140">
        <v>3.5059551794389594</v>
      </c>
      <c r="AH80" s="146">
        <v>3.7420324714371618</v>
      </c>
      <c r="AI80" s="140">
        <v>4.0224860065624393</v>
      </c>
      <c r="AJ80" s="145">
        <v>3.9138053607455086</v>
      </c>
      <c r="AK80" s="140">
        <v>3.8299581816773793</v>
      </c>
      <c r="AL80" s="140">
        <v>3.7056587725593388</v>
      </c>
      <c r="AM80" s="140">
        <v>3.6067201814850365</v>
      </c>
      <c r="AN80" s="140">
        <v>3.7027571873055387</v>
      </c>
      <c r="AO80" s="140">
        <v>3.3326722058429374</v>
      </c>
      <c r="AP80" s="140">
        <v>3.7715940015054135</v>
      </c>
      <c r="AQ80" s="140">
        <v>3.8217631515733848</v>
      </c>
      <c r="AR80" s="140">
        <v>3.9945099300944746</v>
      </c>
      <c r="AS80" s="140">
        <v>3.982696547865864</v>
      </c>
      <c r="AT80" s="140">
        <v>3.8467778102759094</v>
      </c>
      <c r="AU80" s="146">
        <v>3.8653960344648604</v>
      </c>
      <c r="AV80" s="140">
        <v>3.4290959144395452</v>
      </c>
      <c r="AW80" s="140">
        <v>4.0668216868112808</v>
      </c>
      <c r="AX80" s="140">
        <v>3.8425554506842849</v>
      </c>
      <c r="AY80" s="140">
        <v>3.4566066775442614</v>
      </c>
      <c r="AZ80" s="146">
        <v>3.5066732926309809</v>
      </c>
      <c r="BA80" s="140">
        <v>3.9740134049806435</v>
      </c>
      <c r="BB80" s="145">
        <v>3.9263241903641788</v>
      </c>
      <c r="BC80" s="146">
        <v>3.9603139563404466</v>
      </c>
      <c r="BD80" s="145">
        <v>3.8540333312210886</v>
      </c>
      <c r="BE80" s="140">
        <v>4.2705392215212479</v>
      </c>
    </row>
    <row r="81" spans="3:57" x14ac:dyDescent="0.2">
      <c r="C81" s="157" t="s">
        <v>101</v>
      </c>
      <c r="D81" s="158" t="s">
        <v>58</v>
      </c>
      <c r="E81" s="146">
        <v>7.2681509945750449</v>
      </c>
      <c r="F81" s="146">
        <v>7.4679451467752305</v>
      </c>
      <c r="G81" s="146">
        <v>7.6997655931512439</v>
      </c>
      <c r="H81" s="146">
        <v>7.6934676007005258</v>
      </c>
      <c r="I81" s="146">
        <v>7.3112461938358706</v>
      </c>
      <c r="J81" s="140">
        <v>7.3541893889618919</v>
      </c>
      <c r="K81" s="140">
        <v>7.5471866170336819</v>
      </c>
      <c r="L81" s="140">
        <v>7.6102418006430863</v>
      </c>
      <c r="M81" s="146">
        <v>7.3320578079038237</v>
      </c>
      <c r="N81" s="146">
        <v>7.4736885724717057</v>
      </c>
      <c r="O81" s="146">
        <v>8.8000000000000007</v>
      </c>
      <c r="P81" s="146">
        <v>8.3523862276775827</v>
      </c>
      <c r="Q81" s="146">
        <v>7.942215249822401</v>
      </c>
      <c r="R81" s="146">
        <v>8.3454170905391667</v>
      </c>
      <c r="S81" s="146">
        <v>8.7841747413368356</v>
      </c>
      <c r="T81" s="146">
        <v>8.1780630659152784</v>
      </c>
      <c r="U81" s="146">
        <v>8.2605255495705343</v>
      </c>
      <c r="V81" s="140">
        <v>8.0503665266452522</v>
      </c>
      <c r="W81" s="140">
        <v>7.6360909362252505</v>
      </c>
      <c r="X81" s="140">
        <v>6.9225205448609701</v>
      </c>
      <c r="Y81" s="150">
        <v>6.0867512676213291</v>
      </c>
      <c r="Z81" s="140">
        <v>7.6520104128016211</v>
      </c>
      <c r="AA81" s="146">
        <v>7.6586900902093111</v>
      </c>
      <c r="AB81" s="140">
        <v>7.5934267021059103</v>
      </c>
      <c r="AC81" s="146">
        <v>7.6719786053406516</v>
      </c>
      <c r="AD81" s="146">
        <v>6.7606655590186397</v>
      </c>
      <c r="AE81" s="146">
        <v>5.6105574190829106</v>
      </c>
      <c r="AF81" s="146">
        <v>5.1899573433187287</v>
      </c>
      <c r="AG81" s="140">
        <v>5.3613122171945706</v>
      </c>
      <c r="AH81" s="146">
        <v>5.2508458644760605</v>
      </c>
      <c r="AI81" s="140">
        <v>5.2135632426480703</v>
      </c>
      <c r="AJ81" s="145">
        <v>5.4470418420161559</v>
      </c>
      <c r="AK81" s="140">
        <v>5.5282528111671194</v>
      </c>
      <c r="AL81" s="140">
        <v>6.272805421631948</v>
      </c>
      <c r="AM81" s="140">
        <v>5.9921147637217489</v>
      </c>
      <c r="AN81" s="140">
        <v>6.3429111278884784</v>
      </c>
      <c r="AO81" s="140">
        <v>6.4717299891833422</v>
      </c>
      <c r="AP81" s="140">
        <v>5.7823628576946229</v>
      </c>
      <c r="AQ81" s="140">
        <v>5.7948449252004295</v>
      </c>
      <c r="AR81" s="140">
        <v>6.1208138175057725</v>
      </c>
      <c r="AS81" s="140">
        <v>6.5321098072087169</v>
      </c>
      <c r="AT81" s="140">
        <v>6.8815726348625832</v>
      </c>
      <c r="AU81" s="146">
        <v>7.0802044446144423</v>
      </c>
      <c r="AV81" s="140">
        <v>6.1261837562836892</v>
      </c>
      <c r="AW81" s="140">
        <v>7.0886141843971631</v>
      </c>
      <c r="AX81" s="140">
        <v>7.2611271337579613</v>
      </c>
      <c r="AY81" s="140">
        <v>7.2407313941825482</v>
      </c>
      <c r="AZ81" s="146">
        <v>7.1339089364056756</v>
      </c>
      <c r="BA81" s="140">
        <v>7.2733076952222184</v>
      </c>
      <c r="BB81" s="145">
        <v>6.6714966788086567</v>
      </c>
      <c r="BC81" s="146">
        <v>6.895003564154786</v>
      </c>
      <c r="BD81" s="145">
        <v>6.8596693249003167</v>
      </c>
      <c r="BE81" s="140">
        <v>6.5395808272416023</v>
      </c>
    </row>
    <row r="82" spans="3:57" x14ac:dyDescent="0.2">
      <c r="C82" s="157" t="s">
        <v>71</v>
      </c>
      <c r="D82" s="158" t="s">
        <v>58</v>
      </c>
      <c r="E82" s="146">
        <v>4.2897549539683082</v>
      </c>
      <c r="F82" s="146">
        <v>4.2968981513535969</v>
      </c>
      <c r="G82" s="146">
        <v>4.2946177919623221</v>
      </c>
      <c r="H82" s="146">
        <v>4.2972742490761506</v>
      </c>
      <c r="I82" s="146">
        <v>4.2982541332380553</v>
      </c>
      <c r="J82" s="140">
        <v>4.2945383957360006</v>
      </c>
      <c r="K82" s="140">
        <v>4.2986649667340773</v>
      </c>
      <c r="L82" s="140">
        <v>4.2965939028980058</v>
      </c>
      <c r="M82" s="146">
        <v>4.3019130349108341</v>
      </c>
      <c r="N82" s="146">
        <v>4.3091986957810491</v>
      </c>
      <c r="O82" s="146">
        <v>4.2882687927107064</v>
      </c>
      <c r="P82" s="146">
        <v>4.2227670215703723</v>
      </c>
      <c r="Q82" s="146">
        <v>4.2908065573770493</v>
      </c>
      <c r="R82" s="146">
        <v>4.2947869157961849</v>
      </c>
      <c r="S82" s="146">
        <v>4.2880437387657278</v>
      </c>
      <c r="T82" s="146">
        <v>4.2824547563805098</v>
      </c>
      <c r="U82" s="146">
        <v>4.2724176950339467</v>
      </c>
      <c r="V82" s="140">
        <v>4.2813639838375011</v>
      </c>
      <c r="W82" s="140">
        <v>4.2700961073083041</v>
      </c>
      <c r="X82" s="140">
        <v>4.2778212823468618</v>
      </c>
      <c r="Y82" s="150">
        <v>4.2725381580520461</v>
      </c>
      <c r="Z82" s="140">
        <v>4.2878352085271976</v>
      </c>
      <c r="AA82" s="146">
        <v>4.2857034115286137</v>
      </c>
      <c r="AB82" s="140">
        <v>4.2699949712242278</v>
      </c>
      <c r="AC82" s="146">
        <v>4.2871614556983371</v>
      </c>
      <c r="AD82" s="146">
        <v>4.2744250622997511</v>
      </c>
      <c r="AE82" s="146">
        <v>4.2937184054283293</v>
      </c>
      <c r="AF82" s="146">
        <v>4.2916854589493028</v>
      </c>
      <c r="AG82" s="140">
        <v>4.3022850335715832</v>
      </c>
      <c r="AH82" s="146">
        <v>4.2987683691944927</v>
      </c>
      <c r="AI82" s="140">
        <v>4.1146447242182758</v>
      </c>
      <c r="AJ82" s="145">
        <v>4.304281781781782</v>
      </c>
      <c r="AK82" s="140">
        <v>4.2800349593051843</v>
      </c>
      <c r="AL82" s="140">
        <v>4.2753119325853159</v>
      </c>
      <c r="AM82" s="140">
        <v>4.3257832207665396</v>
      </c>
      <c r="AN82" s="140">
        <v>4.3452114983616328</v>
      </c>
      <c r="AO82" s="140">
        <v>4.3129711124383121</v>
      </c>
      <c r="AP82" s="140">
        <v>4.3276293708688653</v>
      </c>
      <c r="AQ82" s="140">
        <v>4.3235335934400219</v>
      </c>
      <c r="AR82" s="140">
        <v>4.3381944444444445</v>
      </c>
      <c r="AS82" s="140">
        <v>4.3279134379134376</v>
      </c>
      <c r="AT82" s="140">
        <v>4.3593859923395604</v>
      </c>
      <c r="AU82" s="146">
        <v>4.3122157523751152</v>
      </c>
      <c r="AV82" s="140">
        <v>4.3358277708246415</v>
      </c>
      <c r="AW82" s="140">
        <v>4.3374091926321228</v>
      </c>
      <c r="AX82" s="140">
        <v>4.3122574325576473</v>
      </c>
      <c r="AY82" s="140">
        <v>4.3379808216192659</v>
      </c>
      <c r="AZ82" s="146">
        <v>4.3445395358605481</v>
      </c>
      <c r="BA82" s="140">
        <v>4.3298353638459011</v>
      </c>
      <c r="BB82" s="145">
        <v>4.3198172911899313</v>
      </c>
      <c r="BC82" s="146">
        <v>4.3340778688524599</v>
      </c>
      <c r="BD82" s="145">
        <v>4.3631238188563026</v>
      </c>
      <c r="BE82" s="140">
        <v>4.3283988163734994</v>
      </c>
    </row>
    <row r="83" spans="3:57" x14ac:dyDescent="0.2">
      <c r="C83" s="157" t="s">
        <v>102</v>
      </c>
      <c r="D83" s="158" t="s">
        <v>58</v>
      </c>
      <c r="E83" s="146">
        <v>5.8430429463063369</v>
      </c>
      <c r="F83" s="146">
        <v>5.6514168026541425</v>
      </c>
      <c r="G83" s="146">
        <v>5.5017000900090007</v>
      </c>
      <c r="H83" s="146">
        <v>5.5869508840017241</v>
      </c>
      <c r="I83" s="146">
        <v>5.5507289764875587</v>
      </c>
      <c r="J83" s="140">
        <v>5.4421317153801452</v>
      </c>
      <c r="K83" s="140">
        <v>5.0573320439347897</v>
      </c>
      <c r="L83" s="140">
        <v>4.8956003784225652</v>
      </c>
      <c r="M83" s="146">
        <v>5.1407202931328326</v>
      </c>
      <c r="N83" s="146">
        <v>5.177740325072949</v>
      </c>
      <c r="O83" s="146">
        <v>5.1719935475685572</v>
      </c>
      <c r="P83" s="146">
        <v>5.2834652332865355</v>
      </c>
      <c r="Q83" s="146">
        <v>5.6096761532797643</v>
      </c>
      <c r="R83" s="146">
        <v>5.7149115145574116</v>
      </c>
      <c r="S83" s="146">
        <v>6.0821744465855598</v>
      </c>
      <c r="T83" s="146">
        <v>6.237299039025654</v>
      </c>
      <c r="U83" s="146">
        <v>6.2120113636003333</v>
      </c>
      <c r="V83" s="140">
        <v>6.1917623941332298</v>
      </c>
      <c r="W83" s="140">
        <v>6.2332493630458972</v>
      </c>
      <c r="X83" s="140">
        <v>5.7224195112919638</v>
      </c>
      <c r="Y83" s="150">
        <v>5.0586907357289626</v>
      </c>
      <c r="Z83" s="140">
        <v>5.0584187468236568</v>
      </c>
      <c r="AA83" s="146">
        <v>5.2377090018417611</v>
      </c>
      <c r="AB83" s="140">
        <v>5.1442281860148338</v>
      </c>
      <c r="AC83" s="146">
        <v>5.0999999999999996</v>
      </c>
      <c r="AD83" s="146">
        <v>5.2020833629779322</v>
      </c>
      <c r="AE83" s="146">
        <v>5.2675748621687903</v>
      </c>
      <c r="AF83" s="146">
        <v>5.1165485095176582</v>
      </c>
      <c r="AG83" s="140">
        <v>5.0122949539134503</v>
      </c>
      <c r="AH83" s="146">
        <v>5.1256170335341702</v>
      </c>
      <c r="AI83" s="140">
        <v>6.1212092873547217</v>
      </c>
      <c r="AJ83" s="145">
        <v>5.3414175238381274</v>
      </c>
      <c r="AK83" s="140">
        <v>5.2921760055356737</v>
      </c>
      <c r="AL83" s="140">
        <v>5.2251286176515395</v>
      </c>
      <c r="AM83" s="140">
        <v>5.1394519771420955</v>
      </c>
      <c r="AN83" s="140">
        <v>5.1912306258847147</v>
      </c>
      <c r="AO83" s="140">
        <v>5.1579384527257108</v>
      </c>
      <c r="AP83" s="140">
        <v>5.0565369876443533</v>
      </c>
      <c r="AQ83" s="140">
        <v>5.136139675299467</v>
      </c>
      <c r="AR83" s="140">
        <v>5.1186415591174423</v>
      </c>
      <c r="AS83" s="140">
        <v>5.1295244318426203</v>
      </c>
      <c r="AT83" s="140">
        <v>5.1161123508474269</v>
      </c>
      <c r="AU83" s="146">
        <v>5.1921373458403561</v>
      </c>
      <c r="AV83" s="140">
        <v>5.1383378582796668</v>
      </c>
      <c r="AW83" s="140">
        <v>4.9206135652250582</v>
      </c>
      <c r="AX83" s="140">
        <v>4.8577784605875038</v>
      </c>
      <c r="AY83" s="140">
        <v>4.890744022257242</v>
      </c>
      <c r="AZ83" s="146">
        <v>4.8346465327066168</v>
      </c>
      <c r="BA83" s="140">
        <v>4.7798415550768407</v>
      </c>
      <c r="BB83" s="145">
        <v>4.7263042785181408</v>
      </c>
      <c r="BC83" s="146">
        <v>4.7313495657954885</v>
      </c>
      <c r="BD83" s="145">
        <v>4.663512237415774</v>
      </c>
      <c r="BE83" s="140">
        <v>4.7614270506201102</v>
      </c>
    </row>
    <row r="84" spans="3:57" x14ac:dyDescent="0.2">
      <c r="C84" s="157" t="s">
        <v>72</v>
      </c>
      <c r="D84" s="158" t="s">
        <v>58</v>
      </c>
      <c r="E84" s="146">
        <v>9.4236604562470614</v>
      </c>
      <c r="F84" s="146">
        <v>9.7548764331374187</v>
      </c>
      <c r="G84" s="146">
        <v>9.827295204185404</v>
      </c>
      <c r="H84" s="146">
        <v>9.7876727810300999</v>
      </c>
      <c r="I84" s="146">
        <v>8.2517060920027134</v>
      </c>
      <c r="J84" s="140">
        <v>8.242039207595667</v>
      </c>
      <c r="K84" s="140">
        <v>7.553847298223026</v>
      </c>
      <c r="L84" s="140">
        <v>7.3421995026250348</v>
      </c>
      <c r="M84" s="146">
        <v>7.6851155665157069</v>
      </c>
      <c r="N84" s="146">
        <v>7.8336570247488115</v>
      </c>
      <c r="O84" s="146">
        <v>7.4887910931723241</v>
      </c>
      <c r="P84" s="146">
        <v>7.1951226551226553</v>
      </c>
      <c r="Q84" s="146">
        <v>6.224851072150166</v>
      </c>
      <c r="R84" s="146">
        <v>5.9224559969512596</v>
      </c>
      <c r="S84" s="146">
        <v>5.9780704199182457</v>
      </c>
      <c r="T84" s="146">
        <v>5.9493903910476584</v>
      </c>
      <c r="U84" s="146">
        <v>5.789635773847456</v>
      </c>
      <c r="V84" s="140">
        <v>5.4603801986588163</v>
      </c>
      <c r="W84" s="140">
        <v>5.3519202073060095</v>
      </c>
      <c r="X84" s="140">
        <v>5.68583328613862</v>
      </c>
      <c r="Y84" s="150">
        <v>6.5493336939843783</v>
      </c>
      <c r="Z84" s="140">
        <v>7.1771020683453228</v>
      </c>
      <c r="AA84" s="146">
        <v>7.43558661923299</v>
      </c>
      <c r="AB84" s="140">
        <v>7.7526264854517208</v>
      </c>
      <c r="AC84" s="146">
        <v>8.1076522079239588</v>
      </c>
      <c r="AD84" s="146">
        <v>6.9268548305133431</v>
      </c>
      <c r="AE84" s="146">
        <v>6.8603588317693021</v>
      </c>
      <c r="AF84" s="146">
        <v>6.6186736035424012</v>
      </c>
      <c r="AG84" s="140">
        <v>6.6944404324096887</v>
      </c>
      <c r="AH84" s="146">
        <v>6.5083223919789921</v>
      </c>
      <c r="AI84" s="140">
        <v>6.1049149485203378</v>
      </c>
      <c r="AJ84" s="145">
        <v>6.1369106229299666</v>
      </c>
      <c r="AK84" s="140">
        <v>5.9532141078658496</v>
      </c>
      <c r="AL84" s="140">
        <v>6.4386180258479593</v>
      </c>
      <c r="AM84" s="140">
        <v>6.1624054637562216</v>
      </c>
      <c r="AN84" s="140">
        <v>5.7873354902666545</v>
      </c>
      <c r="AO84" s="140">
        <v>6.2887670732220693</v>
      </c>
      <c r="AP84" s="140">
        <v>6.181430699730873</v>
      </c>
      <c r="AQ84" s="140">
        <v>5.785945077120549</v>
      </c>
      <c r="AR84" s="140">
        <v>6.1823097884437992</v>
      </c>
      <c r="AS84" s="140">
        <v>6.1437514864259413</v>
      </c>
      <c r="AT84" s="140">
        <v>5.597006618033225</v>
      </c>
      <c r="AU84" s="146">
        <v>6.0222538750722503</v>
      </c>
      <c r="AV84" s="140">
        <v>5.5111387677986272</v>
      </c>
      <c r="AW84" s="140">
        <v>5.3092194488559015</v>
      </c>
      <c r="AX84" s="140">
        <v>5.0968442141623491</v>
      </c>
      <c r="AY84" s="140">
        <v>5.1212987584541896</v>
      </c>
      <c r="AZ84" s="146">
        <v>5.7929046078102591</v>
      </c>
      <c r="BA84" s="140">
        <v>5.2785074185273713</v>
      </c>
      <c r="BB84" s="145">
        <v>5.1276575512888583</v>
      </c>
      <c r="BC84" s="146">
        <v>5.1225086421908177</v>
      </c>
      <c r="BD84" s="145">
        <v>5.0959423720495778</v>
      </c>
      <c r="BE84" s="140">
        <v>5.5025911421370006</v>
      </c>
    </row>
    <row r="85" spans="3:57" x14ac:dyDescent="0.2">
      <c r="C85" s="157" t="s">
        <v>73</v>
      </c>
      <c r="D85" s="158" t="s">
        <v>58</v>
      </c>
      <c r="E85" s="146">
        <v>5.5422499930327174</v>
      </c>
      <c r="F85" s="146">
        <v>5.3343246313542876</v>
      </c>
      <c r="G85" s="146">
        <v>5.3362621265349537</v>
      </c>
      <c r="H85" s="146">
        <v>5.0242936891079877</v>
      </c>
      <c r="I85" s="146">
        <v>4.8925283173833458</v>
      </c>
      <c r="J85" s="140">
        <v>4.9666290909090911</v>
      </c>
      <c r="K85" s="140">
        <v>5.0230618345631823</v>
      </c>
      <c r="L85" s="140">
        <v>4.9217541669867124</v>
      </c>
      <c r="M85" s="146">
        <v>5.0749632300553538</v>
      </c>
      <c r="N85" s="146">
        <v>4.9814423804739754</v>
      </c>
      <c r="O85" s="146">
        <v>3.9838268828712753</v>
      </c>
      <c r="P85" s="146">
        <v>3.6545789107788402</v>
      </c>
      <c r="Q85" s="146">
        <v>4.1742749255600717</v>
      </c>
      <c r="R85" s="146">
        <v>6.597396429800682</v>
      </c>
      <c r="S85" s="146">
        <v>6.1032703208029915</v>
      </c>
      <c r="T85" s="146">
        <v>5.7886877076411958</v>
      </c>
      <c r="U85" s="146">
        <v>5.9105241963419708</v>
      </c>
      <c r="V85" s="140">
        <v>5.7413550170224505</v>
      </c>
      <c r="W85" s="140">
        <v>5.8865616388155964</v>
      </c>
      <c r="X85" s="140">
        <v>5.3972527815976994</v>
      </c>
      <c r="Y85" s="150">
        <v>5.7078224466338261</v>
      </c>
      <c r="Z85" s="140">
        <v>5.7327273782099066</v>
      </c>
      <c r="AA85" s="146">
        <v>5.9817705498094718</v>
      </c>
      <c r="AB85" s="140">
        <v>5.8061257454677113</v>
      </c>
      <c r="AC85" s="146">
        <v>5.7919658984459437</v>
      </c>
      <c r="AD85" s="146">
        <v>5.688855000930034</v>
      </c>
      <c r="AE85" s="146">
        <v>5.809125077483551</v>
      </c>
      <c r="AF85" s="146">
        <v>5.5770496190672292</v>
      </c>
      <c r="AG85" s="140">
        <v>5.2420591649119199</v>
      </c>
      <c r="AH85" s="146">
        <v>4.9279999711956677</v>
      </c>
      <c r="AI85" s="140">
        <v>5.1608837942642865</v>
      </c>
      <c r="AJ85" s="145">
        <v>5.3463830137780999</v>
      </c>
      <c r="AK85" s="140">
        <v>5.5771525567359772</v>
      </c>
      <c r="AL85" s="140">
        <v>5.5797058509692334</v>
      </c>
      <c r="AM85" s="140">
        <v>5.5564378426060115</v>
      </c>
      <c r="AN85" s="140">
        <v>5.6774066709696234</v>
      </c>
      <c r="AO85" s="140">
        <v>5.5796182333805993</v>
      </c>
      <c r="AP85" s="140">
        <v>5.7035486472359809</v>
      </c>
      <c r="AQ85" s="140">
        <v>5.6398177493920532</v>
      </c>
      <c r="AR85" s="140">
        <v>5.3738645200039219</v>
      </c>
      <c r="AS85" s="140">
        <v>5.4655749771933344</v>
      </c>
      <c r="AT85" s="140">
        <v>5.5748663072867366</v>
      </c>
      <c r="AU85" s="146">
        <v>5.3381442375662722</v>
      </c>
      <c r="AV85" s="140">
        <v>5.7633785262318993</v>
      </c>
      <c r="AW85" s="140">
        <v>5.7284773407865837</v>
      </c>
      <c r="AX85" s="140">
        <v>5.7981741742177819</v>
      </c>
      <c r="AY85" s="140">
        <v>5.6518411607394192</v>
      </c>
      <c r="AZ85" s="146">
        <v>5.7726364306673688</v>
      </c>
      <c r="BA85" s="140">
        <v>5.6591892983261802</v>
      </c>
      <c r="BB85" s="145">
        <v>5.851147688512901</v>
      </c>
      <c r="BC85" s="146">
        <v>5.9853863803793956</v>
      </c>
      <c r="BD85" s="145">
        <v>5.8615437927748415</v>
      </c>
      <c r="BE85" s="140">
        <v>5.9333360577406697</v>
      </c>
    </row>
    <row r="86" spans="3:57" x14ac:dyDescent="0.2">
      <c r="C86" s="157" t="s">
        <v>74</v>
      </c>
      <c r="D86" s="158" t="s">
        <v>58</v>
      </c>
      <c r="E86" s="146">
        <v>1.5579741271371046</v>
      </c>
      <c r="F86" s="146">
        <v>1.5522554766875305</v>
      </c>
      <c r="G86" s="146">
        <v>1.5750323978835787</v>
      </c>
      <c r="H86" s="146">
        <v>1.5493176819122765</v>
      </c>
      <c r="I86" s="146">
        <v>1.5608824885553119</v>
      </c>
      <c r="J86" s="140">
        <v>1.5676530343414972</v>
      </c>
      <c r="K86" s="140">
        <v>1.5641891494364331</v>
      </c>
      <c r="L86" s="140">
        <v>1.5643423583099982</v>
      </c>
      <c r="M86" s="146">
        <v>1.5806765993565186</v>
      </c>
      <c r="N86" s="146">
        <v>1.581039188522037</v>
      </c>
      <c r="O86" s="146">
        <v>1.5703158500961012</v>
      </c>
      <c r="P86" s="146">
        <v>1.5754124627928356</v>
      </c>
      <c r="Q86" s="146">
        <v>1.6050806435727782</v>
      </c>
      <c r="R86" s="146">
        <v>1.6389545250875572</v>
      </c>
      <c r="S86" s="146">
        <v>1.6280679044308013</v>
      </c>
      <c r="T86" s="146">
        <v>1.6372361967091797</v>
      </c>
      <c r="U86" s="146">
        <v>1.639180321914232</v>
      </c>
      <c r="V86" s="140">
        <v>1.6283067281443935</v>
      </c>
      <c r="W86" s="140">
        <v>1.6358687973434662</v>
      </c>
      <c r="X86" s="140">
        <v>1.6318934068885302</v>
      </c>
      <c r="Y86" s="150">
        <v>1.6313255500782233</v>
      </c>
      <c r="Z86" s="140">
        <v>1.6219580184917788</v>
      </c>
      <c r="AA86" s="146">
        <v>1.5985643405793506</v>
      </c>
      <c r="AB86" s="140">
        <v>1.5920259396660632</v>
      </c>
      <c r="AC86" s="146">
        <v>1.5852224131041925</v>
      </c>
      <c r="AD86" s="146">
        <v>1.6016453995253732</v>
      </c>
      <c r="AE86" s="146">
        <v>1.5731181884836474</v>
      </c>
      <c r="AF86" s="146">
        <v>1.5801362254972486</v>
      </c>
      <c r="AG86" s="140">
        <v>1.5729593691864026</v>
      </c>
      <c r="AH86" s="146">
        <v>1.5810010032218855</v>
      </c>
      <c r="AI86" s="140">
        <v>1.5764853294684387</v>
      </c>
      <c r="AJ86" s="145">
        <v>1.609204430597837</v>
      </c>
      <c r="AK86" s="140">
        <v>1.5871952916274246</v>
      </c>
      <c r="AL86" s="140">
        <v>1.5935522856167783</v>
      </c>
      <c r="AM86" s="140">
        <v>1.5871763421778964</v>
      </c>
      <c r="AN86" s="140">
        <v>1.5901843879178745</v>
      </c>
      <c r="AO86" s="140">
        <v>1.5913715350571984</v>
      </c>
      <c r="AP86" s="140">
        <v>1.5834293558196575</v>
      </c>
      <c r="AQ86" s="140">
        <v>1.5707623438202307</v>
      </c>
      <c r="AR86" s="140">
        <v>1.5603901421913389</v>
      </c>
      <c r="AS86" s="140">
        <v>1.573592453651097</v>
      </c>
      <c r="AT86" s="140">
        <v>1.5592059287502968</v>
      </c>
      <c r="AU86" s="146">
        <v>1.6783745215339567</v>
      </c>
      <c r="AV86" s="140">
        <v>1.6067755725542676</v>
      </c>
      <c r="AW86" s="140">
        <v>1.554220062082418</v>
      </c>
      <c r="AX86" s="140">
        <v>1.5722913030740391</v>
      </c>
      <c r="AY86" s="140">
        <v>1.5683093968954906</v>
      </c>
      <c r="AZ86" s="146">
        <v>1.5510386822979036</v>
      </c>
      <c r="BA86" s="140">
        <v>1.6096419774334898</v>
      </c>
      <c r="BB86" s="145">
        <v>1.624114480525447</v>
      </c>
      <c r="BC86" s="146">
        <v>1.6179811610858508</v>
      </c>
      <c r="BD86" s="145">
        <v>1.6091171674989091</v>
      </c>
      <c r="BE86" s="140">
        <v>1.6223160140697204</v>
      </c>
    </row>
    <row r="87" spans="3:57" x14ac:dyDescent="0.2">
      <c r="C87" s="126" t="s">
        <v>78</v>
      </c>
      <c r="D87" s="158" t="s">
        <v>58</v>
      </c>
      <c r="E87" s="146">
        <v>0.35770788460934377</v>
      </c>
      <c r="F87" s="146">
        <v>0.30970011350794829</v>
      </c>
      <c r="G87" s="146">
        <v>0.32522921262520227</v>
      </c>
      <c r="H87" s="146">
        <v>0.3666221926219223</v>
      </c>
      <c r="I87" s="146">
        <v>0.39498392721767128</v>
      </c>
      <c r="J87" s="140">
        <v>0.40744618506496655</v>
      </c>
      <c r="K87" s="140">
        <v>0.37594340717557356</v>
      </c>
      <c r="L87" s="140">
        <v>0.38266254292744328</v>
      </c>
      <c r="M87" s="146">
        <v>0.38854933818915621</v>
      </c>
      <c r="N87" s="146">
        <v>0.37470335486617773</v>
      </c>
      <c r="O87" s="146">
        <v>0.37920851811354078</v>
      </c>
      <c r="P87" s="146">
        <v>0.38161326554044905</v>
      </c>
      <c r="Q87" s="146">
        <v>0.42236724710164986</v>
      </c>
      <c r="R87" s="146">
        <v>0.38478565335406717</v>
      </c>
      <c r="S87" s="146">
        <v>0.40840211029034962</v>
      </c>
      <c r="T87" s="146">
        <v>0.42663261648246603</v>
      </c>
      <c r="U87" s="146">
        <v>0.43371154167006865</v>
      </c>
      <c r="V87" s="140">
        <v>0.43777039838607734</v>
      </c>
      <c r="W87" s="140">
        <v>0.3964536904208531</v>
      </c>
      <c r="X87" s="140">
        <v>0.38402524120627268</v>
      </c>
      <c r="Y87" s="150">
        <v>0.35689380223026917</v>
      </c>
      <c r="Z87" s="140">
        <v>0.36419458290234236</v>
      </c>
      <c r="AA87" s="146">
        <v>0.34088153022302559</v>
      </c>
      <c r="AB87" s="140">
        <v>0.305711829596235</v>
      </c>
      <c r="AC87" s="146">
        <v>0.29905584752706377</v>
      </c>
      <c r="AD87" s="146">
        <v>0.29451514752801772</v>
      </c>
      <c r="AE87" s="146">
        <v>0.29915044094564663</v>
      </c>
      <c r="AF87" s="146">
        <v>0.30259934147043238</v>
      </c>
      <c r="AG87" s="140">
        <v>0.3494019607309663</v>
      </c>
      <c r="AH87" s="146">
        <v>0.35477579098360568</v>
      </c>
      <c r="AI87" s="140">
        <v>0.36028152545369241</v>
      </c>
      <c r="AJ87" s="145">
        <v>0.33392588028400111</v>
      </c>
      <c r="AK87" s="140">
        <v>0.34112103583434106</v>
      </c>
      <c r="AL87" s="140">
        <v>0.30573744381439799</v>
      </c>
      <c r="AM87" s="140">
        <v>0.36716228842171816</v>
      </c>
      <c r="AN87" s="140">
        <v>0.34518202222090966</v>
      </c>
      <c r="AO87" s="140">
        <v>0.36305658069092689</v>
      </c>
      <c r="AP87" s="140">
        <v>0.33785954214790132</v>
      </c>
      <c r="AQ87" s="140">
        <v>0.33184639801491178</v>
      </c>
      <c r="AR87" s="140">
        <v>0.32214260249380017</v>
      </c>
      <c r="AS87" s="140">
        <v>0.32134997170686047</v>
      </c>
      <c r="AT87" s="140">
        <v>0.33013330745820652</v>
      </c>
      <c r="AU87" s="146">
        <v>0.3341326440146124</v>
      </c>
      <c r="AV87" s="140">
        <v>0.35698046921293175</v>
      </c>
      <c r="AW87" s="140">
        <v>0.33777004544223299</v>
      </c>
      <c r="AX87" s="140">
        <v>0.32398750358186074</v>
      </c>
      <c r="AY87" s="140">
        <v>0.30698637799611633</v>
      </c>
      <c r="AZ87" s="146">
        <v>0.30507146052352491</v>
      </c>
      <c r="BA87" s="140">
        <v>0.29584498879149723</v>
      </c>
      <c r="BB87" s="145">
        <v>0.29320135803946745</v>
      </c>
      <c r="BC87" s="146">
        <v>0.2805529146383568</v>
      </c>
      <c r="BD87" s="145">
        <v>0.29593016492567314</v>
      </c>
      <c r="BE87" s="140">
        <v>0.2787771059942295</v>
      </c>
    </row>
    <row r="88" spans="3:57" x14ac:dyDescent="0.2">
      <c r="C88" s="126" t="s">
        <v>79</v>
      </c>
      <c r="D88" s="158" t="s">
        <v>58</v>
      </c>
      <c r="E88" s="146">
        <v>0.69598987367667364</v>
      </c>
      <c r="F88" s="146">
        <v>0.74881288305705229</v>
      </c>
      <c r="G88" s="146">
        <v>0.72130931209859206</v>
      </c>
      <c r="H88" s="146">
        <v>0.73581906097257355</v>
      </c>
      <c r="I88" s="146">
        <v>0.79023045600608333</v>
      </c>
      <c r="J88" s="140">
        <v>0.79652121969235057</v>
      </c>
      <c r="K88" s="140">
        <v>0.7209771207753175</v>
      </c>
      <c r="L88" s="140">
        <v>0.70233341708380848</v>
      </c>
      <c r="M88" s="146">
        <v>0.66619338403557782</v>
      </c>
      <c r="N88" s="146">
        <v>0.61996914444671247</v>
      </c>
      <c r="O88" s="146">
        <v>0.70983895333300606</v>
      </c>
      <c r="P88" s="146">
        <v>0.72195711681812536</v>
      </c>
      <c r="Q88" s="146">
        <v>0.77720831443890215</v>
      </c>
      <c r="R88" s="146">
        <v>0.8287679171063993</v>
      </c>
      <c r="S88" s="146">
        <v>0.93864532431039116</v>
      </c>
      <c r="T88" s="146">
        <v>0.90294752989794003</v>
      </c>
      <c r="U88" s="146">
        <v>0.81214242358214528</v>
      </c>
      <c r="V88" s="140">
        <v>0.7216820184534477</v>
      </c>
      <c r="W88" s="140">
        <v>0.80176871696726193</v>
      </c>
      <c r="X88" s="140">
        <v>0.827269723570902</v>
      </c>
      <c r="Y88" s="150">
        <v>0.89782080648844664</v>
      </c>
      <c r="Z88" s="140">
        <v>0.79753818909440788</v>
      </c>
      <c r="AA88" s="146">
        <v>0.78267689437797505</v>
      </c>
      <c r="AB88" s="140">
        <v>0.79800680976065697</v>
      </c>
      <c r="AC88" s="153">
        <v>0.85070612829285674</v>
      </c>
      <c r="AD88" s="146">
        <v>0.87982953397875241</v>
      </c>
      <c r="AE88" s="146">
        <v>0.73689937078718848</v>
      </c>
      <c r="AF88" s="146">
        <v>0.71200804785710436</v>
      </c>
      <c r="AG88" s="140">
        <v>0.80522285113697323</v>
      </c>
      <c r="AH88" s="146">
        <v>0.81684672682718118</v>
      </c>
      <c r="AI88" s="140">
        <v>0.73980929183331723</v>
      </c>
      <c r="AJ88" s="145">
        <v>0.67231168611890846</v>
      </c>
      <c r="AK88" s="140">
        <v>0.58775963177305512</v>
      </c>
      <c r="AL88" s="140">
        <v>0.64820055347965255</v>
      </c>
      <c r="AM88" s="140">
        <v>0.7256411944097062</v>
      </c>
      <c r="AN88" s="140">
        <v>0.72261150826016729</v>
      </c>
      <c r="AO88" s="140">
        <v>0.72389049642824854</v>
      </c>
      <c r="AP88" s="140">
        <v>0.90534269340974205</v>
      </c>
      <c r="AQ88" s="140">
        <v>0.82300887067344142</v>
      </c>
      <c r="AR88" s="140">
        <v>0.77979576019404928</v>
      </c>
      <c r="AS88" s="140">
        <v>0.72518872507187959</v>
      </c>
      <c r="AT88" s="140">
        <v>0.76113306147107695</v>
      </c>
      <c r="AU88" s="146">
        <v>0.80434924469223856</v>
      </c>
      <c r="AV88" s="140">
        <v>0.79633489801648094</v>
      </c>
      <c r="AW88" s="140">
        <v>0.69836457317192924</v>
      </c>
      <c r="AX88" s="140">
        <v>0.73848297414258668</v>
      </c>
      <c r="AY88" s="140">
        <v>0.66718876577730157</v>
      </c>
      <c r="AZ88" s="146">
        <v>0.58402699662542179</v>
      </c>
      <c r="BA88" s="140">
        <v>0.60139123182774512</v>
      </c>
      <c r="BB88" s="145">
        <v>0.62625170038927158</v>
      </c>
      <c r="BC88" s="146">
        <v>0.63017630914197931</v>
      </c>
      <c r="BD88" s="145">
        <v>0.65885032768746277</v>
      </c>
      <c r="BE88" s="140">
        <v>0.63279756606735404</v>
      </c>
    </row>
    <row r="89" spans="3:57" x14ac:dyDescent="0.2">
      <c r="C89" s="126" t="s">
        <v>80</v>
      </c>
      <c r="D89" s="158" t="s">
        <v>58</v>
      </c>
      <c r="E89" s="185">
        <v>1.0386442688557587</v>
      </c>
      <c r="F89" s="146">
        <v>1.1907214823078427</v>
      </c>
      <c r="G89" s="146">
        <v>1.5078974333886885</v>
      </c>
      <c r="H89" s="146">
        <v>1.9458693611272739</v>
      </c>
      <c r="I89" s="146">
        <v>1.7248284351168108</v>
      </c>
      <c r="J89" s="140">
        <v>0.94364070928413757</v>
      </c>
      <c r="K89" s="140">
        <v>0.73002774171313112</v>
      </c>
      <c r="L89" s="140">
        <v>0.68728510058780523</v>
      </c>
      <c r="M89" s="146">
        <v>0.67492786843758434</v>
      </c>
      <c r="N89" s="146">
        <v>0.58130153448497679</v>
      </c>
      <c r="O89" s="146">
        <v>0.5899233705917899</v>
      </c>
      <c r="P89" s="146">
        <v>1.0229525270754338</v>
      </c>
      <c r="Q89" s="146">
        <v>1.4901476763211394</v>
      </c>
      <c r="R89" s="146">
        <v>1.4607602055915083</v>
      </c>
      <c r="S89" s="146">
        <v>1.5086804043545876</v>
      </c>
      <c r="T89" s="146">
        <v>1.0618785848797689</v>
      </c>
      <c r="U89" s="146">
        <v>0.92772804854921276</v>
      </c>
      <c r="V89" s="140">
        <v>0.62539516719679966</v>
      </c>
      <c r="W89" s="140">
        <v>0.62480010954092791</v>
      </c>
      <c r="X89" s="140">
        <v>0.64280827464788737</v>
      </c>
      <c r="Y89" s="150">
        <v>0.70348279530811153</v>
      </c>
      <c r="Z89" s="140">
        <v>0.70328490604086535</v>
      </c>
      <c r="AA89" s="146">
        <v>0.64299414050453341</v>
      </c>
      <c r="AB89" s="140">
        <v>0.53680010688006141</v>
      </c>
      <c r="AC89" s="146">
        <v>0.51000118192626176</v>
      </c>
      <c r="AD89" s="146">
        <v>0.5258034686346863</v>
      </c>
      <c r="AE89" s="146">
        <v>0.42062402911287317</v>
      </c>
      <c r="AF89" s="146">
        <v>0.41781237326712189</v>
      </c>
      <c r="AG89" s="140">
        <v>0.53681892218952487</v>
      </c>
      <c r="AH89" s="146">
        <v>0.59415146920208184</v>
      </c>
      <c r="AI89" s="140">
        <v>0.51757394523620903</v>
      </c>
      <c r="AJ89" s="145">
        <v>0.53861173194592016</v>
      </c>
      <c r="AK89" s="140">
        <v>0.57051834750866193</v>
      </c>
      <c r="AL89" s="140">
        <v>0.59761629300145269</v>
      </c>
      <c r="AM89" s="140">
        <v>0.7244123935674156</v>
      </c>
      <c r="AN89" s="140">
        <v>0.9484582194056812</v>
      </c>
      <c r="AO89" s="140">
        <v>1.2745035504213256</v>
      </c>
      <c r="AP89" s="140">
        <v>1.3988184053128618</v>
      </c>
      <c r="AQ89" s="140">
        <v>1.0806125942945985</v>
      </c>
      <c r="AR89" s="140">
        <v>0.87734188550800529</v>
      </c>
      <c r="AS89" s="184">
        <v>0.95326801502411262</v>
      </c>
      <c r="AT89" s="140">
        <v>1.2056071853177912</v>
      </c>
      <c r="AU89" s="146">
        <v>1.7070043439597207</v>
      </c>
      <c r="AV89" s="140">
        <v>1.5746377829405416</v>
      </c>
      <c r="AW89" s="140">
        <v>1.2950497881810974</v>
      </c>
      <c r="AX89" s="140">
        <v>0.89184412767475962</v>
      </c>
      <c r="AY89" s="140">
        <v>0.64629224850434608</v>
      </c>
      <c r="AZ89" s="146">
        <v>0.66731716744656977</v>
      </c>
      <c r="BA89" s="140">
        <v>0.97864783898912966</v>
      </c>
      <c r="BB89" s="145">
        <v>0.64982175088543948</v>
      </c>
      <c r="BC89" s="146">
        <v>0.55363818157291245</v>
      </c>
      <c r="BD89" s="145">
        <v>0.55557284482361369</v>
      </c>
      <c r="BE89" s="140">
        <v>0.64446815964816817</v>
      </c>
    </row>
    <row r="90" spans="3:57" x14ac:dyDescent="0.2">
      <c r="C90" s="126" t="s">
        <v>122</v>
      </c>
      <c r="D90" s="158" t="s">
        <v>58</v>
      </c>
      <c r="E90" s="146">
        <v>0.31943358912718078</v>
      </c>
      <c r="F90" s="146">
        <v>0.3245538463373957</v>
      </c>
      <c r="G90" s="146">
        <v>0.33313823372017798</v>
      </c>
      <c r="H90" s="146">
        <v>0.2866419624615652</v>
      </c>
      <c r="I90" s="146">
        <v>0.32101036062285271</v>
      </c>
      <c r="J90" s="140">
        <v>0.31782690063783364</v>
      </c>
      <c r="K90" s="140">
        <v>0.31427442968552777</v>
      </c>
      <c r="L90" s="140">
        <v>0.28940999360648029</v>
      </c>
      <c r="M90" s="146">
        <v>0.31546698575657411</v>
      </c>
      <c r="N90" s="146">
        <v>0.33844812682333847</v>
      </c>
      <c r="O90" s="146">
        <v>0.38760088781021484</v>
      </c>
      <c r="P90" s="146">
        <v>0.39425795676104258</v>
      </c>
      <c r="Q90" s="146">
        <v>0.39148245934664438</v>
      </c>
      <c r="R90" s="146">
        <v>0.39917096973608862</v>
      </c>
      <c r="S90" s="146">
        <v>0.42639475029611351</v>
      </c>
      <c r="T90" s="146">
        <v>0.42706497140113764</v>
      </c>
      <c r="U90" s="146">
        <v>0.39238434960051577</v>
      </c>
      <c r="V90" s="140">
        <v>0.39789005611362693</v>
      </c>
      <c r="W90" s="140">
        <v>0.38883273173730731</v>
      </c>
      <c r="X90" s="140">
        <v>0.3768609242215753</v>
      </c>
      <c r="Y90" s="150">
        <v>0.35676554058302579</v>
      </c>
      <c r="Z90" s="140">
        <v>0.32259251708954401</v>
      </c>
      <c r="AA90" s="146">
        <v>0.31041954021967766</v>
      </c>
      <c r="AB90" s="140">
        <v>0.30864764671136841</v>
      </c>
      <c r="AC90" s="146">
        <v>0.30213093116160555</v>
      </c>
      <c r="AD90" s="146">
        <v>0.29753545052494679</v>
      </c>
      <c r="AE90" s="146">
        <v>0.29248826134514311</v>
      </c>
      <c r="AF90" s="146">
        <v>0.29582776377485093</v>
      </c>
      <c r="AG90" s="140">
        <v>0.3478515106517443</v>
      </c>
      <c r="AH90" s="146">
        <v>0.36118858020282812</v>
      </c>
      <c r="AI90" s="140">
        <v>0.36822602852464564</v>
      </c>
      <c r="AJ90" s="145">
        <v>0.36027306637494211</v>
      </c>
      <c r="AK90" s="140">
        <v>0.3956454763112871</v>
      </c>
      <c r="AL90" s="140">
        <v>0.36201921806850673</v>
      </c>
      <c r="AM90" s="140">
        <v>0.34535726808498801</v>
      </c>
      <c r="AN90" s="140">
        <v>0.37979811282397652</v>
      </c>
      <c r="AO90" s="140">
        <v>0.36834155409306085</v>
      </c>
      <c r="AP90" s="140">
        <v>0.35794640825849139</v>
      </c>
      <c r="AQ90" s="140">
        <v>0.37590221301288185</v>
      </c>
      <c r="AR90" s="140">
        <v>0.36155893996185962</v>
      </c>
      <c r="AS90" s="140">
        <v>0.39797984921404567</v>
      </c>
      <c r="AT90" s="140">
        <v>0.38285048258750759</v>
      </c>
      <c r="AU90" s="146">
        <v>0.38627181826504736</v>
      </c>
      <c r="AV90" s="140">
        <v>0.38968997593636684</v>
      </c>
      <c r="AW90" s="140">
        <v>0.3814335110275196</v>
      </c>
      <c r="AX90" s="140">
        <v>0.45903042334532246</v>
      </c>
      <c r="AY90" s="140">
        <v>0.39542510954373922</v>
      </c>
      <c r="AZ90" s="146">
        <v>0.46052072590204884</v>
      </c>
      <c r="BA90" s="140">
        <v>0.40966336449097634</v>
      </c>
      <c r="BB90" s="145">
        <v>0.31850334537209346</v>
      </c>
      <c r="BC90" s="146">
        <v>0.32165781909799618</v>
      </c>
      <c r="BD90" s="145">
        <v>0.31877463362542197</v>
      </c>
      <c r="BE90" s="140">
        <v>0.31833334642447014</v>
      </c>
    </row>
    <row r="91" spans="3:57" x14ac:dyDescent="0.2">
      <c r="C91" s="126" t="s">
        <v>82</v>
      </c>
      <c r="D91" s="158" t="s">
        <v>58</v>
      </c>
      <c r="E91" s="146">
        <v>3.0296744637910322</v>
      </c>
      <c r="F91" s="146">
        <v>3.0752015941223312</v>
      </c>
      <c r="G91" s="146">
        <v>3.3322051206211989</v>
      </c>
      <c r="H91" s="146">
        <v>3.3926470714018424</v>
      </c>
      <c r="I91" s="146">
        <v>3.1117525568635234</v>
      </c>
      <c r="J91" s="140">
        <v>3.6948531771849922</v>
      </c>
      <c r="K91" s="140">
        <v>3.5753491656220966</v>
      </c>
      <c r="L91" s="140">
        <v>3.5275054943399149</v>
      </c>
      <c r="M91" s="146">
        <v>3.1506165895952694</v>
      </c>
      <c r="N91" s="146">
        <v>2.5872583253128005</v>
      </c>
      <c r="O91" s="146">
        <v>2.1303382847051258</v>
      </c>
      <c r="P91" s="146">
        <v>2.0273834186074753</v>
      </c>
      <c r="Q91" s="146">
        <v>2.2813309244786626</v>
      </c>
      <c r="R91" s="146">
        <v>2.2075419109800456</v>
      </c>
      <c r="S91" s="146">
        <v>2.4117262444307879</v>
      </c>
      <c r="T91" s="146">
        <v>2.3452416596222294</v>
      </c>
      <c r="U91" s="146">
        <v>1.9952576313678647</v>
      </c>
      <c r="V91" s="140">
        <v>1.7292831751330526</v>
      </c>
      <c r="W91" s="140">
        <v>1.5536763078813975</v>
      </c>
      <c r="X91" s="140">
        <v>1.7753475251662478</v>
      </c>
      <c r="Y91" s="150">
        <v>2.2742335532893425</v>
      </c>
      <c r="Z91" s="140">
        <v>2.1647850924005345</v>
      </c>
      <c r="AA91" s="146">
        <v>2.5997784651471747</v>
      </c>
      <c r="AB91" s="140">
        <v>2.4256688247150731</v>
      </c>
      <c r="AC91" s="146">
        <v>2.6995706479313037</v>
      </c>
      <c r="AD91" s="146">
        <v>2.9847996848372302</v>
      </c>
      <c r="AE91" s="146">
        <v>2.3210998866550021</v>
      </c>
      <c r="AF91" s="146">
        <v>2.0728270367100015</v>
      </c>
      <c r="AG91" s="140">
        <v>1.6220667174766956</v>
      </c>
      <c r="AH91" s="146">
        <v>2.2792919795102096</v>
      </c>
      <c r="AI91" s="140">
        <v>2.2595490384086871</v>
      </c>
      <c r="AJ91" s="145">
        <v>2.6267453161163301</v>
      </c>
      <c r="AK91" s="140">
        <v>2.9006869913484699</v>
      </c>
      <c r="AL91" s="140">
        <v>2.9167016203488028</v>
      </c>
      <c r="AM91" s="140">
        <v>2.9449726324866319</v>
      </c>
      <c r="AN91" s="140">
        <v>3.2033274314394991</v>
      </c>
      <c r="AO91" s="140">
        <v>3.7229737729457386</v>
      </c>
      <c r="AP91" s="140">
        <v>3.4873311065155854</v>
      </c>
      <c r="AQ91" s="140">
        <v>3.6831047674636945</v>
      </c>
      <c r="AR91" s="140">
        <v>3.3222401675503033</v>
      </c>
      <c r="AS91" s="140">
        <v>2.8664106683651878</v>
      </c>
      <c r="AT91" s="140">
        <v>2.8727585780634679</v>
      </c>
      <c r="AU91" s="146">
        <v>3.1901701692062607</v>
      </c>
      <c r="AV91" s="140">
        <v>3.2376926028916553</v>
      </c>
      <c r="AW91" s="140">
        <v>2.3122989001209726</v>
      </c>
      <c r="AX91" s="140">
        <v>2.3233921923703691</v>
      </c>
      <c r="AY91" s="140">
        <v>2.4395575773492708</v>
      </c>
      <c r="AZ91" s="146">
        <v>2.1784967407770113</v>
      </c>
      <c r="BA91" s="140">
        <v>2.4670835914570364</v>
      </c>
      <c r="BB91" s="145">
        <v>2.6267326315481818</v>
      </c>
      <c r="BC91" s="146">
        <v>2.7563025707685709</v>
      </c>
      <c r="BD91" s="145">
        <v>2.642074672048436</v>
      </c>
      <c r="BE91" s="140">
        <v>2.3915943822147341</v>
      </c>
    </row>
    <row r="92" spans="3:57" x14ac:dyDescent="0.2">
      <c r="C92" s="126" t="s">
        <v>84</v>
      </c>
      <c r="D92" s="158" t="s">
        <v>85</v>
      </c>
      <c r="E92" s="146">
        <v>0.43713223218325858</v>
      </c>
      <c r="F92" s="146">
        <v>0.44392011306341977</v>
      </c>
      <c r="G92" s="146">
        <v>0.44409730956442234</v>
      </c>
      <c r="H92" s="146">
        <v>0.50614948078380106</v>
      </c>
      <c r="I92" s="146">
        <v>0.52817723554843765</v>
      </c>
      <c r="J92" s="140">
        <v>0.51388435740027683</v>
      </c>
      <c r="K92" s="140">
        <v>0.49222169528714532</v>
      </c>
      <c r="L92" s="140">
        <v>0.44156978957368559</v>
      </c>
      <c r="M92" s="146">
        <v>0.44593749669876931</v>
      </c>
      <c r="N92" s="146">
        <v>0.4453509745478631</v>
      </c>
      <c r="O92" s="146">
        <v>0.45182524373253186</v>
      </c>
      <c r="P92" s="146">
        <v>0.43982987870022461</v>
      </c>
      <c r="Q92" s="146">
        <v>0.46302672751910495</v>
      </c>
      <c r="R92" s="146">
        <v>0.49933216500515076</v>
      </c>
      <c r="S92" s="146">
        <v>0.47717548433032075</v>
      </c>
      <c r="T92" s="146">
        <v>0.46723012478041914</v>
      </c>
      <c r="U92" s="146">
        <v>0.49791871726368336</v>
      </c>
      <c r="V92" s="140">
        <v>0.49864018199399107</v>
      </c>
      <c r="W92" s="140">
        <v>0.48691494840563171</v>
      </c>
      <c r="X92" s="140">
        <v>0.47947959003357482</v>
      </c>
      <c r="Y92" s="150">
        <v>0.45862920154276038</v>
      </c>
      <c r="Z92" s="140">
        <v>0.48071375985218123</v>
      </c>
      <c r="AA92" s="146">
        <v>0.43526602950030102</v>
      </c>
      <c r="AB92" s="140">
        <v>0.42191812041986682</v>
      </c>
      <c r="AC92" s="146">
        <v>0.44260089227177513</v>
      </c>
      <c r="AD92" s="146">
        <v>0.4527326896124777</v>
      </c>
      <c r="AE92" s="146">
        <v>0.45157729351274029</v>
      </c>
      <c r="AF92" s="146">
        <v>0.43025021403218544</v>
      </c>
      <c r="AG92" s="140">
        <v>0.41868142557995469</v>
      </c>
      <c r="AH92" s="146">
        <v>0.42811428699284526</v>
      </c>
      <c r="AI92" s="140">
        <v>0.43027817023239723</v>
      </c>
      <c r="AJ92" s="145">
        <v>0.39830547821638745</v>
      </c>
      <c r="AK92" s="140">
        <v>0.42237460207898569</v>
      </c>
      <c r="AL92" s="140">
        <v>0.45414678437953482</v>
      </c>
      <c r="AM92" s="140">
        <v>0.42454943716250249</v>
      </c>
      <c r="AN92" s="140">
        <v>0.44787838733001772</v>
      </c>
      <c r="AO92" s="140">
        <v>0.55161851705305465</v>
      </c>
      <c r="AP92" s="140">
        <v>0.42488887816413695</v>
      </c>
      <c r="AQ92" s="140">
        <v>0.42400106434061346</v>
      </c>
      <c r="AR92" s="140">
        <v>0.4008298518874952</v>
      </c>
      <c r="AS92" s="140">
        <v>0.41403051131685176</v>
      </c>
      <c r="AT92" s="140">
        <v>0.40327125808814557</v>
      </c>
      <c r="AU92" s="146">
        <v>0.41392327310502602</v>
      </c>
      <c r="AV92" s="140">
        <v>0.41709714481205368</v>
      </c>
      <c r="AW92" s="140">
        <v>0.42666708336561282</v>
      </c>
      <c r="AX92" s="140">
        <v>0.43144477253267277</v>
      </c>
      <c r="AY92" s="140">
        <v>0.37116234967139289</v>
      </c>
      <c r="AZ92" s="146">
        <v>0.37739670659460356</v>
      </c>
      <c r="BA92" s="140">
        <v>0.38478840610273674</v>
      </c>
      <c r="BB92" s="145">
        <v>0.38869740923852464</v>
      </c>
      <c r="BC92" s="146">
        <v>0.39305157294504744</v>
      </c>
      <c r="BD92" s="145">
        <v>0.40530252092294866</v>
      </c>
      <c r="BE92" s="140">
        <v>0.39815553772828088</v>
      </c>
    </row>
    <row r="93" spans="3:57" x14ac:dyDescent="0.2">
      <c r="C93" s="126" t="s">
        <v>118</v>
      </c>
      <c r="D93" s="158" t="s">
        <v>58</v>
      </c>
      <c r="E93" s="146">
        <v>1.6798216747003902</v>
      </c>
      <c r="F93" s="146">
        <v>1.4084140741158979</v>
      </c>
      <c r="G93" s="146">
        <v>1.3849287083266506</v>
      </c>
      <c r="H93" s="146">
        <v>1.3593218831210729</v>
      </c>
      <c r="I93" s="146">
        <v>1.3317386796845445</v>
      </c>
      <c r="J93" s="140">
        <v>1.3680526269028015</v>
      </c>
      <c r="K93" s="140">
        <v>1.3246321533822563</v>
      </c>
      <c r="L93" s="140">
        <v>1.2930018002383052</v>
      </c>
      <c r="M93" s="146">
        <v>1.6858407164519862</v>
      </c>
      <c r="N93" s="146">
        <v>1.8243095948013817</v>
      </c>
      <c r="O93" s="146">
        <v>1.9069211945541191</v>
      </c>
      <c r="P93" s="146">
        <v>2.3809210800079508</v>
      </c>
      <c r="Q93" s="146">
        <v>2.4322608356398328</v>
      </c>
      <c r="R93" s="146">
        <v>2.4726766467065868</v>
      </c>
      <c r="S93" s="146">
        <v>2.5529791938318498</v>
      </c>
      <c r="T93" s="146">
        <v>1.8013898139785562</v>
      </c>
      <c r="U93" s="146">
        <v>1.4924463711805649</v>
      </c>
      <c r="V93" s="140">
        <v>1.1550997217355092</v>
      </c>
      <c r="W93" s="140">
        <v>1.3248348565475809</v>
      </c>
      <c r="X93" s="140">
        <v>1.0227977521015019</v>
      </c>
      <c r="Y93" s="150">
        <v>0.85563200573439668</v>
      </c>
      <c r="Z93" s="140">
        <v>1.0552779499163272</v>
      </c>
      <c r="AA93" s="146">
        <v>1.0513390671541061</v>
      </c>
      <c r="AB93" s="140">
        <v>1.052113204016029</v>
      </c>
      <c r="AC93" s="146">
        <v>0.99346342025404566</v>
      </c>
      <c r="AD93" s="146">
        <v>1.0587982679903365</v>
      </c>
      <c r="AE93" s="146">
        <v>1.1515486313394336</v>
      </c>
      <c r="AF93" s="146">
        <v>0.98965415415893143</v>
      </c>
      <c r="AG93" s="140">
        <v>1.0311169358950634</v>
      </c>
      <c r="AH93" s="146">
        <v>1.2125045957577816</v>
      </c>
      <c r="AI93" s="140">
        <v>1.0596339241720045</v>
      </c>
      <c r="AJ93" s="145">
        <v>0.91620799129139818</v>
      </c>
      <c r="AK93" s="140">
        <v>0.98742018841754653</v>
      </c>
      <c r="AL93" s="140">
        <v>0.95839581463755108</v>
      </c>
      <c r="AM93" s="140">
        <v>0.9736884558569644</v>
      </c>
      <c r="AN93" s="140">
        <v>1.0569144038817631</v>
      </c>
      <c r="AO93" s="140">
        <v>1.1616316964575464</v>
      </c>
      <c r="AP93" s="140">
        <v>1.1501409283483317</v>
      </c>
      <c r="AQ93" s="140">
        <v>1.2649839565369139</v>
      </c>
      <c r="AR93" s="140">
        <v>1.16066465460798</v>
      </c>
      <c r="AS93" s="140">
        <v>1.0634014648521806</v>
      </c>
      <c r="AT93" s="140">
        <v>1.1003082337970957</v>
      </c>
      <c r="AU93" s="146">
        <v>1.0125821079128698</v>
      </c>
      <c r="AV93" s="140">
        <v>0.99073682095818316</v>
      </c>
      <c r="AW93" s="140">
        <v>0.93421179622544004</v>
      </c>
      <c r="AX93" s="140">
        <v>1.0193522703205262</v>
      </c>
      <c r="AY93" s="140">
        <v>0.87708851840515711</v>
      </c>
      <c r="AZ93" s="146">
        <v>0.83667697077557335</v>
      </c>
      <c r="BA93" s="140">
        <v>0.87620681598490024</v>
      </c>
      <c r="BB93" s="145">
        <v>1.0997538732648828</v>
      </c>
      <c r="BC93" s="146">
        <v>1.0468691507089825</v>
      </c>
      <c r="BD93" s="145">
        <v>0.96077961629268094</v>
      </c>
      <c r="BE93" s="140">
        <v>1.0641791960122657</v>
      </c>
    </row>
    <row r="94" spans="3:57" x14ac:dyDescent="0.2">
      <c r="C94" s="126" t="s">
        <v>104</v>
      </c>
      <c r="D94" s="158" t="s">
        <v>58</v>
      </c>
      <c r="E94" s="146">
        <v>1.1220895358023508</v>
      </c>
      <c r="F94" s="146">
        <v>1.0919683177480048</v>
      </c>
      <c r="G94" s="146">
        <v>1.1128516595033429</v>
      </c>
      <c r="H94" s="146">
        <v>1.12930384744824</v>
      </c>
      <c r="I94" s="146">
        <v>1.1810037668081141</v>
      </c>
      <c r="J94" s="140">
        <v>1.1859873552317397</v>
      </c>
      <c r="K94" s="140">
        <v>1.134116913715802</v>
      </c>
      <c r="L94" s="140">
        <v>1.1811877796474681</v>
      </c>
      <c r="M94" s="146">
        <v>1.1114416319824572</v>
      </c>
      <c r="N94" s="146">
        <v>1.0795578147428859</v>
      </c>
      <c r="O94" s="146">
        <v>1.2195136098820356</v>
      </c>
      <c r="P94" s="146">
        <v>1.3304500472161089</v>
      </c>
      <c r="Q94" s="146">
        <v>1.1172773640468556</v>
      </c>
      <c r="R94" s="146">
        <v>1.3472526685357222</v>
      </c>
      <c r="S94" s="146">
        <v>1.6468475498180128</v>
      </c>
      <c r="T94" s="146">
        <v>1.5754648363292099</v>
      </c>
      <c r="U94" s="146">
        <v>1.4825768409695002</v>
      </c>
      <c r="V94" s="140">
        <v>1.3358824775606977</v>
      </c>
      <c r="W94" s="140">
        <v>1.2458540149132771</v>
      </c>
      <c r="X94" s="140">
        <v>1.0942368184168807</v>
      </c>
      <c r="Y94" s="150">
        <v>1.0915577706467474</v>
      </c>
      <c r="Z94" s="140">
        <v>1.1300499520952951</v>
      </c>
      <c r="AA94" s="146">
        <v>0.98890938734527656</v>
      </c>
      <c r="AB94" s="140">
        <v>0.91737215299899777</v>
      </c>
      <c r="AC94" s="146">
        <v>0.87342438375283649</v>
      </c>
      <c r="AD94" s="146">
        <v>0.96671732337158567</v>
      </c>
      <c r="AE94" s="146">
        <v>0.90787427772333718</v>
      </c>
      <c r="AF94" s="146">
        <v>0.87453835921081469</v>
      </c>
      <c r="AG94" s="140">
        <v>0.79276695320125057</v>
      </c>
      <c r="AH94" s="146">
        <v>0.7405056506581138</v>
      </c>
      <c r="AI94" s="140">
        <v>0.75190197808910864</v>
      </c>
      <c r="AJ94" s="145">
        <v>0.80973812524683619</v>
      </c>
      <c r="AK94" s="140">
        <v>0.92398465115845541</v>
      </c>
      <c r="AL94" s="140">
        <v>0.92114695969667182</v>
      </c>
      <c r="AM94" s="140">
        <v>0.83117277604568185</v>
      </c>
      <c r="AN94" s="140">
        <v>0.85436482219057197</v>
      </c>
      <c r="AO94" s="140">
        <v>0.80117468960347382</v>
      </c>
      <c r="AP94" s="140">
        <v>0.93818617006922678</v>
      </c>
      <c r="AQ94" s="140">
        <v>1.2632740317026563</v>
      </c>
      <c r="AR94" s="140">
        <v>1.1952385265719252</v>
      </c>
      <c r="AS94" s="140">
        <v>1.1075526138091027</v>
      </c>
      <c r="AT94" s="140">
        <v>1.2518755847493488</v>
      </c>
      <c r="AU94" s="146">
        <v>1.457477914091992</v>
      </c>
      <c r="AV94" s="140">
        <v>1.3645722164571616</v>
      </c>
      <c r="AW94" s="140">
        <v>1.1216917745772006</v>
      </c>
      <c r="AX94" s="140">
        <v>1.0346853182072864</v>
      </c>
      <c r="AY94" s="140">
        <v>0.93421374168097271</v>
      </c>
      <c r="AZ94" s="146">
        <v>0.84179338752586674</v>
      </c>
      <c r="BA94" s="140">
        <v>0.8707138662010504</v>
      </c>
      <c r="BB94" s="145">
        <v>0.96318514276844724</v>
      </c>
      <c r="BC94" s="146">
        <v>1.0307446955802342</v>
      </c>
      <c r="BD94" s="145">
        <v>0.98775545852542046</v>
      </c>
      <c r="BE94" s="140">
        <v>1.06977772268955</v>
      </c>
    </row>
    <row r="95" spans="3:57" x14ac:dyDescent="0.2">
      <c r="C95" s="126" t="s">
        <v>87</v>
      </c>
      <c r="D95" s="158" t="s">
        <v>58</v>
      </c>
      <c r="E95" s="146">
        <v>0.62022052005281736</v>
      </c>
      <c r="F95" s="146">
        <v>0.61674728248298716</v>
      </c>
      <c r="G95" s="146">
        <v>0.64814431830531227</v>
      </c>
      <c r="H95" s="146">
        <v>0.65260337502244015</v>
      </c>
      <c r="I95" s="146">
        <v>0.64277942208974292</v>
      </c>
      <c r="J95" s="140">
        <v>0.66110763983842979</v>
      </c>
      <c r="K95" s="140">
        <v>0.52599621569319743</v>
      </c>
      <c r="L95" s="140">
        <v>0.44624569452946572</v>
      </c>
      <c r="M95" s="146">
        <v>0.45100008731126123</v>
      </c>
      <c r="N95" s="146">
        <v>0.46531111701049432</v>
      </c>
      <c r="O95" s="146">
        <v>0.42316118007606424</v>
      </c>
      <c r="P95" s="146">
        <v>0.50120360125160002</v>
      </c>
      <c r="Q95" s="146">
        <v>0.46141558707287389</v>
      </c>
      <c r="R95" s="146">
        <v>0.47569838804579717</v>
      </c>
      <c r="S95" s="146">
        <v>0.46971329316442229</v>
      </c>
      <c r="T95" s="146">
        <v>0.45038602154550972</v>
      </c>
      <c r="U95" s="146">
        <v>0.4562320196679136</v>
      </c>
      <c r="V95" s="140">
        <v>0.46144128287728003</v>
      </c>
      <c r="W95" s="140">
        <v>0.45229574922646226</v>
      </c>
      <c r="X95" s="140">
        <v>0.46079529948230058</v>
      </c>
      <c r="Y95" s="150">
        <v>0.43257130825026086</v>
      </c>
      <c r="Z95" s="140">
        <v>0.47116162206077411</v>
      </c>
      <c r="AA95" s="146">
        <v>0.4526122644071609</v>
      </c>
      <c r="AB95" s="140">
        <v>0.43213493303413358</v>
      </c>
      <c r="AC95" s="146">
        <v>0.46203027107188754</v>
      </c>
      <c r="AD95" s="146">
        <v>0.45545587772393969</v>
      </c>
      <c r="AE95" s="146">
        <v>0.44217842522966289</v>
      </c>
      <c r="AF95" s="146">
        <v>0.43375616742220091</v>
      </c>
      <c r="AG95" s="140">
        <v>0.42967975493084681</v>
      </c>
      <c r="AH95" s="146">
        <v>0.42603844957738235</v>
      </c>
      <c r="AI95" s="140">
        <v>0.43241374455345766</v>
      </c>
      <c r="AJ95" s="145">
        <v>0.43094110153947857</v>
      </c>
      <c r="AK95" s="140">
        <v>0.45827307898204866</v>
      </c>
      <c r="AL95" s="140">
        <v>0.43739422445465997</v>
      </c>
      <c r="AM95" s="140">
        <v>0.44556973157079244</v>
      </c>
      <c r="AN95" s="140">
        <v>0.46540787919602511</v>
      </c>
      <c r="AO95" s="140">
        <v>0.46384676779670198</v>
      </c>
      <c r="AP95" s="140">
        <v>0.42070081060810804</v>
      </c>
      <c r="AQ95" s="140">
        <v>0.41997820108121214</v>
      </c>
      <c r="AR95" s="140">
        <v>0.42271397114738418</v>
      </c>
      <c r="AS95" s="140">
        <v>0.45210274490922492</v>
      </c>
      <c r="AT95" s="140">
        <v>0.45987870082649213</v>
      </c>
      <c r="AU95" s="146">
        <v>0.48960574842705779</v>
      </c>
      <c r="AV95" s="140">
        <v>0.50205258260045782</v>
      </c>
      <c r="AW95" s="140">
        <v>0.56363443184889128</v>
      </c>
      <c r="AX95" s="140">
        <v>0.55213649898631534</v>
      </c>
      <c r="AY95" s="140">
        <v>0.46714736433291215</v>
      </c>
      <c r="AZ95" s="146">
        <v>0.5071275804328097</v>
      </c>
      <c r="BA95" s="140">
        <v>0.48717582720004515</v>
      </c>
      <c r="BB95" s="145">
        <v>0.50167387672051644</v>
      </c>
      <c r="BC95" s="146">
        <v>0.49535919620786351</v>
      </c>
      <c r="BD95" s="145">
        <v>0.52565892804320657</v>
      </c>
      <c r="BE95" s="140">
        <v>0.50725203612544922</v>
      </c>
    </row>
    <row r="96" spans="3:57" x14ac:dyDescent="0.2">
      <c r="C96" s="126" t="s">
        <v>88</v>
      </c>
      <c r="D96" s="158" t="s">
        <v>58</v>
      </c>
      <c r="E96" s="140">
        <v>0.8726995931587731</v>
      </c>
      <c r="F96" s="140">
        <v>0.88945942942173462</v>
      </c>
      <c r="G96" s="140">
        <v>0.83620441552192282</v>
      </c>
      <c r="H96" s="140">
        <v>0.86891129641810927</v>
      </c>
      <c r="I96" s="140">
        <v>0.86739793519931874</v>
      </c>
      <c r="J96" s="140">
        <v>0.86483320229745275</v>
      </c>
      <c r="K96" s="140">
        <v>0.81191899006492751</v>
      </c>
      <c r="L96" s="140">
        <v>0.87064783840147231</v>
      </c>
      <c r="M96" s="140">
        <v>0.83347573291811428</v>
      </c>
      <c r="N96" s="146">
        <v>0.91750607598793754</v>
      </c>
      <c r="O96" s="140">
        <v>0.92965080843090919</v>
      </c>
      <c r="P96" s="146">
        <v>0.97277934164516022</v>
      </c>
      <c r="Q96" s="140">
        <v>1.2182919091645534</v>
      </c>
      <c r="R96" s="140">
        <v>1.2671227836968708</v>
      </c>
      <c r="S96" s="140">
        <v>1.2814395246800729</v>
      </c>
      <c r="T96" s="140">
        <v>1.4021151306668274</v>
      </c>
      <c r="U96" s="140">
        <v>1.0728641683352111</v>
      </c>
      <c r="V96" s="140">
        <v>1.1444382202619598</v>
      </c>
      <c r="W96" s="140">
        <v>1.3463499615573882</v>
      </c>
      <c r="X96" s="140">
        <v>1.3915742265604778</v>
      </c>
      <c r="Y96" s="150">
        <v>1.1672513870702268</v>
      </c>
      <c r="Z96" s="140">
        <v>1.0836619845660882</v>
      </c>
      <c r="AA96" s="140">
        <v>1.1352075877708439</v>
      </c>
      <c r="AB96" s="140">
        <v>1.1085515830802855</v>
      </c>
      <c r="AC96" s="140">
        <v>0.99842004654326988</v>
      </c>
      <c r="AD96" s="140">
        <v>0.97407200694425067</v>
      </c>
      <c r="AE96" s="140">
        <v>1.0898139464476178</v>
      </c>
      <c r="AF96" s="140">
        <v>1.0254040653694634</v>
      </c>
      <c r="AG96" s="140">
        <v>0.8735398071405801</v>
      </c>
      <c r="AH96" s="140">
        <v>1.1065913975070618</v>
      </c>
      <c r="AI96" s="140">
        <v>1.0647855970563991</v>
      </c>
      <c r="AJ96" s="194">
        <v>1.1736778405568498</v>
      </c>
      <c r="AK96" s="140">
        <v>1.0996864409020424</v>
      </c>
      <c r="AL96" s="140">
        <v>1.1922709981241719</v>
      </c>
      <c r="AM96" s="140">
        <v>1.1544848209671197</v>
      </c>
      <c r="AN96" s="140">
        <v>1.1496285792956082</v>
      </c>
      <c r="AO96" s="140">
        <v>1.1378039126463395</v>
      </c>
      <c r="AP96" s="140">
        <v>0.9294054782426876</v>
      </c>
      <c r="AQ96" s="140">
        <v>1.0257982685725791</v>
      </c>
      <c r="AR96" s="140">
        <v>1.017525127459491</v>
      </c>
      <c r="AS96" s="140">
        <v>0.97952232859708777</v>
      </c>
      <c r="AT96" s="140">
        <v>1.2583204202459948</v>
      </c>
      <c r="AU96" s="140">
        <v>1.1958572214563989</v>
      </c>
      <c r="AV96" s="140">
        <v>1.113625275680536</v>
      </c>
      <c r="AW96" s="140">
        <v>0.96433201825636283</v>
      </c>
      <c r="AX96" s="140">
        <v>1.0513870307896971</v>
      </c>
      <c r="AY96" s="140">
        <v>0.95063350991167783</v>
      </c>
      <c r="AZ96" s="140">
        <v>1.0138970997442176</v>
      </c>
      <c r="BA96" s="140">
        <v>1.119456431008869</v>
      </c>
      <c r="BB96" s="194">
        <v>1.0968894271248044</v>
      </c>
      <c r="BC96" s="140">
        <v>0.90411811761305372</v>
      </c>
      <c r="BD96" s="194">
        <v>0.93888540569645151</v>
      </c>
      <c r="BE96" s="140">
        <v>0.94283632374372606</v>
      </c>
    </row>
    <row r="97" spans="3:57" x14ac:dyDescent="0.2">
      <c r="C97" s="166" t="s">
        <v>123</v>
      </c>
      <c r="D97" s="158" t="s">
        <v>58</v>
      </c>
      <c r="E97" s="140">
        <v>1.0344499763802257</v>
      </c>
      <c r="F97" s="140">
        <v>0.96618448832968185</v>
      </c>
      <c r="G97" s="140">
        <v>1.0764896428015074</v>
      </c>
      <c r="H97" s="140">
        <v>1.056518854029161</v>
      </c>
      <c r="I97" s="140">
        <v>0.97158056756077738</v>
      </c>
      <c r="J97" s="140">
        <v>1.0216639176113302</v>
      </c>
      <c r="K97" s="140">
        <v>1.1105780692270095</v>
      </c>
      <c r="L97" s="140">
        <v>1.1081025989947393</v>
      </c>
      <c r="M97" s="140">
        <v>1.2673635862044417</v>
      </c>
      <c r="N97" s="146">
        <v>1.2888119827106779</v>
      </c>
      <c r="O97" s="140">
        <v>1.2105177944697139</v>
      </c>
      <c r="P97" s="146">
        <v>1.2278477246602204</v>
      </c>
      <c r="Q97" s="140">
        <v>1.2835078460683955</v>
      </c>
      <c r="R97" s="140">
        <v>1.3116530416746732</v>
      </c>
      <c r="S97" s="140">
        <v>1.4237653503675802</v>
      </c>
      <c r="T97" s="140">
        <v>1.4437097420315486</v>
      </c>
      <c r="U97" s="140">
        <v>1.6958266987013393</v>
      </c>
      <c r="V97" s="140">
        <v>1.8753772452653634</v>
      </c>
      <c r="W97" s="140">
        <v>1.9648294477509416</v>
      </c>
      <c r="X97" s="140">
        <v>2.0549256603113522</v>
      </c>
      <c r="Y97" s="150">
        <v>2.5010982833324196</v>
      </c>
      <c r="Z97" s="140">
        <v>2.8680944569960696</v>
      </c>
      <c r="AA97" s="140" t="s">
        <v>90</v>
      </c>
      <c r="AB97" s="140" t="s">
        <v>90</v>
      </c>
      <c r="AC97" s="140" t="s">
        <v>90</v>
      </c>
      <c r="AD97" s="140" t="s">
        <v>90</v>
      </c>
      <c r="AE97" s="140" t="s">
        <v>90</v>
      </c>
      <c r="AF97" s="140" t="s">
        <v>90</v>
      </c>
      <c r="AG97" s="140" t="s">
        <v>90</v>
      </c>
      <c r="AH97" s="140" t="s">
        <v>90</v>
      </c>
      <c r="AI97" s="140" t="s">
        <v>90</v>
      </c>
      <c r="AJ97" s="194" t="s">
        <v>90</v>
      </c>
      <c r="AK97" s="140" t="s">
        <v>90</v>
      </c>
      <c r="AL97" s="140" t="s">
        <v>90</v>
      </c>
      <c r="AM97" s="140" t="s">
        <v>90</v>
      </c>
      <c r="AN97" s="140" t="s">
        <v>90</v>
      </c>
      <c r="AO97" s="140" t="s">
        <v>90</v>
      </c>
      <c r="AP97" s="140" t="s">
        <v>90</v>
      </c>
      <c r="AQ97" s="140">
        <v>1.6356006116135597</v>
      </c>
      <c r="AR97" s="140">
        <v>1.3571613441301285</v>
      </c>
      <c r="AS97" s="140">
        <v>1.2994550250207102</v>
      </c>
      <c r="AT97" s="140">
        <v>1.0098402921892911</v>
      </c>
      <c r="AU97" s="140">
        <v>0.86032326053095765</v>
      </c>
      <c r="AV97" s="140">
        <v>1.3962690699449691</v>
      </c>
      <c r="AW97" s="140">
        <v>1.4457105640717958</v>
      </c>
      <c r="AX97" s="140">
        <v>1.53067510891077</v>
      </c>
      <c r="AY97" s="140">
        <v>1.0521187971348691</v>
      </c>
      <c r="AZ97" s="140">
        <v>1.0258721556069805</v>
      </c>
      <c r="BA97" s="140">
        <v>1.2017922291616001</v>
      </c>
      <c r="BB97" s="194">
        <v>0.91097008654486278</v>
      </c>
      <c r="BC97" s="140">
        <v>0.9893547983938793</v>
      </c>
      <c r="BD97" s="194">
        <v>0.98902244790473703</v>
      </c>
      <c r="BE97" s="140">
        <v>0.97403747901960558</v>
      </c>
    </row>
    <row r="98" spans="3:57" x14ac:dyDescent="0.2">
      <c r="C98" s="166" t="s">
        <v>100</v>
      </c>
      <c r="D98" s="158" t="s">
        <v>58</v>
      </c>
      <c r="E98" s="146">
        <v>0.69021692937399426</v>
      </c>
      <c r="F98" s="146">
        <v>0.68597879254709393</v>
      </c>
      <c r="G98" s="146">
        <v>0.67290717844016612</v>
      </c>
      <c r="H98" s="146">
        <v>0.63269121884093282</v>
      </c>
      <c r="I98" s="146">
        <v>0.68465815604657498</v>
      </c>
      <c r="J98" s="140">
        <v>0.60819977249724566</v>
      </c>
      <c r="K98" s="140">
        <v>0.65004643789157235</v>
      </c>
      <c r="L98" s="140">
        <v>0.74095785094986966</v>
      </c>
      <c r="M98" s="146">
        <v>0.82534314670217468</v>
      </c>
      <c r="N98" s="146">
        <v>0.84719112922354256</v>
      </c>
      <c r="O98" s="146">
        <v>0.8298946018032396</v>
      </c>
      <c r="P98" s="146">
        <v>0.82069535147364381</v>
      </c>
      <c r="Q98" s="146">
        <v>0.76160517115304527</v>
      </c>
      <c r="R98" s="146">
        <v>0.69556935243393203</v>
      </c>
      <c r="S98" s="146">
        <v>0.72235108860444686</v>
      </c>
      <c r="T98" s="146">
        <v>0.80863982056235451</v>
      </c>
      <c r="U98" s="146">
        <v>1.0832123582281878</v>
      </c>
      <c r="V98" s="140">
        <v>1.1108208774988149</v>
      </c>
      <c r="W98" s="140">
        <v>1.2170070214280428</v>
      </c>
      <c r="X98" s="140">
        <v>1.3414300285512437</v>
      </c>
      <c r="Y98" s="150">
        <v>1.2751496950396619</v>
      </c>
      <c r="Z98" s="140">
        <v>1.0094765203294374</v>
      </c>
      <c r="AA98" s="146">
        <v>1.0303526356385704</v>
      </c>
      <c r="AB98" s="140">
        <v>1.0695143870011155</v>
      </c>
      <c r="AC98" s="146">
        <v>1.0672756635950651</v>
      </c>
      <c r="AD98" s="146">
        <v>1.1089551716549297</v>
      </c>
      <c r="AE98" s="146">
        <v>1.1574475486380604</v>
      </c>
      <c r="AF98" s="146">
        <v>1.1485591915905113</v>
      </c>
      <c r="AG98" s="140">
        <v>1.1585445653083373</v>
      </c>
      <c r="AH98" s="146">
        <v>0.91574538247510529</v>
      </c>
      <c r="AI98" s="140">
        <v>1.0889224123441019</v>
      </c>
      <c r="AJ98" s="145">
        <v>1.2466015061890627</v>
      </c>
      <c r="AK98" s="140">
        <v>1.2606640882464137</v>
      </c>
      <c r="AL98" s="140">
        <v>1.4456355433422492</v>
      </c>
      <c r="AM98" s="140">
        <v>1.456089381405036</v>
      </c>
      <c r="AN98" s="140">
        <v>1.4437895048249418</v>
      </c>
      <c r="AO98" s="140">
        <v>1.4129027253967124</v>
      </c>
      <c r="AP98" s="140">
        <v>1.347541177446236</v>
      </c>
      <c r="AQ98" s="140">
        <v>1.2334716350124746</v>
      </c>
      <c r="AR98" s="140">
        <v>1.1988384085092676</v>
      </c>
      <c r="AS98" s="140">
        <v>1.2759682410971549</v>
      </c>
      <c r="AT98" s="140">
        <v>1.2106066864280771</v>
      </c>
      <c r="AU98" s="146">
        <v>1.4289615691273252</v>
      </c>
      <c r="AV98" s="140">
        <v>1.4454267233585807</v>
      </c>
      <c r="AW98" s="140">
        <v>1.3324248464632886</v>
      </c>
      <c r="AX98" s="140">
        <v>1.0366504577181583</v>
      </c>
      <c r="AY98" s="140">
        <v>0.56851572863697541</v>
      </c>
      <c r="AZ98" s="146">
        <v>0.65109833861726363</v>
      </c>
      <c r="BA98" s="140">
        <v>0.73856791700791846</v>
      </c>
      <c r="BB98" s="145">
        <v>0.56217159769670244</v>
      </c>
      <c r="BC98" s="146">
        <v>0.69945666284671593</v>
      </c>
      <c r="BD98" s="145">
        <v>0.58988062811769404</v>
      </c>
      <c r="BE98" s="140">
        <v>0.54320981192097895</v>
      </c>
    </row>
    <row r="99" spans="3:57" x14ac:dyDescent="0.2">
      <c r="C99" s="126" t="s">
        <v>89</v>
      </c>
      <c r="D99" s="158" t="s">
        <v>58</v>
      </c>
      <c r="E99" s="146">
        <v>0.97477466766311116</v>
      </c>
      <c r="F99" s="146">
        <v>0.93570735174638986</v>
      </c>
      <c r="G99" s="146">
        <v>0.94458550600174185</v>
      </c>
      <c r="H99" s="146">
        <v>0.89127057666591014</v>
      </c>
      <c r="I99" s="146">
        <v>0.83945307978755879</v>
      </c>
      <c r="J99" s="140">
        <v>0.86018126016919449</v>
      </c>
      <c r="K99" s="140">
        <v>0.88983010896365045</v>
      </c>
      <c r="L99" s="140">
        <v>0.91040850284594976</v>
      </c>
      <c r="M99" s="146">
        <v>0.97258047254001856</v>
      </c>
      <c r="N99" s="146">
        <v>1.0614246521707029</v>
      </c>
      <c r="O99" s="146">
        <v>1.1262080986809904</v>
      </c>
      <c r="P99" s="146">
        <v>1.0615131391464956</v>
      </c>
      <c r="Q99" s="146">
        <v>1.0961311403797254</v>
      </c>
      <c r="R99" s="146">
        <v>1.0725323381771887</v>
      </c>
      <c r="S99" s="146">
        <v>1.0911842801566758</v>
      </c>
      <c r="T99" s="146">
        <v>1.1761773669698903</v>
      </c>
      <c r="U99" s="146">
        <v>1.0867048308932814</v>
      </c>
      <c r="V99" s="140">
        <v>1.074093096034745</v>
      </c>
      <c r="W99" s="140">
        <v>0.96855596237577823</v>
      </c>
      <c r="X99" s="140">
        <v>0.88190477911424603</v>
      </c>
      <c r="Y99" s="150">
        <v>0.78831864524555761</v>
      </c>
      <c r="Z99" s="140">
        <v>0.87255494551929547</v>
      </c>
      <c r="AA99" s="146">
        <v>0.8058092949673934</v>
      </c>
      <c r="AB99" s="140">
        <v>0.78763557979093446</v>
      </c>
      <c r="AC99" s="146">
        <v>0.93426997344942153</v>
      </c>
      <c r="AD99" s="146">
        <v>1.040089581282458</v>
      </c>
      <c r="AE99" s="146">
        <v>1.1393949428767416</v>
      </c>
      <c r="AF99" s="146">
        <v>1.2141374312343365</v>
      </c>
      <c r="AG99" s="140">
        <v>1.0683067845332526</v>
      </c>
      <c r="AH99" s="146">
        <v>0.92411179178737146</v>
      </c>
      <c r="AI99" s="140">
        <v>0.95416683131401325</v>
      </c>
      <c r="AJ99" s="145">
        <v>1.086596581458485</v>
      </c>
      <c r="AK99" s="140">
        <v>0.96937471937016539</v>
      </c>
      <c r="AL99" s="140">
        <v>1.3145601080993274</v>
      </c>
      <c r="AM99" s="140">
        <v>1.1707197588731117</v>
      </c>
      <c r="AN99" s="140">
        <v>1.1772803964308465</v>
      </c>
      <c r="AO99" s="140">
        <v>1.0918980503254592</v>
      </c>
      <c r="AP99" s="140">
        <v>1.0330313963646001</v>
      </c>
      <c r="AQ99" s="140">
        <v>1.1238797102252776</v>
      </c>
      <c r="AR99" s="140">
        <v>1.1200481546042473</v>
      </c>
      <c r="AS99" s="140">
        <v>1.2627625304056811</v>
      </c>
      <c r="AT99" s="140">
        <v>1.2483222224719921</v>
      </c>
      <c r="AU99" s="146">
        <v>1.0607563542619336</v>
      </c>
      <c r="AV99" s="140">
        <v>1.0854782730908124</v>
      </c>
      <c r="AW99" s="140">
        <v>1.2590707745856176</v>
      </c>
      <c r="AX99" s="140">
        <v>1.2431014538801328</v>
      </c>
      <c r="AY99" s="140">
        <v>1.1089098757486311</v>
      </c>
      <c r="AZ99" s="146">
        <v>0.9941327676717423</v>
      </c>
      <c r="BA99" s="140">
        <v>0.9688560089780679</v>
      </c>
      <c r="BB99" s="145">
        <v>1.0337007353529981</v>
      </c>
      <c r="BC99" s="146">
        <v>0.98531474951255826</v>
      </c>
      <c r="BD99" s="145">
        <v>0.85552002206598621</v>
      </c>
      <c r="BE99" s="140">
        <v>1.0185200519650608</v>
      </c>
    </row>
    <row r="100" spans="3:57" x14ac:dyDescent="0.2">
      <c r="C100" s="126" t="s">
        <v>95</v>
      </c>
      <c r="D100" s="158" t="s">
        <v>58</v>
      </c>
      <c r="E100" s="146">
        <v>1.3515670884427426</v>
      </c>
      <c r="F100" s="146">
        <v>1.318294116826763</v>
      </c>
      <c r="G100" s="146">
        <v>1.3228448470597629</v>
      </c>
      <c r="H100" s="146">
        <v>1.3243901782886693</v>
      </c>
      <c r="I100" s="146">
        <v>1.4083792723421105</v>
      </c>
      <c r="J100" s="140">
        <v>1.5626379448649683</v>
      </c>
      <c r="K100" s="140">
        <v>1.6290846933134373</v>
      </c>
      <c r="L100" s="140">
        <v>1.5519427191442257</v>
      </c>
      <c r="M100" s="146">
        <v>1.4559555205794785</v>
      </c>
      <c r="N100" s="146">
        <v>1.3101921880511249</v>
      </c>
      <c r="O100" s="146">
        <v>1.1941435347528184</v>
      </c>
      <c r="P100" s="146">
        <v>1.2002072373325381</v>
      </c>
      <c r="Q100" s="146">
        <v>1.0998884356494696</v>
      </c>
      <c r="R100" s="146">
        <v>1.4561952472221178</v>
      </c>
      <c r="S100" s="146">
        <v>1.4591853313890262</v>
      </c>
      <c r="T100" s="146">
        <v>1.4137953073376965</v>
      </c>
      <c r="U100" s="146">
        <v>1.3298231911855236</v>
      </c>
      <c r="V100" s="140">
        <v>1.4531789591133566</v>
      </c>
      <c r="W100" s="140">
        <v>1.380605250798068</v>
      </c>
      <c r="X100" s="140">
        <v>1.3815558206758951</v>
      </c>
      <c r="Y100" s="150">
        <v>1.4407412587212993</v>
      </c>
      <c r="Z100" s="140">
        <v>1.3886307735658918</v>
      </c>
      <c r="AA100" s="146">
        <v>1.4484132207492653</v>
      </c>
      <c r="AB100" s="140">
        <v>1.4942833279024388</v>
      </c>
      <c r="AC100" s="146">
        <v>1.5397075444490347</v>
      </c>
      <c r="AD100" s="146">
        <v>1.4399005029076466</v>
      </c>
      <c r="AE100" s="146">
        <v>1.3076179045467382</v>
      </c>
      <c r="AF100" s="146">
        <v>1.3744055194587714</v>
      </c>
      <c r="AG100" s="140">
        <v>1.361373796423659</v>
      </c>
      <c r="AH100" s="146">
        <v>1.1893528183716076</v>
      </c>
      <c r="AI100" s="140">
        <v>1.2880109947950173</v>
      </c>
      <c r="AJ100" s="145">
        <v>1.3756985267673234</v>
      </c>
      <c r="AK100" s="140">
        <v>1.3930846602140028</v>
      </c>
      <c r="AL100" s="140">
        <v>1.4180868267654605</v>
      </c>
      <c r="AM100" s="140">
        <v>1.3738975542712151</v>
      </c>
      <c r="AN100" s="140">
        <v>1.323686615520983</v>
      </c>
      <c r="AO100" s="140">
        <v>1.5120557507396448</v>
      </c>
      <c r="AP100" s="140">
        <v>1.3241335090179467</v>
      </c>
      <c r="AQ100" s="140">
        <v>1.2872645370037648</v>
      </c>
      <c r="AR100" s="140">
        <v>1.0349010677749186</v>
      </c>
      <c r="AS100" s="140">
        <v>1.2744016984176265</v>
      </c>
      <c r="AT100" s="140">
        <v>1.5061474875668934</v>
      </c>
      <c r="AU100" s="146">
        <v>1.5026092944541116</v>
      </c>
      <c r="AV100" s="140">
        <v>1.3834181113627768</v>
      </c>
      <c r="AW100" s="140">
        <v>1.4046789536266351</v>
      </c>
      <c r="AX100" s="140">
        <v>1.5012519046189094</v>
      </c>
      <c r="AY100" s="140">
        <v>1.1679787744944141</v>
      </c>
      <c r="AZ100" s="146">
        <v>1.1274456093662775</v>
      </c>
      <c r="BA100" s="140">
        <v>1.1313257252030098</v>
      </c>
      <c r="BB100" s="145">
        <v>1.2335898974863755</v>
      </c>
      <c r="BC100" s="146">
        <v>1.1211567903957611</v>
      </c>
      <c r="BD100" s="145">
        <v>1.0093650758400143</v>
      </c>
      <c r="BE100" s="140">
        <v>1.1503476456412016</v>
      </c>
    </row>
    <row r="101" spans="3:57" x14ac:dyDescent="0.2">
      <c r="C101" s="100" t="s">
        <v>96</v>
      </c>
      <c r="D101" s="158" t="s">
        <v>58</v>
      </c>
      <c r="E101" s="140">
        <v>1.1383336943668882</v>
      </c>
      <c r="F101" s="140">
        <v>1.0843859516624237</v>
      </c>
      <c r="G101" s="140">
        <v>1.1389999373968995</v>
      </c>
      <c r="H101" s="140">
        <v>1.1289919708320508</v>
      </c>
      <c r="I101" s="140">
        <v>1.1129777828490299</v>
      </c>
      <c r="J101" s="140">
        <v>1.0155186592442853</v>
      </c>
      <c r="K101" s="140">
        <v>0.96969449043123845</v>
      </c>
      <c r="L101" s="140">
        <v>1.0154549893887985</v>
      </c>
      <c r="M101" s="140">
        <v>1.0400484881620831</v>
      </c>
      <c r="N101" s="146">
        <v>1.033459104587974</v>
      </c>
      <c r="O101" s="140">
        <v>0.98971325973231161</v>
      </c>
      <c r="P101" s="146">
        <v>1.0467653209458283</v>
      </c>
      <c r="Q101" s="140">
        <v>1.0754809130657006</v>
      </c>
      <c r="R101" s="140">
        <v>1.048305121147501</v>
      </c>
      <c r="S101" s="140">
        <v>1.0800804877209402</v>
      </c>
      <c r="T101" s="140">
        <v>1.1058799626324498</v>
      </c>
      <c r="U101" s="140">
        <v>1.1297485325640266</v>
      </c>
      <c r="V101" s="140">
        <v>1.1365785097250891</v>
      </c>
      <c r="W101" s="140">
        <v>1.1388958658979773</v>
      </c>
      <c r="X101" s="140">
        <v>1.1679254603522671</v>
      </c>
      <c r="Y101" s="150">
        <v>1.1751207314689571</v>
      </c>
      <c r="Z101" s="140">
        <v>1.1516601420880332</v>
      </c>
      <c r="AA101" s="140">
        <v>1.0920430444280436</v>
      </c>
      <c r="AB101" s="140">
        <v>1.0674986035970071</v>
      </c>
      <c r="AC101" s="140">
        <v>1.0137377526623648</v>
      </c>
      <c r="AD101" s="140">
        <v>1.0340918387763491</v>
      </c>
      <c r="AE101" s="140">
        <v>0.998453273845335</v>
      </c>
      <c r="AF101" s="140">
        <v>1.0737764397740299</v>
      </c>
      <c r="AG101" s="140">
        <v>1.1839800735732506</v>
      </c>
      <c r="AH101" s="140">
        <v>1.3022330563745317</v>
      </c>
      <c r="AI101" s="140">
        <v>1.3483022734291226</v>
      </c>
      <c r="AJ101" s="194">
        <v>1.3468350560517135</v>
      </c>
      <c r="AK101" s="140">
        <v>1.3404800308611196</v>
      </c>
      <c r="AL101" s="140">
        <v>1.4379652639655669</v>
      </c>
      <c r="AM101" s="140">
        <v>1.2605624639931181</v>
      </c>
      <c r="AN101" s="140">
        <v>1.3864226288996728</v>
      </c>
      <c r="AO101" s="140">
        <v>1.3788548840170434</v>
      </c>
      <c r="AP101" s="140">
        <v>1.3884128870635046</v>
      </c>
      <c r="AQ101" s="140">
        <v>1.4773967541641599</v>
      </c>
      <c r="AR101" s="140">
        <v>1.6146879926367161</v>
      </c>
      <c r="AS101" s="140">
        <v>1.7897636891421609</v>
      </c>
      <c r="AT101" s="140">
        <v>1.921414766296961</v>
      </c>
      <c r="AU101" s="140">
        <v>2.0295074496278689</v>
      </c>
      <c r="AV101" s="140">
        <v>1.9944732644319443</v>
      </c>
      <c r="AW101" s="140">
        <v>1.7943817640627675</v>
      </c>
      <c r="AX101" s="140">
        <v>1.6251649659592544</v>
      </c>
      <c r="AY101" s="140">
        <v>1.3924211113619229</v>
      </c>
      <c r="AZ101" s="140">
        <v>1.3255930862021177</v>
      </c>
      <c r="BA101" s="140">
        <v>1.2870817064404094</v>
      </c>
      <c r="BB101" s="194">
        <v>1.1393183838315095</v>
      </c>
      <c r="BC101" s="140">
        <v>1.0810356148840741</v>
      </c>
      <c r="BD101" s="194">
        <v>0.81100513489461556</v>
      </c>
      <c r="BE101" s="140">
        <v>0.81085525203917352</v>
      </c>
    </row>
    <row r="102" spans="3:57" x14ac:dyDescent="0.2">
      <c r="C102" s="102"/>
      <c r="D102" s="168"/>
      <c r="E102" s="169"/>
      <c r="F102" s="169"/>
      <c r="G102" s="169"/>
      <c r="H102" s="169"/>
      <c r="J102" s="121"/>
      <c r="K102" s="169"/>
      <c r="L102" s="169"/>
      <c r="M102" s="169"/>
      <c r="N102" s="169"/>
      <c r="O102" s="169"/>
      <c r="P102" s="169"/>
      <c r="Q102" s="169"/>
      <c r="R102" s="169"/>
      <c r="S102" s="169"/>
      <c r="T102" s="169"/>
      <c r="U102" s="169"/>
      <c r="V102" s="169"/>
      <c r="W102" s="169"/>
      <c r="X102" s="169"/>
      <c r="Y102" s="169"/>
      <c r="Z102" s="169"/>
      <c r="AA102" s="169"/>
      <c r="AB102" s="169"/>
      <c r="AC102" s="169"/>
      <c r="AD102" s="169"/>
      <c r="AE102" s="169"/>
      <c r="AG102" s="169"/>
      <c r="AH102" s="169"/>
      <c r="AO102" s="169"/>
      <c r="AQ102" s="169"/>
      <c r="AR102" s="169"/>
      <c r="AS102" s="169"/>
      <c r="AT102" s="169"/>
      <c r="AU102" s="169"/>
      <c r="AV102" s="169"/>
      <c r="AW102" s="169"/>
      <c r="AX102" s="169"/>
      <c r="AY102" s="169"/>
      <c r="AZ102" s="169"/>
      <c r="BA102" s="169"/>
      <c r="BB102" s="169"/>
      <c r="BC102" s="169"/>
    </row>
    <row r="103" spans="3:57" x14ac:dyDescent="0.2">
      <c r="D103" s="168"/>
      <c r="E103" s="169"/>
      <c r="F103" s="169"/>
      <c r="G103" s="169"/>
      <c r="H103" s="169"/>
      <c r="M103" s="169"/>
      <c r="N103" s="169"/>
      <c r="O103" s="186"/>
      <c r="P103" s="169"/>
      <c r="Q103" s="169"/>
      <c r="R103" s="169"/>
      <c r="S103" s="169"/>
      <c r="T103" s="169"/>
      <c r="U103" s="169"/>
      <c r="V103" s="169"/>
      <c r="W103" s="169"/>
      <c r="X103" s="169"/>
      <c r="Y103" s="169"/>
      <c r="Z103" s="169"/>
      <c r="AA103" s="169"/>
      <c r="AB103" s="169"/>
      <c r="AC103" s="169"/>
      <c r="AD103" s="169"/>
      <c r="AE103" s="169"/>
      <c r="AG103" s="169"/>
      <c r="AH103" s="169"/>
      <c r="AO103" s="169"/>
      <c r="AQ103" s="169"/>
      <c r="AR103" s="169"/>
      <c r="AS103" s="169"/>
      <c r="AT103" s="169"/>
      <c r="AU103" s="169"/>
      <c r="AV103" s="169"/>
      <c r="AW103" s="169"/>
      <c r="AX103" s="169"/>
      <c r="AY103" s="169"/>
      <c r="AZ103" s="169"/>
      <c r="BA103" s="169"/>
      <c r="BB103" s="169"/>
      <c r="BC103" s="169"/>
    </row>
    <row r="104" spans="3:57" x14ac:dyDescent="0.2">
      <c r="D104" s="168"/>
      <c r="E104" s="169"/>
      <c r="F104" s="169"/>
      <c r="G104" s="169"/>
      <c r="K104" s="169"/>
      <c r="M104" s="169"/>
      <c r="N104" s="169"/>
      <c r="P104" s="169"/>
      <c r="Q104" s="169"/>
      <c r="R104" s="169"/>
      <c r="S104" s="169"/>
      <c r="T104" s="169"/>
      <c r="U104" s="169"/>
      <c r="V104" s="169"/>
      <c r="W104" s="169"/>
      <c r="X104" s="169"/>
      <c r="Y104" s="169"/>
      <c r="Z104" s="169"/>
      <c r="AA104" s="169"/>
      <c r="AB104" s="169"/>
      <c r="AC104" s="169"/>
      <c r="AD104" s="169"/>
      <c r="AE104" s="169"/>
      <c r="AF104" s="169"/>
      <c r="AG104" s="169"/>
      <c r="AH104" s="169"/>
      <c r="AI104" s="169"/>
      <c r="AJ104" s="169"/>
      <c r="AK104" s="169"/>
      <c r="AL104" s="169"/>
      <c r="AM104" s="169"/>
      <c r="AN104" s="169"/>
      <c r="AO104" s="169"/>
      <c r="AP104" s="169"/>
      <c r="AQ104" s="169"/>
      <c r="AR104" s="169"/>
      <c r="AS104" s="169"/>
      <c r="AT104" s="169"/>
      <c r="AU104" s="169"/>
      <c r="AV104" s="169"/>
      <c r="AW104" s="169"/>
      <c r="AX104" s="169"/>
      <c r="AY104" s="169"/>
      <c r="AZ104" s="169"/>
      <c r="BA104" s="169"/>
      <c r="BB104" s="169"/>
      <c r="BC104" s="169"/>
    </row>
    <row r="105" spans="3:57" x14ac:dyDescent="0.2">
      <c r="C105" s="100" t="s">
        <v>106</v>
      </c>
      <c r="D105" s="158" t="s">
        <v>58</v>
      </c>
      <c r="E105" s="176">
        <v>6.9</v>
      </c>
      <c r="F105" s="140">
        <v>7.11</v>
      </c>
      <c r="G105" s="140">
        <v>7.75</v>
      </c>
      <c r="H105" s="140">
        <v>7.41</v>
      </c>
      <c r="I105" s="140">
        <v>7.79</v>
      </c>
      <c r="J105" s="140">
        <v>7.79</v>
      </c>
      <c r="K105" s="140">
        <v>7.46</v>
      </c>
      <c r="L105" s="140">
        <v>6.84</v>
      </c>
      <c r="M105" s="140">
        <v>6.72</v>
      </c>
      <c r="N105" s="140">
        <v>6.62</v>
      </c>
      <c r="O105" s="140">
        <v>6.98</v>
      </c>
      <c r="P105" s="140">
        <v>7.57</v>
      </c>
      <c r="Q105" s="140">
        <v>6.51</v>
      </c>
      <c r="R105" s="140">
        <v>6.86</v>
      </c>
      <c r="S105" s="140">
        <v>6.99</v>
      </c>
      <c r="T105" s="140">
        <v>8.0500000000000007</v>
      </c>
      <c r="U105" s="140">
        <v>7.28</v>
      </c>
      <c r="V105" s="140">
        <v>6.5</v>
      </c>
      <c r="W105" s="140">
        <v>6.92</v>
      </c>
      <c r="X105" s="140">
        <v>7.64</v>
      </c>
      <c r="Y105" s="140">
        <v>7.13</v>
      </c>
      <c r="Z105" s="140">
        <v>7.24</v>
      </c>
      <c r="AA105" s="140">
        <v>7</v>
      </c>
      <c r="AB105" s="140">
        <v>7.23</v>
      </c>
      <c r="AC105" s="140">
        <v>6.65</v>
      </c>
      <c r="AD105" s="140">
        <v>6.55</v>
      </c>
      <c r="AE105" s="140">
        <v>6.62</v>
      </c>
      <c r="AF105" s="140">
        <v>6.98</v>
      </c>
      <c r="AG105" s="140">
        <v>7.25</v>
      </c>
      <c r="AH105" s="140">
        <v>7.14</v>
      </c>
      <c r="AI105" s="140">
        <v>7.62</v>
      </c>
      <c r="AJ105" s="140">
        <v>6.64</v>
      </c>
      <c r="AK105" s="140">
        <v>7.13</v>
      </c>
      <c r="AL105" s="187">
        <v>7.22</v>
      </c>
      <c r="AM105" s="140">
        <v>6.63</v>
      </c>
      <c r="AN105" s="140">
        <v>6.79</v>
      </c>
      <c r="AO105" s="140">
        <v>6.66</v>
      </c>
      <c r="AP105" s="140">
        <v>6.68</v>
      </c>
      <c r="AQ105" s="140">
        <v>6.59</v>
      </c>
      <c r="AR105" s="140">
        <v>6.68</v>
      </c>
      <c r="AS105" s="140">
        <v>6.65</v>
      </c>
      <c r="AT105" s="140">
        <v>6.56</v>
      </c>
      <c r="AU105" s="140">
        <v>6.65</v>
      </c>
      <c r="AV105" s="140">
        <v>7</v>
      </c>
      <c r="AW105" s="140">
        <v>6.63</v>
      </c>
      <c r="AX105" s="140">
        <v>7.19</v>
      </c>
      <c r="AY105" s="140">
        <v>6.52</v>
      </c>
      <c r="AZ105" s="140">
        <v>7.03</v>
      </c>
      <c r="BA105" s="140">
        <v>6.91</v>
      </c>
      <c r="BB105" s="140">
        <v>6.72</v>
      </c>
      <c r="BC105" s="140">
        <v>7.02</v>
      </c>
      <c r="BD105" s="140">
        <v>7.28</v>
      </c>
      <c r="BE105" s="100">
        <v>7.31</v>
      </c>
    </row>
    <row r="106" spans="3:57" x14ac:dyDescent="0.2">
      <c r="D106" s="168"/>
      <c r="E106" s="169"/>
      <c r="F106" s="169"/>
      <c r="G106" s="169"/>
      <c r="H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</row>
    <row r="110" spans="3:57" x14ac:dyDescent="0.2">
      <c r="C110" s="1"/>
      <c r="E110" s="2"/>
      <c r="F110" s="1"/>
      <c r="G110" s="1"/>
      <c r="H110" s="1"/>
      <c r="I110" s="1"/>
      <c r="J110" s="1"/>
      <c r="K110" s="1"/>
      <c r="L110" s="1"/>
      <c r="M110" s="1"/>
    </row>
    <row r="111" spans="3:57" x14ac:dyDescent="0.2">
      <c r="C111" s="188"/>
      <c r="D111" s="188"/>
      <c r="E111" s="2"/>
      <c r="F111" s="2"/>
      <c r="G111" s="2"/>
      <c r="H111" s="2"/>
      <c r="I111" s="2"/>
      <c r="J111" s="2"/>
      <c r="K111" s="2"/>
      <c r="L111" s="2"/>
      <c r="M111" s="2"/>
      <c r="N111" s="2"/>
      <c r="O111" s="2"/>
      <c r="P111" s="2"/>
      <c r="Q111" s="2"/>
      <c r="R111" s="2"/>
      <c r="S111" s="2"/>
      <c r="T111" s="2"/>
      <c r="U111" s="2"/>
      <c r="V111" s="2"/>
      <c r="W111" s="2"/>
      <c r="X111" s="2"/>
      <c r="Y111" s="2"/>
      <c r="Z111" s="2"/>
      <c r="AA111" s="2"/>
      <c r="AB111" s="2"/>
      <c r="AC111" s="189"/>
      <c r="AD111" s="2"/>
      <c r="AE111" s="2"/>
      <c r="AF111" s="2"/>
      <c r="AG111" s="2"/>
      <c r="AH111" s="2"/>
      <c r="AI111" s="2"/>
      <c r="AJ111" s="2"/>
      <c r="AK111" s="2"/>
      <c r="AL111" s="2"/>
      <c r="AM111" s="2"/>
      <c r="AN111" s="2"/>
      <c r="AO111" s="2"/>
      <c r="AP111" s="2"/>
      <c r="AQ111" s="2"/>
      <c r="AR111" s="2"/>
      <c r="AS111" s="2"/>
      <c r="AT111" s="2"/>
      <c r="AU111" s="2"/>
      <c r="AV111" s="2"/>
      <c r="AW111" s="2"/>
      <c r="AX111" s="2"/>
      <c r="AY111" s="2"/>
      <c r="AZ111" s="2"/>
      <c r="BA111" s="2"/>
      <c r="BB111" s="2"/>
      <c r="BC111" s="2"/>
      <c r="BD111" s="2"/>
    </row>
    <row r="112" spans="3:57" x14ac:dyDescent="0.2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69"/>
      <c r="AJ114" s="169"/>
      <c r="AK114" s="169"/>
      <c r="AL114" s="169"/>
      <c r="AM114" s="169"/>
      <c r="AN114" s="169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69"/>
      <c r="AJ116" s="169"/>
      <c r="AK116" s="169"/>
      <c r="AL116" s="169"/>
      <c r="AM116" s="169"/>
      <c r="AN116" s="169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69"/>
      <c r="AJ118" s="169"/>
      <c r="AK118" s="169"/>
      <c r="AL118" s="169"/>
      <c r="AM118" s="169"/>
      <c r="AN118" s="169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">
      <c r="C119" s="190"/>
      <c r="D119" s="168"/>
      <c r="E119" s="169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69"/>
    </row>
    <row r="120" spans="3:56" x14ac:dyDescent="0.2">
      <c r="C120" s="190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">
      <c r="C121" s="190"/>
      <c r="D121" s="168"/>
      <c r="E121" s="169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69"/>
    </row>
    <row r="122" spans="3:56" x14ac:dyDescent="0.2">
      <c r="C122" s="190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">
      <c r="C123" s="190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">
      <c r="C124" s="190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70"/>
      <c r="AJ124" s="170"/>
      <c r="AK124" s="170"/>
      <c r="AL124" s="170"/>
      <c r="AM124" s="170"/>
      <c r="AN124" s="170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">
      <c r="C125" s="190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">
      <c r="C126" s="190"/>
      <c r="D126" s="168"/>
      <c r="E126" s="169"/>
      <c r="F126" s="169"/>
      <c r="G126" s="169"/>
      <c r="H126" s="169"/>
      <c r="I126" s="169"/>
      <c r="J126" s="169"/>
      <c r="K126" s="169"/>
      <c r="L126" s="169"/>
      <c r="M126" s="169"/>
      <c r="N126" s="169"/>
      <c r="O126" s="169"/>
      <c r="P126" s="169"/>
      <c r="Q126" s="169"/>
      <c r="R126" s="169"/>
      <c r="S126" s="169"/>
      <c r="T126" s="169"/>
      <c r="U126" s="169"/>
      <c r="V126" s="169"/>
      <c r="W126" s="169"/>
      <c r="X126" s="169"/>
      <c r="Y126" s="169"/>
      <c r="Z126" s="169"/>
      <c r="AA126" s="169"/>
      <c r="AB126" s="169"/>
      <c r="AC126" s="169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">
      <c r="C127" s="190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">
      <c r="C128" s="190"/>
      <c r="D128" s="168"/>
      <c r="E128" s="169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69"/>
    </row>
    <row r="129" spans="3:56" x14ac:dyDescent="0.2">
      <c r="C129" s="190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">
      <c r="C130" s="190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">
      <c r="C131" s="190"/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U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">
      <c r="C132" s="129"/>
      <c r="D132" s="168"/>
      <c r="E132" s="169"/>
      <c r="F132" s="169"/>
      <c r="G132" s="169"/>
      <c r="H132" s="191"/>
      <c r="I132" s="169"/>
      <c r="J132" s="191"/>
      <c r="K132" s="169"/>
      <c r="L132" s="191"/>
      <c r="M132" s="191"/>
      <c r="N132" s="191"/>
      <c r="O132" s="191"/>
      <c r="P132" s="169"/>
      <c r="Q132" s="169"/>
      <c r="R132" s="169"/>
      <c r="S132" s="169"/>
      <c r="T132" s="191"/>
      <c r="U132" s="191"/>
      <c r="V132" s="191"/>
      <c r="W132" s="169"/>
      <c r="X132" s="191"/>
      <c r="Y132" s="191"/>
      <c r="Z132" s="169"/>
      <c r="AA132" s="169"/>
      <c r="AB132" s="169"/>
      <c r="AC132" s="191"/>
      <c r="AD132" s="169"/>
      <c r="AE132" s="169"/>
      <c r="AF132" s="169"/>
      <c r="AG132" s="169"/>
      <c r="AH132" s="169"/>
      <c r="AI132" s="169"/>
      <c r="AJ132" s="169"/>
      <c r="AK132" s="169"/>
      <c r="AL132" s="169"/>
      <c r="AM132" s="169"/>
      <c r="AN132" s="169"/>
      <c r="AO132" s="169"/>
      <c r="AP132" s="169"/>
      <c r="AQ132" s="169"/>
      <c r="AR132" s="169"/>
      <c r="AS132" s="169"/>
      <c r="AT132" s="169"/>
      <c r="AU132" s="169"/>
      <c r="AV132" s="169"/>
      <c r="AW132" s="169"/>
      <c r="AX132" s="169"/>
      <c r="AY132" s="169"/>
      <c r="AZ132" s="169"/>
      <c r="BA132" s="169"/>
      <c r="BB132" s="169"/>
      <c r="BC132" s="169"/>
      <c r="BD132" s="169"/>
    </row>
    <row r="133" spans="3:56" x14ac:dyDescent="0.2">
      <c r="C133" s="129"/>
      <c r="D133" s="168"/>
      <c r="E133" s="169"/>
      <c r="F133" s="169"/>
      <c r="G133" s="169"/>
      <c r="H133" s="169"/>
      <c r="I133" s="169"/>
      <c r="J133" s="169"/>
      <c r="K133" s="169"/>
      <c r="L133" s="169"/>
      <c r="M133" s="169"/>
      <c r="N133" s="169"/>
      <c r="O133" s="169"/>
      <c r="P133" s="169"/>
      <c r="Q133" s="169"/>
      <c r="R133" s="169"/>
      <c r="S133" s="169"/>
      <c r="T133" s="169"/>
      <c r="U133" s="169"/>
      <c r="V133" s="169"/>
      <c r="W133" s="169"/>
      <c r="X133" s="169"/>
      <c r="Y133" s="169"/>
      <c r="Z133" s="169"/>
      <c r="AA133" s="169"/>
      <c r="AB133" s="169"/>
      <c r="AC133" s="169"/>
      <c r="AD133" s="169"/>
      <c r="AE133" s="169"/>
      <c r="AF133" s="169"/>
      <c r="AG133" s="169"/>
      <c r="AH133" s="169"/>
      <c r="AI133" s="169"/>
      <c r="AJ133" s="169"/>
      <c r="AK133" s="169"/>
      <c r="AL133" s="169"/>
      <c r="AM133" s="169"/>
      <c r="AN133" s="169"/>
      <c r="AO133" s="169"/>
      <c r="AP133" s="169"/>
      <c r="AQ133" s="169"/>
      <c r="AR133" s="169"/>
      <c r="AS133" s="169"/>
      <c r="AT133" s="169"/>
      <c r="AU133" s="169"/>
      <c r="AV133" s="169"/>
      <c r="AW133" s="169"/>
      <c r="AX133" s="169"/>
      <c r="AY133" s="169"/>
      <c r="AZ133" s="169"/>
      <c r="BA133" s="169"/>
      <c r="BB133" s="169"/>
      <c r="BC133" s="169"/>
      <c r="BD133" s="169"/>
    </row>
    <row r="134" spans="3:56" x14ac:dyDescent="0.2">
      <c r="C134" s="129"/>
      <c r="D134" s="168"/>
      <c r="E134" s="192"/>
      <c r="F134" s="169"/>
      <c r="G134" s="169"/>
      <c r="H134" s="169"/>
      <c r="I134" s="169"/>
      <c r="J134" s="169"/>
      <c r="K134" s="169"/>
      <c r="L134" s="169"/>
      <c r="M134" s="169"/>
      <c r="N134" s="169"/>
      <c r="O134" s="169"/>
      <c r="P134" s="169"/>
      <c r="Q134" s="169"/>
      <c r="R134" s="169"/>
      <c r="S134" s="169"/>
      <c r="T134" s="169"/>
      <c r="U134" s="169"/>
      <c r="V134" s="169"/>
      <c r="W134" s="169"/>
      <c r="X134" s="169"/>
      <c r="Y134" s="169"/>
      <c r="Z134" s="169"/>
      <c r="AA134" s="169"/>
      <c r="AB134" s="169"/>
      <c r="AC134" s="169"/>
      <c r="AD134" s="169"/>
      <c r="AE134" s="169"/>
      <c r="AF134" s="169"/>
      <c r="AG134" s="169"/>
      <c r="AH134" s="169"/>
      <c r="AI134" s="169"/>
      <c r="AJ134" s="169"/>
      <c r="AK134" s="169"/>
      <c r="AL134" s="169"/>
      <c r="AM134" s="169"/>
      <c r="AN134" s="169"/>
      <c r="AO134" s="169"/>
      <c r="AP134" s="169"/>
      <c r="AQ134" s="169"/>
      <c r="AR134" s="169"/>
      <c r="AS134" s="169"/>
      <c r="AT134" s="169"/>
      <c r="AU134" s="169"/>
      <c r="AV134" s="169"/>
      <c r="AW134" s="169"/>
      <c r="AX134" s="169"/>
      <c r="AY134" s="169"/>
      <c r="AZ134" s="169"/>
      <c r="BA134" s="169"/>
      <c r="BB134" s="169"/>
      <c r="BC134" s="169"/>
      <c r="BD134" s="192"/>
    </row>
    <row r="135" spans="3:56" x14ac:dyDescent="0.2">
      <c r="C135" s="129"/>
      <c r="D135" s="168"/>
      <c r="E135" s="169"/>
      <c r="F135" s="169"/>
      <c r="G135" s="169"/>
      <c r="H135" s="169"/>
      <c r="I135" s="169"/>
      <c r="J135" s="169"/>
      <c r="K135" s="169"/>
      <c r="L135" s="169"/>
      <c r="M135" s="169"/>
      <c r="N135" s="169"/>
      <c r="O135" s="169"/>
      <c r="P135" s="169"/>
      <c r="Q135" s="169"/>
      <c r="R135" s="169"/>
      <c r="S135" s="169"/>
      <c r="T135" s="169"/>
      <c r="U135" s="169"/>
      <c r="V135" s="169"/>
      <c r="W135" s="169"/>
      <c r="X135" s="169"/>
      <c r="Y135" s="169"/>
      <c r="Z135" s="169"/>
      <c r="AA135" s="169"/>
      <c r="AB135" s="169"/>
      <c r="AC135" s="169"/>
      <c r="AD135" s="169"/>
      <c r="AE135" s="169"/>
      <c r="AF135" s="169"/>
      <c r="AG135" s="169"/>
      <c r="AH135" s="169"/>
      <c r="AI135" s="169"/>
      <c r="AJ135" s="169"/>
      <c r="AK135" s="169"/>
      <c r="AL135" s="169"/>
      <c r="AM135" s="169"/>
      <c r="AN135" s="169"/>
      <c r="AO135" s="169"/>
      <c r="AP135" s="169"/>
      <c r="AQ135" s="169"/>
      <c r="AR135" s="169"/>
      <c r="AS135" s="169"/>
      <c r="AT135" s="169"/>
      <c r="AU135" s="169"/>
      <c r="AV135" s="169"/>
      <c r="AW135" s="169"/>
      <c r="AX135" s="169"/>
      <c r="AY135" s="169"/>
      <c r="AZ135" s="169"/>
      <c r="BA135" s="169"/>
      <c r="BB135" s="169"/>
      <c r="BC135" s="169"/>
      <c r="BD135" s="169"/>
    </row>
    <row r="136" spans="3:56" x14ac:dyDescent="0.2">
      <c r="C136" s="129"/>
      <c r="D136" s="168"/>
      <c r="E136" s="169"/>
      <c r="F136" s="169"/>
      <c r="G136" s="169"/>
      <c r="H136" s="169"/>
      <c r="I136" s="169"/>
      <c r="J136" s="169"/>
      <c r="K136" s="169"/>
      <c r="L136" s="169"/>
      <c r="M136" s="169"/>
      <c r="N136" s="169"/>
      <c r="O136" s="169"/>
      <c r="P136" s="169"/>
      <c r="Q136" s="169"/>
      <c r="R136" s="169"/>
      <c r="S136" s="169"/>
      <c r="T136" s="169"/>
      <c r="U136" s="169"/>
      <c r="V136" s="169"/>
      <c r="W136" s="169"/>
      <c r="X136" s="169"/>
      <c r="Y136" s="169"/>
      <c r="Z136" s="169"/>
      <c r="AA136" s="169"/>
      <c r="AB136" s="169"/>
      <c r="AC136" s="169"/>
      <c r="AD136" s="169"/>
      <c r="AE136" s="169"/>
      <c r="AF136" s="169"/>
      <c r="AG136" s="169"/>
      <c r="AH136" s="169"/>
      <c r="AI136" s="169"/>
      <c r="AJ136" s="169"/>
      <c r="AK136" s="169"/>
      <c r="AL136" s="169"/>
      <c r="AM136" s="169"/>
      <c r="AN136" s="169"/>
      <c r="AO136" s="169"/>
      <c r="AP136" s="169"/>
      <c r="AQ136" s="169"/>
      <c r="AR136" s="169"/>
      <c r="AS136" s="169"/>
      <c r="AT136" s="169"/>
      <c r="AU136" s="169"/>
      <c r="AV136" s="169"/>
      <c r="AW136" s="169"/>
      <c r="AX136" s="169"/>
      <c r="AY136" s="169"/>
      <c r="AZ136" s="169"/>
      <c r="BA136" s="169"/>
      <c r="BB136" s="169"/>
      <c r="BC136" s="169"/>
      <c r="BD136" s="169"/>
    </row>
    <row r="137" spans="3:56" x14ac:dyDescent="0.2">
      <c r="C137" s="129"/>
      <c r="D137" s="168"/>
      <c r="E137" s="169"/>
      <c r="F137" s="169"/>
      <c r="G137" s="169"/>
      <c r="H137" s="169"/>
      <c r="I137" s="169"/>
      <c r="J137" s="169"/>
      <c r="K137" s="169"/>
      <c r="L137" s="169"/>
      <c r="M137" s="169"/>
      <c r="N137" s="169"/>
      <c r="O137" s="169"/>
      <c r="P137" s="169"/>
      <c r="Q137" s="169"/>
      <c r="R137" s="169"/>
      <c r="S137" s="169"/>
      <c r="T137" s="169"/>
      <c r="U137" s="169"/>
      <c r="V137" s="169"/>
      <c r="W137" s="169"/>
      <c r="X137" s="169"/>
      <c r="Y137" s="169"/>
      <c r="Z137" s="169"/>
      <c r="AA137" s="169"/>
      <c r="AB137" s="169"/>
      <c r="AC137" s="169"/>
      <c r="AD137" s="169"/>
      <c r="AE137" s="169"/>
      <c r="AF137" s="169"/>
      <c r="AG137" s="169"/>
      <c r="AH137" s="169"/>
      <c r="AI137" s="169"/>
      <c r="AJ137" s="169"/>
      <c r="AK137" s="169"/>
      <c r="AL137" s="169"/>
      <c r="AM137" s="169"/>
      <c r="AN137" s="169"/>
      <c r="AO137" s="169"/>
      <c r="AP137" s="169"/>
      <c r="AQ137" s="169"/>
      <c r="AR137" s="169"/>
      <c r="AS137" s="169"/>
      <c r="AT137" s="169"/>
      <c r="AU137" s="169"/>
      <c r="AV137" s="169"/>
      <c r="AW137" s="169"/>
      <c r="AX137" s="169"/>
      <c r="AY137" s="169"/>
      <c r="AZ137" s="169"/>
      <c r="BA137" s="169"/>
      <c r="BB137" s="169"/>
      <c r="BC137" s="169"/>
      <c r="BD137" s="169"/>
    </row>
    <row r="138" spans="3:56" x14ac:dyDescent="0.2">
      <c r="C138" s="129"/>
      <c r="D138" s="168"/>
      <c r="E138" s="169"/>
      <c r="F138" s="169"/>
      <c r="G138" s="169"/>
      <c r="H138" s="169"/>
      <c r="I138" s="169"/>
      <c r="J138" s="169"/>
      <c r="K138" s="169"/>
      <c r="L138" s="169"/>
      <c r="M138" s="169"/>
      <c r="N138" s="169"/>
      <c r="O138" s="169"/>
      <c r="P138" s="169"/>
      <c r="Q138" s="169"/>
      <c r="R138" s="169"/>
      <c r="S138" s="169"/>
      <c r="T138" s="169"/>
      <c r="U138" s="169"/>
      <c r="V138" s="169"/>
      <c r="W138" s="169"/>
      <c r="X138" s="169"/>
      <c r="Y138" s="169"/>
      <c r="Z138" s="169"/>
      <c r="AA138" s="169"/>
      <c r="AB138" s="169"/>
      <c r="AC138" s="169"/>
      <c r="AD138" s="169"/>
      <c r="AE138" s="169"/>
      <c r="AF138" s="169"/>
      <c r="AG138" s="169"/>
      <c r="AH138" s="169"/>
      <c r="AI138" s="169"/>
      <c r="AJ138" s="169"/>
      <c r="AK138" s="169"/>
      <c r="AL138" s="169"/>
      <c r="AM138" s="169"/>
      <c r="AN138" s="169"/>
      <c r="AO138" s="169"/>
      <c r="AP138" s="169"/>
      <c r="AQ138" s="169"/>
      <c r="AR138" s="169"/>
      <c r="AS138" s="169"/>
      <c r="AT138" s="169"/>
      <c r="AU138" s="169"/>
      <c r="AV138" s="169"/>
      <c r="AW138" s="169"/>
      <c r="AX138" s="169"/>
      <c r="AY138" s="169"/>
      <c r="AZ138" s="169"/>
      <c r="BA138" s="169"/>
      <c r="BB138" s="169"/>
      <c r="BC138" s="169"/>
      <c r="BD138" s="169"/>
    </row>
    <row r="139" spans="3:56" x14ac:dyDescent="0.2">
      <c r="C139" s="129"/>
      <c r="D139" s="168"/>
      <c r="E139" s="169"/>
      <c r="F139" s="169"/>
      <c r="G139" s="169"/>
      <c r="H139" s="169"/>
      <c r="I139" s="169"/>
      <c r="J139" s="169"/>
      <c r="K139" s="169"/>
      <c r="L139" s="169"/>
      <c r="M139" s="169"/>
      <c r="N139" s="169"/>
      <c r="O139" s="169"/>
      <c r="P139" s="169"/>
      <c r="Q139" s="169"/>
      <c r="R139" s="169"/>
      <c r="S139" s="169"/>
      <c r="T139" s="169"/>
      <c r="U139" s="169"/>
      <c r="V139" s="169"/>
      <c r="W139" s="169"/>
      <c r="X139" s="169"/>
      <c r="Y139" s="169"/>
      <c r="Z139" s="169"/>
      <c r="AA139" s="169"/>
      <c r="AB139" s="169"/>
      <c r="AC139" s="169"/>
      <c r="AD139" s="169"/>
      <c r="AE139" s="169"/>
      <c r="AF139" s="169"/>
      <c r="AG139" s="169"/>
      <c r="AH139" s="169"/>
      <c r="AI139" s="169"/>
      <c r="AJ139" s="169"/>
      <c r="AK139" s="169"/>
      <c r="AL139" s="169"/>
      <c r="AM139" s="169"/>
      <c r="AN139" s="169"/>
      <c r="AO139" s="169"/>
      <c r="AP139" s="169"/>
      <c r="AQ139" s="169"/>
      <c r="AR139" s="169"/>
      <c r="AS139" s="169"/>
      <c r="AT139" s="169"/>
      <c r="AU139" s="169"/>
      <c r="AV139" s="169"/>
      <c r="AW139" s="169"/>
      <c r="AX139" s="169"/>
      <c r="AY139" s="169"/>
      <c r="AZ139" s="169"/>
      <c r="BA139" s="169"/>
      <c r="BB139" s="169"/>
      <c r="BC139" s="169"/>
      <c r="BD139" s="169"/>
    </row>
    <row r="140" spans="3:56" x14ac:dyDescent="0.2">
      <c r="C140" s="129"/>
      <c r="D140" s="168"/>
      <c r="E140" s="169"/>
      <c r="F140" s="169"/>
      <c r="G140" s="169"/>
      <c r="H140" s="169"/>
      <c r="I140" s="169"/>
      <c r="J140" s="169"/>
      <c r="K140" s="169"/>
      <c r="L140" s="169"/>
      <c r="M140" s="169"/>
      <c r="N140" s="169"/>
      <c r="O140" s="169"/>
      <c r="P140" s="169"/>
      <c r="Q140" s="169"/>
      <c r="R140" s="169"/>
      <c r="S140" s="169"/>
      <c r="T140" s="169"/>
      <c r="U140" s="169"/>
      <c r="V140" s="169"/>
      <c r="W140" s="169"/>
      <c r="X140" s="169"/>
      <c r="Y140" s="169"/>
      <c r="Z140" s="169"/>
      <c r="AA140" s="169"/>
      <c r="AB140" s="169"/>
      <c r="AC140" s="169"/>
      <c r="AD140" s="169"/>
      <c r="AE140" s="169"/>
      <c r="AF140" s="169"/>
      <c r="AG140" s="169"/>
      <c r="AH140" s="169"/>
      <c r="AI140" s="169"/>
      <c r="AJ140" s="169"/>
      <c r="AK140" s="169"/>
      <c r="AL140" s="169"/>
      <c r="AM140" s="169"/>
      <c r="AN140" s="169"/>
      <c r="AO140" s="169"/>
      <c r="AP140" s="169"/>
      <c r="AQ140" s="169"/>
      <c r="AR140" s="169"/>
      <c r="AS140" s="169"/>
      <c r="AT140" s="169"/>
      <c r="AU140" s="169"/>
      <c r="AV140" s="169"/>
      <c r="AW140" s="169"/>
      <c r="AX140" s="169"/>
      <c r="AY140" s="169"/>
      <c r="AZ140" s="169"/>
      <c r="BA140" s="169"/>
      <c r="BB140" s="169"/>
      <c r="BC140" s="169"/>
      <c r="BD140" s="169"/>
    </row>
    <row r="141" spans="3:56" x14ac:dyDescent="0.2">
      <c r="C141" s="129"/>
      <c r="D141" s="168"/>
      <c r="E141" s="169"/>
      <c r="F141" s="169"/>
      <c r="G141" s="169"/>
      <c r="H141" s="169"/>
      <c r="I141" s="169"/>
      <c r="J141" s="169"/>
      <c r="K141" s="169"/>
      <c r="L141" s="169"/>
      <c r="M141" s="169"/>
      <c r="N141" s="169"/>
      <c r="O141" s="169"/>
      <c r="P141" s="169"/>
      <c r="Q141" s="169"/>
      <c r="R141" s="169"/>
      <c r="S141" s="169"/>
      <c r="T141" s="169"/>
      <c r="U141" s="169"/>
      <c r="V141" s="169"/>
      <c r="W141" s="169"/>
      <c r="X141" s="169"/>
      <c r="Y141" s="169"/>
      <c r="Z141" s="169"/>
      <c r="AA141" s="169"/>
      <c r="AB141" s="169"/>
      <c r="AC141" s="169"/>
      <c r="AD141" s="169"/>
      <c r="AE141" s="169"/>
      <c r="AF141" s="169"/>
      <c r="AG141" s="169"/>
      <c r="AH141" s="169"/>
      <c r="AI141" s="169"/>
      <c r="AJ141" s="169"/>
      <c r="AK141" s="169"/>
      <c r="AL141" s="169"/>
      <c r="AM141" s="169"/>
      <c r="AN141" s="169"/>
      <c r="AO141" s="169"/>
      <c r="AP141" s="169"/>
      <c r="AQ141" s="169"/>
      <c r="AR141" s="169"/>
      <c r="AS141" s="169"/>
      <c r="AT141" s="169"/>
      <c r="AU141" s="169"/>
      <c r="AV141" s="169"/>
      <c r="AW141" s="169"/>
      <c r="AX141" s="169"/>
      <c r="AY141" s="169"/>
      <c r="AZ141" s="169"/>
      <c r="BA141" s="169"/>
      <c r="BB141" s="169"/>
      <c r="BC141" s="169"/>
      <c r="BD141" s="169"/>
    </row>
    <row r="142" spans="3:56" x14ac:dyDescent="0.2">
      <c r="C142" s="129"/>
      <c r="D142" s="168"/>
      <c r="E142" s="169"/>
      <c r="F142" s="169"/>
      <c r="G142" s="169"/>
      <c r="H142" s="169"/>
      <c r="I142" s="169"/>
      <c r="J142" s="169"/>
      <c r="K142" s="169"/>
      <c r="L142" s="169"/>
      <c r="M142" s="169"/>
      <c r="N142" s="169"/>
      <c r="O142" s="169"/>
      <c r="P142" s="169"/>
      <c r="Q142" s="169"/>
      <c r="R142" s="169"/>
      <c r="S142" s="169"/>
      <c r="T142" s="169"/>
      <c r="U142" s="169"/>
      <c r="V142" s="169"/>
      <c r="W142" s="169"/>
      <c r="X142" s="169"/>
      <c r="Y142" s="169"/>
      <c r="Z142" s="169"/>
      <c r="AA142" s="169"/>
      <c r="AB142" s="169"/>
      <c r="AC142" s="169"/>
      <c r="AD142" s="169"/>
      <c r="AE142" s="169"/>
      <c r="AF142" s="169"/>
      <c r="AG142" s="169"/>
      <c r="AH142" s="169"/>
      <c r="AI142" s="169"/>
      <c r="AJ142" s="169"/>
      <c r="AK142" s="169"/>
      <c r="AL142" s="169"/>
      <c r="AM142" s="169"/>
      <c r="AN142" s="169"/>
      <c r="AO142" s="169"/>
      <c r="AP142" s="169"/>
      <c r="AQ142" s="169"/>
      <c r="AR142" s="169"/>
      <c r="AS142" s="169"/>
      <c r="AT142" s="169"/>
      <c r="AU142" s="169"/>
      <c r="AV142" s="169"/>
      <c r="AW142" s="169"/>
      <c r="AX142" s="169"/>
      <c r="AY142" s="169"/>
      <c r="AZ142" s="169"/>
      <c r="BA142" s="169"/>
      <c r="BB142" s="169"/>
      <c r="BC142" s="169"/>
      <c r="BD142" s="169"/>
    </row>
    <row r="143" spans="3:56" x14ac:dyDescent="0.2">
      <c r="C143" s="129"/>
      <c r="D143" s="168"/>
      <c r="E143" s="169"/>
      <c r="F143" s="169"/>
      <c r="G143" s="169"/>
      <c r="H143" s="169"/>
      <c r="I143" s="169"/>
      <c r="J143" s="169"/>
      <c r="K143" s="169"/>
      <c r="L143" s="169"/>
      <c r="M143" s="169"/>
      <c r="N143" s="169"/>
      <c r="O143" s="169"/>
      <c r="P143" s="169"/>
      <c r="Q143" s="169"/>
      <c r="R143" s="169"/>
      <c r="S143" s="169"/>
      <c r="T143" s="169"/>
      <c r="U143" s="169"/>
      <c r="V143" s="169"/>
      <c r="W143" s="169"/>
      <c r="X143" s="169"/>
      <c r="Y143" s="169"/>
      <c r="Z143" s="169"/>
      <c r="AA143" s="169"/>
      <c r="AB143" s="169"/>
      <c r="AC143" s="169"/>
      <c r="AD143" s="169"/>
      <c r="AE143" s="169"/>
      <c r="AF143" s="169"/>
      <c r="AG143" s="169"/>
      <c r="AH143" s="169"/>
      <c r="AI143" s="169"/>
      <c r="AJ143" s="169"/>
      <c r="AK143" s="169"/>
      <c r="AL143" s="169"/>
      <c r="AM143" s="169"/>
      <c r="AN143" s="169"/>
      <c r="AO143" s="169"/>
      <c r="AP143" s="169"/>
      <c r="AQ143" s="169"/>
      <c r="AR143" s="169"/>
      <c r="AS143" s="169"/>
      <c r="AT143" s="169"/>
      <c r="AU143" s="169"/>
      <c r="AV143" s="169"/>
      <c r="AW143" s="169"/>
      <c r="AX143" s="169"/>
      <c r="AY143" s="169"/>
      <c r="AZ143" s="169"/>
      <c r="BA143" s="169"/>
      <c r="BB143" s="169"/>
      <c r="BC143" s="169"/>
      <c r="BD143" s="169"/>
    </row>
    <row r="144" spans="3:56" x14ac:dyDescent="0.2">
      <c r="C144" s="129"/>
      <c r="D144" s="168"/>
      <c r="E144" s="169"/>
      <c r="F144" s="169"/>
      <c r="G144" s="169"/>
      <c r="H144" s="169"/>
      <c r="I144" s="169"/>
      <c r="J144" s="169"/>
      <c r="K144" s="169"/>
      <c r="L144" s="169"/>
      <c r="M144" s="169"/>
      <c r="N144" s="169"/>
      <c r="O144" s="169"/>
      <c r="P144" s="169"/>
      <c r="Q144" s="169"/>
      <c r="R144" s="169"/>
      <c r="S144" s="169"/>
      <c r="T144" s="169"/>
      <c r="U144" s="169"/>
      <c r="V144" s="169"/>
      <c r="W144" s="169"/>
      <c r="X144" s="169"/>
      <c r="Y144" s="169"/>
      <c r="Z144" s="169"/>
      <c r="AA144" s="169"/>
      <c r="AB144" s="169"/>
      <c r="AC144" s="169"/>
      <c r="AD144" s="169"/>
      <c r="AE144" s="169"/>
      <c r="AF144" s="169"/>
      <c r="AG144" s="169"/>
      <c r="AH144" s="169"/>
      <c r="AI144" s="169"/>
      <c r="AJ144" s="169"/>
      <c r="AK144" s="169"/>
      <c r="AL144" s="169"/>
      <c r="AM144" s="169"/>
      <c r="AN144" s="169"/>
      <c r="AO144" s="169"/>
      <c r="AP144" s="169"/>
      <c r="AQ144" s="169"/>
      <c r="AR144" s="169"/>
      <c r="AS144" s="169"/>
      <c r="AT144" s="169"/>
      <c r="AU144" s="169"/>
      <c r="AV144" s="169"/>
      <c r="AW144" s="169"/>
      <c r="AX144" s="169"/>
      <c r="AY144" s="169"/>
      <c r="AZ144" s="169"/>
      <c r="BA144" s="169"/>
      <c r="BB144" s="169"/>
      <c r="BC144" s="169"/>
      <c r="BD144" s="169"/>
    </row>
    <row r="145" spans="3:56" x14ac:dyDescent="0.2">
      <c r="C145" s="129"/>
      <c r="D145" s="168"/>
      <c r="E145" s="169"/>
      <c r="F145" s="169"/>
      <c r="G145" s="169"/>
      <c r="H145" s="169"/>
      <c r="I145" s="169"/>
      <c r="J145" s="169"/>
      <c r="K145" s="169"/>
      <c r="L145" s="169"/>
      <c r="M145" s="169"/>
      <c r="N145" s="169"/>
      <c r="O145" s="169"/>
      <c r="P145" s="169"/>
      <c r="Q145" s="169"/>
      <c r="R145" s="169"/>
      <c r="S145" s="169"/>
      <c r="T145" s="169"/>
      <c r="U145" s="169"/>
      <c r="V145" s="169"/>
      <c r="W145" s="169"/>
      <c r="X145" s="169"/>
      <c r="Y145" s="169"/>
      <c r="Z145" s="169"/>
      <c r="AA145" s="169"/>
      <c r="AB145" s="169"/>
      <c r="AC145" s="169"/>
      <c r="AD145" s="169"/>
      <c r="AE145" s="169"/>
      <c r="AF145" s="169"/>
      <c r="AG145" s="169"/>
      <c r="AH145" s="169"/>
      <c r="AI145" s="169"/>
      <c r="AJ145" s="169"/>
      <c r="AK145" s="169"/>
      <c r="AL145" s="169"/>
      <c r="AM145" s="169"/>
      <c r="AN145" s="169"/>
      <c r="AO145" s="169"/>
      <c r="AP145" s="169"/>
      <c r="AQ145" s="169"/>
      <c r="AR145" s="169"/>
      <c r="AS145" s="169"/>
      <c r="AT145" s="169"/>
      <c r="AU145" s="169"/>
      <c r="AV145" s="169"/>
      <c r="AW145" s="169"/>
      <c r="AX145" s="169"/>
      <c r="AY145" s="169"/>
      <c r="AZ145" s="169"/>
      <c r="BA145" s="169"/>
      <c r="BB145" s="169"/>
      <c r="BC145" s="169"/>
      <c r="BD145" s="169"/>
    </row>
    <row r="146" spans="3:56" x14ac:dyDescent="0.2">
      <c r="D146" s="168"/>
      <c r="E146" s="169"/>
      <c r="F146" s="169"/>
      <c r="G146" s="169"/>
      <c r="H146" s="169"/>
      <c r="I146" s="169"/>
      <c r="J146" s="169"/>
      <c r="K146" s="169"/>
      <c r="L146" s="169"/>
      <c r="M146" s="169"/>
      <c r="N146" s="169"/>
      <c r="O146" s="169"/>
      <c r="P146" s="169"/>
      <c r="Q146" s="169"/>
      <c r="R146" s="169"/>
      <c r="S146" s="169"/>
      <c r="T146" s="169"/>
      <c r="U146" s="169"/>
      <c r="V146" s="169"/>
      <c r="W146" s="169"/>
      <c r="X146" s="169"/>
      <c r="Y146" s="169"/>
      <c r="Z146" s="169"/>
      <c r="AA146" s="169"/>
      <c r="AB146" s="169"/>
      <c r="AC146" s="169"/>
      <c r="AD146" s="169"/>
      <c r="AE146" s="169"/>
      <c r="AF146" s="169"/>
      <c r="AG146" s="169"/>
      <c r="AH146" s="169"/>
      <c r="AI146" s="169"/>
      <c r="AJ146" s="169"/>
      <c r="AK146" s="169"/>
      <c r="AL146" s="169"/>
      <c r="AM146" s="169"/>
      <c r="AN146" s="169"/>
      <c r="AO146" s="169"/>
      <c r="AP146" s="169"/>
      <c r="AQ146" s="169"/>
      <c r="AR146" s="169"/>
      <c r="AS146" s="169"/>
      <c r="AT146" s="169"/>
      <c r="AU146" s="169"/>
      <c r="AV146" s="169"/>
      <c r="AW146" s="169"/>
      <c r="AX146" s="169"/>
      <c r="AY146" s="169"/>
      <c r="AZ146" s="169"/>
      <c r="BA146" s="169"/>
      <c r="BB146" s="169"/>
      <c r="BC146" s="169"/>
      <c r="BD146" s="169"/>
    </row>
    <row r="147" spans="3:56" x14ac:dyDescent="0.2">
      <c r="E147" s="169"/>
      <c r="F147" s="169"/>
      <c r="H147" s="169"/>
      <c r="J147" s="169"/>
      <c r="L147" s="169"/>
      <c r="O147" s="169"/>
    </row>
    <row r="148" spans="3:56" x14ac:dyDescent="0.2">
      <c r="E148" s="169"/>
      <c r="F148" s="169"/>
      <c r="H148" s="169"/>
    </row>
    <row r="149" spans="3:56" x14ac:dyDescent="0.2">
      <c r="E149" s="169"/>
      <c r="F149" s="169"/>
    </row>
    <row r="150" spans="3:56" x14ac:dyDescent="0.2">
      <c r="D150" s="168"/>
      <c r="E150" s="169"/>
      <c r="F150" s="169"/>
      <c r="G150" s="169"/>
      <c r="H150" s="169"/>
      <c r="I150" s="169"/>
      <c r="J150" s="169"/>
      <c r="K150" s="169"/>
      <c r="L150" s="169"/>
      <c r="M150" s="169"/>
      <c r="N150" s="169"/>
      <c r="O150" s="169"/>
      <c r="P150" s="169"/>
      <c r="Q150" s="169"/>
      <c r="R150" s="169"/>
      <c r="S150" s="169"/>
      <c r="T150" s="169"/>
      <c r="U150" s="169"/>
      <c r="V150" s="169"/>
      <c r="W150" s="169"/>
      <c r="X150" s="169"/>
      <c r="Y150" s="169"/>
      <c r="Z150" s="169"/>
      <c r="AA150" s="169"/>
      <c r="AB150" s="169"/>
      <c r="AC150" s="169"/>
      <c r="AD150" s="169"/>
      <c r="AE150" s="169"/>
      <c r="AF150" s="169"/>
      <c r="AG150" s="169"/>
      <c r="AH150" s="169"/>
      <c r="AI150" s="169"/>
      <c r="AJ150" s="169"/>
      <c r="AK150" s="169"/>
      <c r="AL150" s="191"/>
      <c r="AM150" s="169"/>
      <c r="AN150" s="169"/>
      <c r="AO150" s="169"/>
      <c r="AP150" s="169"/>
      <c r="AQ150" s="169"/>
      <c r="AR150" s="169"/>
      <c r="AS150" s="169"/>
      <c r="AT150" s="169"/>
      <c r="AU150" s="169"/>
      <c r="AV150" s="169"/>
      <c r="AW150" s="169"/>
      <c r="AX150" s="169"/>
      <c r="AY150" s="169"/>
      <c r="AZ150" s="169"/>
      <c r="BA150" s="169"/>
      <c r="BB150" s="169"/>
      <c r="BC150" s="169"/>
      <c r="BD150" s="169"/>
    </row>
    <row r="153" spans="3:56" x14ac:dyDescent="0.2">
      <c r="C153" s="229"/>
      <c r="D153" s="230"/>
      <c r="E153" s="230"/>
      <c r="F153" s="230"/>
      <c r="G153" s="230"/>
      <c r="H153" s="230"/>
      <c r="I153" s="230"/>
      <c r="J153" s="230"/>
      <c r="K153" s="230"/>
      <c r="L153" s="230"/>
      <c r="M153" s="230"/>
      <c r="N153" s="230"/>
    </row>
    <row r="155" spans="3:56" ht="25.5" customHeight="1" x14ac:dyDescent="0.2">
      <c r="C155" s="226"/>
      <c r="D155" s="226"/>
      <c r="E155" s="226"/>
      <c r="F155" s="226"/>
      <c r="G155" s="226"/>
      <c r="H155" s="226"/>
      <c r="I155" s="226"/>
      <c r="J155" s="226"/>
      <c r="K155" s="226"/>
    </row>
    <row r="156" spans="3:56" x14ac:dyDescent="0.2">
      <c r="C156" s="231"/>
      <c r="D156" s="231"/>
      <c r="E156" s="231"/>
      <c r="F156" s="231"/>
      <c r="G156" s="231"/>
      <c r="H156" s="231"/>
      <c r="I156" s="231"/>
      <c r="J156" s="231"/>
      <c r="K156" s="231"/>
    </row>
  </sheetData>
  <mergeCells count="6">
    <mergeCell ref="C2:AE6"/>
    <mergeCell ref="C153:N153"/>
    <mergeCell ref="C155:K156"/>
    <mergeCell ref="D50:Q51"/>
    <mergeCell ref="C50:C51"/>
    <mergeCell ref="C53:R53"/>
  </mergeCells>
  <pageMargins left="0.7" right="0.7" top="0.75" bottom="0.75" header="0.3" footer="0.3"/>
  <pageSetup paperSize="9" orientation="portrait" r:id="rId1"/>
  <drawing r:id="rId2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dimension ref="C2:BE150"/>
  <sheetViews>
    <sheetView topLeftCell="C43" zoomScale="86" zoomScaleNormal="86" workbookViewId="0">
      <selection activeCell="V51" sqref="V51"/>
    </sheetView>
  </sheetViews>
  <sheetFormatPr baseColWidth="10" defaultColWidth="11.42578125" defaultRowHeight="12.75" x14ac:dyDescent="0.2"/>
  <cols>
    <col min="1" max="2" width="11.42578125" style="138"/>
    <col min="3" max="3" width="22.7109375" style="138" customWidth="1"/>
    <col min="4" max="4" width="8.5703125" style="138" bestFit="1" customWidth="1"/>
    <col min="5" max="13" width="5.42578125" style="138" customWidth="1"/>
    <col min="14" max="21" width="5.42578125" style="138" bestFit="1" customWidth="1"/>
    <col min="22" max="22" width="5.7109375" style="138" customWidth="1"/>
    <col min="23" max="55" width="5.42578125" style="138" bestFit="1" customWidth="1"/>
    <col min="56" max="57" width="7.140625" style="138" customWidth="1"/>
    <col min="58" max="58" width="23.7109375" style="138" customWidth="1"/>
    <col min="59" max="16384" width="11.42578125" style="138"/>
  </cols>
  <sheetData>
    <row r="2" spans="3:57" ht="18" customHeight="1" x14ac:dyDescent="0.2">
      <c r="C2" s="228"/>
      <c r="D2" s="228"/>
      <c r="E2" s="228"/>
      <c r="F2" s="228"/>
      <c r="G2" s="228"/>
      <c r="H2" s="228"/>
      <c r="I2" s="228"/>
      <c r="J2" s="228"/>
      <c r="K2" s="228"/>
      <c r="L2" s="228"/>
      <c r="M2" s="228"/>
      <c r="N2" s="228"/>
      <c r="O2" s="228"/>
      <c r="P2" s="228"/>
      <c r="Q2" s="228"/>
      <c r="R2" s="228"/>
      <c r="S2" s="228"/>
      <c r="T2" s="228"/>
      <c r="U2" s="228"/>
      <c r="V2" s="228"/>
      <c r="W2" s="228"/>
      <c r="X2" s="228"/>
      <c r="Y2" s="228"/>
      <c r="Z2" s="228"/>
      <c r="AA2" s="228"/>
      <c r="AB2" s="228"/>
      <c r="AC2" s="228"/>
      <c r="AD2" s="228"/>
      <c r="AE2" s="228"/>
    </row>
    <row r="3" spans="3:57" ht="21" customHeight="1" x14ac:dyDescent="0.2">
      <c r="C3" s="228"/>
      <c r="D3" s="228"/>
      <c r="E3" s="228"/>
      <c r="F3" s="228"/>
      <c r="G3" s="228"/>
      <c r="H3" s="228"/>
      <c r="I3" s="228"/>
      <c r="J3" s="228"/>
      <c r="K3" s="228"/>
      <c r="L3" s="228"/>
      <c r="M3" s="228"/>
      <c r="N3" s="228"/>
      <c r="O3" s="228"/>
      <c r="P3" s="228"/>
      <c r="Q3" s="228"/>
      <c r="R3" s="228"/>
      <c r="S3" s="228"/>
      <c r="T3" s="228"/>
      <c r="U3" s="228"/>
      <c r="V3" s="228"/>
      <c r="W3" s="228"/>
      <c r="X3" s="228"/>
      <c r="Y3" s="228"/>
      <c r="Z3" s="228"/>
      <c r="AA3" s="228"/>
      <c r="AB3" s="228"/>
      <c r="AC3" s="228"/>
      <c r="AD3" s="228"/>
      <c r="AE3" s="228"/>
    </row>
    <row r="4" spans="3:57" ht="32.25" customHeight="1" x14ac:dyDescent="0.2">
      <c r="C4" s="228"/>
      <c r="D4" s="228"/>
      <c r="E4" s="228"/>
      <c r="F4" s="228"/>
      <c r="G4" s="228"/>
      <c r="H4" s="228"/>
      <c r="I4" s="228"/>
      <c r="J4" s="228"/>
      <c r="K4" s="228"/>
      <c r="L4" s="228"/>
      <c r="M4" s="228"/>
      <c r="N4" s="228"/>
      <c r="O4" s="228"/>
      <c r="P4" s="228"/>
      <c r="Q4" s="228"/>
      <c r="R4" s="228"/>
      <c r="S4" s="228"/>
      <c r="T4" s="228"/>
      <c r="U4" s="228"/>
      <c r="V4" s="228"/>
      <c r="W4" s="228"/>
      <c r="X4" s="228"/>
      <c r="Y4" s="228"/>
      <c r="Z4" s="228"/>
      <c r="AA4" s="228"/>
      <c r="AB4" s="228"/>
      <c r="AC4" s="228"/>
      <c r="AD4" s="228"/>
      <c r="AE4" s="228"/>
    </row>
    <row r="5" spans="3:57" x14ac:dyDescent="0.2">
      <c r="C5" s="228"/>
      <c r="D5" s="228"/>
      <c r="E5" s="228"/>
      <c r="F5" s="228"/>
      <c r="G5" s="228"/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28"/>
      <c r="U5" s="228"/>
      <c r="V5" s="228"/>
      <c r="W5" s="228"/>
      <c r="X5" s="228"/>
      <c r="Y5" s="228"/>
      <c r="Z5" s="228"/>
      <c r="AA5" s="228"/>
      <c r="AB5" s="228"/>
      <c r="AC5" s="228"/>
      <c r="AD5" s="228"/>
      <c r="AE5" s="228"/>
    </row>
    <row r="6" spans="3:57" ht="24.95" customHeight="1" x14ac:dyDescent="0.2">
      <c r="C6" s="228"/>
      <c r="D6" s="228"/>
      <c r="E6" s="228"/>
      <c r="F6" s="228"/>
      <c r="G6" s="228"/>
      <c r="H6" s="228"/>
      <c r="I6" s="228"/>
      <c r="J6" s="228"/>
      <c r="K6" s="228"/>
      <c r="L6" s="228"/>
      <c r="M6" s="228"/>
      <c r="N6" s="228"/>
      <c r="O6" s="228"/>
      <c r="P6" s="228"/>
      <c r="Q6" s="228"/>
      <c r="R6" s="228"/>
      <c r="S6" s="228"/>
      <c r="T6" s="228"/>
      <c r="U6" s="228"/>
      <c r="V6" s="228"/>
      <c r="W6" s="228"/>
      <c r="X6" s="228"/>
      <c r="Y6" s="228"/>
      <c r="Z6" s="228"/>
      <c r="AA6" s="228"/>
      <c r="AB6" s="228"/>
      <c r="AC6" s="228"/>
      <c r="AD6" s="228"/>
      <c r="AE6" s="228"/>
    </row>
    <row r="7" spans="3:57" ht="24.95" customHeight="1" x14ac:dyDescent="0.2">
      <c r="C7" s="154" t="s">
        <v>167</v>
      </c>
    </row>
    <row r="8" spans="3:57" x14ac:dyDescent="0.2">
      <c r="C8" s="154" t="s">
        <v>99</v>
      </c>
    </row>
    <row r="10" spans="3:57" x14ac:dyDescent="0.2">
      <c r="M10" s="155"/>
    </row>
    <row r="12" spans="3:57" ht="15" customHeight="1" x14ac:dyDescent="0.2">
      <c r="C12" s="139" t="s">
        <v>171</v>
      </c>
      <c r="E12" s="2">
        <v>2021</v>
      </c>
      <c r="F12" s="2"/>
      <c r="G12" s="2"/>
      <c r="H12" s="2"/>
      <c r="I12" s="2"/>
      <c r="J12" s="2"/>
      <c r="K12" s="2"/>
      <c r="L12" s="2"/>
      <c r="M12" s="2"/>
    </row>
    <row r="13" spans="3:57" x14ac:dyDescent="0.2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x14ac:dyDescent="0.2">
      <c r="C14" s="157" t="s">
        <v>57</v>
      </c>
      <c r="D14" s="158" t="s">
        <v>58</v>
      </c>
      <c r="E14" s="146">
        <v>3.5186999999999999</v>
      </c>
      <c r="F14" s="111">
        <v>3.5324</v>
      </c>
      <c r="G14" s="111">
        <v>3.5262000000000002</v>
      </c>
      <c r="H14" s="111">
        <v>3.5754000000000001</v>
      </c>
      <c r="I14" s="111">
        <v>3.5602</v>
      </c>
      <c r="J14" s="140">
        <v>3.5647000000000002</v>
      </c>
      <c r="K14" s="140">
        <v>3.5811999999999999</v>
      </c>
      <c r="L14" s="140">
        <v>3.5996000000000001</v>
      </c>
      <c r="M14" s="140">
        <v>3.5616000000000003</v>
      </c>
      <c r="N14" s="140">
        <v>3.6666000000000003</v>
      </c>
      <c r="O14" s="140">
        <v>3.6276999999999999</v>
      </c>
      <c r="P14" s="140">
        <v>3.6206999999999998</v>
      </c>
      <c r="Q14" s="140">
        <v>3.6704000000000003</v>
      </c>
      <c r="R14" s="140">
        <v>3.5977999999999999</v>
      </c>
      <c r="S14" s="140">
        <v>3.6055999999999999</v>
      </c>
      <c r="T14" s="140">
        <v>3.7119</v>
      </c>
      <c r="U14" s="150">
        <v>3.7845999999999997</v>
      </c>
      <c r="V14" s="150">
        <v>3.7742</v>
      </c>
      <c r="W14" s="140">
        <v>3.7635000000000001</v>
      </c>
      <c r="X14" s="140">
        <v>3.7210000000000001</v>
      </c>
      <c r="Y14" s="140">
        <v>3.7151000000000001</v>
      </c>
      <c r="Z14" s="150">
        <v>3.7263000000000002</v>
      </c>
      <c r="AA14" s="140">
        <v>3.6948000000000003</v>
      </c>
      <c r="AB14" s="140">
        <v>3.7223999999999999</v>
      </c>
      <c r="AC14" s="140">
        <v>3.7291000000000003</v>
      </c>
      <c r="AD14" s="140">
        <v>3.7360000000000002</v>
      </c>
      <c r="AE14" s="140">
        <v>3.6786000000000003</v>
      </c>
      <c r="AF14" s="140">
        <v>3.7397000000000005</v>
      </c>
      <c r="AG14" s="140">
        <v>3.7397000000000005</v>
      </c>
      <c r="AH14" s="140">
        <v>3.6649000000000003</v>
      </c>
      <c r="AI14" s="140">
        <v>3.6869999999999998</v>
      </c>
      <c r="AJ14" s="140">
        <v>3.6869999999999998</v>
      </c>
      <c r="AK14" s="140">
        <v>3.6792000000000002</v>
      </c>
      <c r="AL14" s="140">
        <v>3.6880999999999999</v>
      </c>
      <c r="AM14" s="140">
        <v>3.7092000000000001</v>
      </c>
      <c r="AN14" s="140">
        <v>3.7831000000000001</v>
      </c>
      <c r="AO14" s="140">
        <v>3.7922000000000002</v>
      </c>
      <c r="AP14" s="140">
        <v>3.8099000000000003</v>
      </c>
      <c r="AQ14" s="140">
        <v>3.8316000000000003</v>
      </c>
      <c r="AR14" s="140">
        <v>3.8923000000000001</v>
      </c>
      <c r="AS14" s="140">
        <v>3.8783999999999996</v>
      </c>
      <c r="AT14" s="140">
        <v>3.9849000000000001</v>
      </c>
      <c r="AU14" s="140">
        <v>4.0270999999999999</v>
      </c>
      <c r="AV14" s="140">
        <v>4.0834000000000001</v>
      </c>
      <c r="AW14" s="140">
        <v>4.1538000000000004</v>
      </c>
      <c r="AX14" s="146">
        <v>4.2099000000000002</v>
      </c>
      <c r="AY14" s="144">
        <v>4.1491000000000007</v>
      </c>
      <c r="AZ14" s="150">
        <v>4.3377999999999997</v>
      </c>
      <c r="BA14" s="144">
        <v>4.3998999999999997</v>
      </c>
      <c r="BB14" s="150">
        <v>4.3273999999999999</v>
      </c>
      <c r="BC14" s="150">
        <v>4.3983999999999996</v>
      </c>
      <c r="BD14" s="150">
        <v>4.3875000000000002</v>
      </c>
      <c r="BE14" s="111"/>
    </row>
    <row r="15" spans="3:57" x14ac:dyDescent="0.2">
      <c r="C15" s="157" t="s">
        <v>59</v>
      </c>
      <c r="D15" s="158" t="s">
        <v>58</v>
      </c>
      <c r="E15" s="146">
        <v>6.5186000000000002</v>
      </c>
      <c r="F15" s="111">
        <v>6.5154999999999994</v>
      </c>
      <c r="G15" s="111">
        <v>6.4988000000000001</v>
      </c>
      <c r="H15" s="111">
        <v>6.3513000000000002</v>
      </c>
      <c r="I15" s="111">
        <v>6.1558999999999999</v>
      </c>
      <c r="J15" s="140">
        <v>6.1532000000000009</v>
      </c>
      <c r="K15" s="140">
        <v>6.1476999999999995</v>
      </c>
      <c r="L15" s="146">
        <v>6.1496000000000004</v>
      </c>
      <c r="M15" s="146">
        <v>6.1798999999999999</v>
      </c>
      <c r="N15" s="140">
        <v>6.3602999999999996</v>
      </c>
      <c r="O15" s="140">
        <v>6.4991999999999992</v>
      </c>
      <c r="P15" s="140">
        <v>6.6189</v>
      </c>
      <c r="Q15" s="146">
        <v>6.6613999999999995</v>
      </c>
      <c r="R15" s="146">
        <v>6.6879999999999997</v>
      </c>
      <c r="S15" s="140">
        <v>6.7054</v>
      </c>
      <c r="T15" s="140">
        <v>6.6989999999999998</v>
      </c>
      <c r="U15" s="150">
        <v>6.6346000000000007</v>
      </c>
      <c r="V15" s="150">
        <v>6.5582000000000003</v>
      </c>
      <c r="W15" s="140">
        <v>6.5303999999999993</v>
      </c>
      <c r="X15" s="140">
        <v>6.5272000000000006</v>
      </c>
      <c r="Y15" s="140">
        <v>6.5842999999999998</v>
      </c>
      <c r="Z15" s="150">
        <v>6.5610999999999997</v>
      </c>
      <c r="AA15" s="140">
        <v>6.657</v>
      </c>
      <c r="AB15" s="140">
        <v>6.7211999999999996</v>
      </c>
      <c r="AC15" s="140">
        <v>6.7237</v>
      </c>
      <c r="AD15" s="140">
        <v>6.7259000000000002</v>
      </c>
      <c r="AE15" s="140">
        <v>6.7251000000000003</v>
      </c>
      <c r="AF15" s="140">
        <v>6.6848000000000001</v>
      </c>
      <c r="AG15" s="140">
        <v>6.6848000000000001</v>
      </c>
      <c r="AH15" s="140">
        <v>6.6726999999999999</v>
      </c>
      <c r="AI15" s="140">
        <v>6.6857000000000006</v>
      </c>
      <c r="AJ15" s="140">
        <v>6.6857000000000006</v>
      </c>
      <c r="AK15" s="140">
        <v>6.7357000000000005</v>
      </c>
      <c r="AL15" s="140">
        <v>6.7365999999999993</v>
      </c>
      <c r="AM15" s="140">
        <v>6.7707000000000006</v>
      </c>
      <c r="AN15" s="140">
        <v>6.8597999999999999</v>
      </c>
      <c r="AO15" s="140">
        <v>6.8964999999999996</v>
      </c>
      <c r="AP15" s="140">
        <v>6.9001000000000001</v>
      </c>
      <c r="AQ15" s="140">
        <v>6.9817</v>
      </c>
      <c r="AR15" s="140">
        <v>7.1244000000000005</v>
      </c>
      <c r="AS15" s="140">
        <v>7.3574000000000002</v>
      </c>
      <c r="AT15" s="140">
        <v>7.5</v>
      </c>
      <c r="AU15" s="140">
        <v>7.6688000000000001</v>
      </c>
      <c r="AV15" s="140">
        <v>7.9822000000000006</v>
      </c>
      <c r="AW15" s="151">
        <v>8.1774000000000004</v>
      </c>
      <c r="AX15" s="146">
        <v>8.3236000000000008</v>
      </c>
      <c r="AY15" s="111">
        <v>8.3740000000000006</v>
      </c>
      <c r="AZ15" s="150">
        <v>8.3719999999999999</v>
      </c>
      <c r="BA15" s="111">
        <v>8.3742999999999999</v>
      </c>
      <c r="BB15" s="150">
        <v>8.3834</v>
      </c>
      <c r="BC15" s="150">
        <v>8.1588999999999992</v>
      </c>
      <c r="BD15" s="150">
        <v>8.0912000000000006</v>
      </c>
      <c r="BE15" s="111"/>
    </row>
    <row r="16" spans="3:57" x14ac:dyDescent="0.2">
      <c r="C16" s="157" t="s">
        <v>60</v>
      </c>
      <c r="D16" s="158" t="s">
        <v>58</v>
      </c>
      <c r="E16" s="146">
        <v>1.359</v>
      </c>
      <c r="F16" s="111">
        <v>1.3531</v>
      </c>
      <c r="G16" s="111">
        <v>1.3502000000000001</v>
      </c>
      <c r="H16" s="111">
        <v>1.3448</v>
      </c>
      <c r="I16" s="111">
        <v>1.3488999999999998</v>
      </c>
      <c r="J16" s="140">
        <v>1.3736000000000002</v>
      </c>
      <c r="K16" s="140">
        <v>1.4006999999999998</v>
      </c>
      <c r="L16" s="146">
        <v>1.4409999999999998</v>
      </c>
      <c r="M16" s="146">
        <v>1.5085</v>
      </c>
      <c r="N16" s="140">
        <v>1.5809</v>
      </c>
      <c r="O16" s="140">
        <v>1.6496999999999999</v>
      </c>
      <c r="P16" s="140">
        <v>1.7131000000000001</v>
      </c>
      <c r="Q16" s="146">
        <v>1.7796000000000001</v>
      </c>
      <c r="R16" s="146">
        <v>1.7747999999999999</v>
      </c>
      <c r="S16" s="140">
        <v>1.7831999999999999</v>
      </c>
      <c r="T16" s="140">
        <v>1.7974000000000001</v>
      </c>
      <c r="U16" s="150">
        <v>1.778</v>
      </c>
      <c r="V16" s="150">
        <v>1.7790999999999999</v>
      </c>
      <c r="W16" s="140">
        <v>1.7927000000000002</v>
      </c>
      <c r="X16" s="140">
        <v>1.8131999999999999</v>
      </c>
      <c r="Y16" s="140">
        <v>1.8681999999999999</v>
      </c>
      <c r="Z16" s="150">
        <v>1.8622999999999998</v>
      </c>
      <c r="AA16" s="140">
        <v>1.8884999999999998</v>
      </c>
      <c r="AB16" s="140">
        <v>1.9016</v>
      </c>
      <c r="AC16" s="140">
        <v>1.9025999999999998</v>
      </c>
      <c r="AD16" s="140">
        <v>1.8481000000000001</v>
      </c>
      <c r="AE16" s="140">
        <v>1.7909999999999999</v>
      </c>
      <c r="AF16" s="140">
        <v>1.6780000000000002</v>
      </c>
      <c r="AG16" s="140">
        <v>1.6780000000000002</v>
      </c>
      <c r="AH16" s="140">
        <v>1.6319999999999999</v>
      </c>
      <c r="AI16" s="140">
        <v>1.5806</v>
      </c>
      <c r="AJ16" s="140">
        <v>1.5806</v>
      </c>
      <c r="AK16" s="140">
        <v>1.5507</v>
      </c>
      <c r="AL16" s="140">
        <v>1.5326</v>
      </c>
      <c r="AM16" s="140">
        <v>1.5206999999999999</v>
      </c>
      <c r="AN16" s="140">
        <v>1.5016</v>
      </c>
      <c r="AO16" s="140">
        <v>1.4743999999999999</v>
      </c>
      <c r="AP16" s="140">
        <v>1.4496</v>
      </c>
      <c r="AQ16" s="140">
        <v>1.4196</v>
      </c>
      <c r="AR16" s="140">
        <v>1.3884000000000001</v>
      </c>
      <c r="AS16" s="140">
        <v>1.3485</v>
      </c>
      <c r="AT16" s="140">
        <v>1.3049999999999999</v>
      </c>
      <c r="AU16" s="140">
        <v>1.2852000000000001</v>
      </c>
      <c r="AV16" s="140">
        <v>1.2648999999999999</v>
      </c>
      <c r="AW16" s="151">
        <v>1.2629999999999999</v>
      </c>
      <c r="AX16" s="146">
        <v>1.2601</v>
      </c>
      <c r="AY16" s="111">
        <v>1.2556</v>
      </c>
      <c r="AZ16" s="150">
        <v>1.2484999999999999</v>
      </c>
      <c r="BA16" s="111">
        <v>1.2387999999999999</v>
      </c>
      <c r="BB16" s="150">
        <v>1.2606999999999999</v>
      </c>
      <c r="BC16" s="150">
        <v>1.2727999999999999</v>
      </c>
      <c r="BD16" s="150">
        <v>1.2629000000000001</v>
      </c>
      <c r="BE16" s="111"/>
    </row>
    <row r="17" spans="3:57" x14ac:dyDescent="0.2">
      <c r="C17" s="157" t="s">
        <v>61</v>
      </c>
      <c r="D17" s="158" t="s">
        <v>58</v>
      </c>
      <c r="E17" s="146">
        <v>1.2931999999999999</v>
      </c>
      <c r="F17" s="111">
        <v>1.3396000000000001</v>
      </c>
      <c r="G17" s="111">
        <v>1.4357</v>
      </c>
      <c r="H17" s="111">
        <v>1.534</v>
      </c>
      <c r="I17" s="111">
        <v>1.534</v>
      </c>
      <c r="J17" s="140">
        <v>1.6336000000000002</v>
      </c>
      <c r="K17" s="140">
        <v>1.6336000000000002</v>
      </c>
      <c r="L17" s="146">
        <v>1.6828000000000001</v>
      </c>
      <c r="M17" s="146">
        <v>1.6828000000000001</v>
      </c>
      <c r="N17" s="140">
        <v>1.7325999999999999</v>
      </c>
      <c r="O17" s="140">
        <v>1.7325999999999999</v>
      </c>
      <c r="P17" s="140">
        <v>1.7325999999999999</v>
      </c>
      <c r="Q17" s="146">
        <v>1.7826</v>
      </c>
      <c r="R17" s="146">
        <v>1.7826</v>
      </c>
      <c r="S17" s="140">
        <v>1.7826</v>
      </c>
      <c r="T17" s="140">
        <v>1.7826</v>
      </c>
      <c r="U17" s="150">
        <v>1.7826</v>
      </c>
      <c r="V17" s="150">
        <v>1.7826</v>
      </c>
      <c r="W17" s="140">
        <v>1.7287000000000001</v>
      </c>
      <c r="X17" s="140">
        <v>1.7287000000000001</v>
      </c>
      <c r="Y17" s="140">
        <v>1.7287000000000001</v>
      </c>
      <c r="Z17" s="150">
        <v>1.6980000000000002</v>
      </c>
      <c r="AA17" s="140">
        <v>1.6980000000000002</v>
      </c>
      <c r="AB17" s="140">
        <v>1.6980000000000002</v>
      </c>
      <c r="AC17" s="140">
        <v>1.7287000000000001</v>
      </c>
      <c r="AD17" s="140">
        <v>1.6847000000000001</v>
      </c>
      <c r="AE17" s="140">
        <v>1.6847000000000001</v>
      </c>
      <c r="AF17" s="140">
        <v>1.5716999999999999</v>
      </c>
      <c r="AG17" s="140">
        <v>1.5716999999999999</v>
      </c>
      <c r="AH17" s="140">
        <v>1.4716999999999998</v>
      </c>
      <c r="AI17" s="140">
        <v>1.4252</v>
      </c>
      <c r="AJ17" s="140">
        <v>1.4252</v>
      </c>
      <c r="AK17" s="140">
        <v>1.4252</v>
      </c>
      <c r="AL17" s="140">
        <v>1.4252</v>
      </c>
      <c r="AM17" s="140">
        <v>1.4252</v>
      </c>
      <c r="AN17" s="140">
        <v>1.4252</v>
      </c>
      <c r="AO17" s="140">
        <v>1.4744999999999999</v>
      </c>
      <c r="AP17" s="140">
        <v>1.5241999999999998</v>
      </c>
      <c r="AQ17" s="140">
        <v>1.4746000000000001</v>
      </c>
      <c r="AR17" s="140">
        <v>1.4746000000000001</v>
      </c>
      <c r="AS17" s="140">
        <v>1.5684</v>
      </c>
      <c r="AT17" s="140">
        <v>1.5684</v>
      </c>
      <c r="AU17" s="140">
        <v>1.6684000000000001</v>
      </c>
      <c r="AV17" s="140">
        <v>1.6616</v>
      </c>
      <c r="AW17" s="151">
        <v>1.7172000000000001</v>
      </c>
      <c r="AX17" s="146">
        <v>1.7172000000000001</v>
      </c>
      <c r="AY17" s="111">
        <v>1.7172000000000001</v>
      </c>
      <c r="AZ17" s="150">
        <v>1.7638</v>
      </c>
      <c r="BA17" s="111">
        <v>1.7683000000000002</v>
      </c>
      <c r="BB17" s="111">
        <v>1.7172000000000001</v>
      </c>
      <c r="BC17" s="150">
        <v>1.7172000000000001</v>
      </c>
      <c r="BD17" s="150">
        <v>1.7172000000000001</v>
      </c>
      <c r="BE17" s="111"/>
    </row>
    <row r="18" spans="3:57" x14ac:dyDescent="0.2">
      <c r="C18" s="157" t="s">
        <v>62</v>
      </c>
      <c r="D18" s="158" t="s">
        <v>58</v>
      </c>
      <c r="E18" s="146">
        <v>3.4242592592592591</v>
      </c>
      <c r="F18" s="111">
        <v>3.5166666666666666</v>
      </c>
      <c r="G18" s="111">
        <v>3.5116666666666667</v>
      </c>
      <c r="H18" s="111">
        <v>3.517962962962963</v>
      </c>
      <c r="I18" s="111">
        <v>3.52</v>
      </c>
      <c r="J18" s="140">
        <v>3.5</v>
      </c>
      <c r="K18" s="140">
        <v>3.47</v>
      </c>
      <c r="L18" s="146">
        <v>3.46</v>
      </c>
      <c r="M18" s="146">
        <v>3.45</v>
      </c>
      <c r="N18" s="140">
        <v>3.46</v>
      </c>
      <c r="O18" s="140">
        <v>3.45</v>
      </c>
      <c r="P18" s="140">
        <v>3.46</v>
      </c>
      <c r="Q18" s="146">
        <v>3.46</v>
      </c>
      <c r="R18" s="146">
        <v>3.46</v>
      </c>
      <c r="S18" s="140">
        <v>3.47</v>
      </c>
      <c r="T18" s="140">
        <v>3.48</v>
      </c>
      <c r="U18" s="150">
        <v>3.47</v>
      </c>
      <c r="V18" s="150">
        <v>3.48</v>
      </c>
      <c r="W18" s="140">
        <v>3.47</v>
      </c>
      <c r="X18" s="140">
        <v>3.46</v>
      </c>
      <c r="Y18" s="140">
        <v>3.45</v>
      </c>
      <c r="Z18" s="150">
        <v>3.45</v>
      </c>
      <c r="AA18" s="140">
        <v>3.45</v>
      </c>
      <c r="AB18" s="140">
        <v>3.43</v>
      </c>
      <c r="AC18" s="140">
        <v>3.44</v>
      </c>
      <c r="AD18" s="140">
        <v>3.43</v>
      </c>
      <c r="AE18" s="140">
        <v>3.42</v>
      </c>
      <c r="AF18" s="140">
        <v>3.39</v>
      </c>
      <c r="AG18" s="140">
        <v>3.39</v>
      </c>
      <c r="AH18" s="140">
        <v>3.39</v>
      </c>
      <c r="AI18" s="140">
        <v>3.38</v>
      </c>
      <c r="AJ18" s="140">
        <v>3.38</v>
      </c>
      <c r="AK18" s="140">
        <v>3.39</v>
      </c>
      <c r="AL18" s="140">
        <v>3.39</v>
      </c>
      <c r="AM18" s="140">
        <v>3.41</v>
      </c>
      <c r="AN18" s="140">
        <v>3.45</v>
      </c>
      <c r="AO18" s="140">
        <v>3.49</v>
      </c>
      <c r="AP18" s="140">
        <v>3.52</v>
      </c>
      <c r="AQ18" s="140">
        <v>3.57</v>
      </c>
      <c r="AR18" s="140">
        <v>3.63</v>
      </c>
      <c r="AS18" s="140">
        <v>3.7</v>
      </c>
      <c r="AT18" s="140">
        <v>3.83</v>
      </c>
      <c r="AU18" s="140">
        <v>3.91</v>
      </c>
      <c r="AV18" s="140">
        <v>3.98</v>
      </c>
      <c r="AW18" s="152">
        <v>4.12</v>
      </c>
      <c r="AX18" s="146">
        <v>4.1500000000000004</v>
      </c>
      <c r="AY18" s="144">
        <v>4.1900000000000004</v>
      </c>
      <c r="AZ18" s="150">
        <v>4.18</v>
      </c>
      <c r="BA18" s="144">
        <v>3.96</v>
      </c>
      <c r="BB18" s="111">
        <v>3.8</v>
      </c>
      <c r="BC18" s="150">
        <v>3.76</v>
      </c>
      <c r="BD18" s="150">
        <v>3.64</v>
      </c>
      <c r="BE18" s="111"/>
    </row>
    <row r="19" spans="3:57" x14ac:dyDescent="0.2">
      <c r="C19" s="157" t="s">
        <v>75</v>
      </c>
      <c r="D19" s="158" t="s">
        <v>76</v>
      </c>
      <c r="E19" s="146">
        <v>0.63</v>
      </c>
      <c r="F19" s="111">
        <v>0.61</v>
      </c>
      <c r="G19" s="111">
        <v>0.61</v>
      </c>
      <c r="H19" s="111">
        <v>0.62</v>
      </c>
      <c r="I19" s="111">
        <v>0.62</v>
      </c>
      <c r="J19" s="140">
        <v>0.62</v>
      </c>
      <c r="K19" s="140">
        <v>0.62</v>
      </c>
      <c r="L19" s="146">
        <v>0.67</v>
      </c>
      <c r="M19" s="146">
        <v>0.69</v>
      </c>
      <c r="N19" s="140">
        <v>0.72</v>
      </c>
      <c r="O19" s="140">
        <v>0.73</v>
      </c>
      <c r="P19" s="140">
        <v>0.75</v>
      </c>
      <c r="Q19" s="146">
        <v>0.73</v>
      </c>
      <c r="R19" s="146">
        <v>0.7</v>
      </c>
      <c r="S19" s="140">
        <v>0.67</v>
      </c>
      <c r="T19" s="140">
        <v>0.65</v>
      </c>
      <c r="U19" s="150">
        <v>0.62</v>
      </c>
      <c r="V19" s="150">
        <v>0.62</v>
      </c>
      <c r="W19" s="140">
        <v>0.6</v>
      </c>
      <c r="X19" s="140">
        <v>0.6</v>
      </c>
      <c r="Y19" s="140">
        <v>0.59</v>
      </c>
      <c r="Z19" s="150">
        <v>0.59</v>
      </c>
      <c r="AA19" s="140">
        <v>0.61</v>
      </c>
      <c r="AB19" s="140">
        <v>0.59</v>
      </c>
      <c r="AC19" s="140">
        <v>0.6</v>
      </c>
      <c r="AD19" s="140">
        <v>0.57999999999999996</v>
      </c>
      <c r="AE19" s="140">
        <v>0.57999999999999996</v>
      </c>
      <c r="AF19" s="140">
        <v>0.56999999999999995</v>
      </c>
      <c r="AG19" s="140">
        <v>0.56999999999999995</v>
      </c>
      <c r="AH19" s="140">
        <v>0.61</v>
      </c>
      <c r="AI19" s="140">
        <v>0.6</v>
      </c>
      <c r="AJ19" s="140">
        <v>0.6</v>
      </c>
      <c r="AK19" s="140">
        <v>0.62</v>
      </c>
      <c r="AL19" s="140">
        <v>0.63</v>
      </c>
      <c r="AM19" s="140">
        <v>0.63</v>
      </c>
      <c r="AN19" s="140">
        <v>0.69</v>
      </c>
      <c r="AO19" s="140">
        <v>0.7</v>
      </c>
      <c r="AP19" s="140">
        <v>0.7</v>
      </c>
      <c r="AQ19" s="140">
        <v>0.73</v>
      </c>
      <c r="AR19" s="140">
        <v>0.73</v>
      </c>
      <c r="AS19" s="140">
        <v>0.74</v>
      </c>
      <c r="AT19" s="140">
        <v>0.74</v>
      </c>
      <c r="AU19" s="140">
        <v>0.76</v>
      </c>
      <c r="AV19" s="140">
        <v>0.76</v>
      </c>
      <c r="AW19" s="152">
        <v>0.8</v>
      </c>
      <c r="AX19" s="146">
        <v>0.8</v>
      </c>
      <c r="AY19" s="144">
        <v>0.8</v>
      </c>
      <c r="AZ19" s="150">
        <v>0.8</v>
      </c>
      <c r="BA19" s="144">
        <v>0.79</v>
      </c>
      <c r="BB19" s="111">
        <v>0.79</v>
      </c>
      <c r="BC19" s="150">
        <v>0.8</v>
      </c>
      <c r="BD19" s="150">
        <v>0.8</v>
      </c>
      <c r="BE19" s="111"/>
    </row>
    <row r="20" spans="3:57" x14ac:dyDescent="0.2">
      <c r="C20" s="157" t="s">
        <v>63</v>
      </c>
      <c r="D20" s="158" t="s">
        <v>58</v>
      </c>
      <c r="E20" s="146">
        <v>7.59</v>
      </c>
      <c r="F20" s="111">
        <v>4.8899999999999997</v>
      </c>
      <c r="G20" s="111">
        <v>4.53</v>
      </c>
      <c r="H20" s="111">
        <v>4.1399999999999997</v>
      </c>
      <c r="I20" s="111">
        <v>3.88</v>
      </c>
      <c r="J20" s="140">
        <v>3.43</v>
      </c>
      <c r="K20" s="140">
        <v>3.01</v>
      </c>
      <c r="L20" s="146">
        <v>3.31</v>
      </c>
      <c r="M20" s="146">
        <v>2.41</v>
      </c>
      <c r="N20" s="140">
        <v>3.05</v>
      </c>
      <c r="O20" s="140">
        <v>3.45</v>
      </c>
      <c r="P20" s="140">
        <v>3.44</v>
      </c>
      <c r="Q20" s="146">
        <v>4.8099999999999996</v>
      </c>
      <c r="R20" s="146">
        <v>4.25</v>
      </c>
      <c r="S20" s="140">
        <v>6.01</v>
      </c>
      <c r="T20" s="140">
        <v>6.01</v>
      </c>
      <c r="U20" s="111">
        <v>3.03</v>
      </c>
      <c r="V20" s="111">
        <v>4</v>
      </c>
      <c r="W20" s="140">
        <v>4.88</v>
      </c>
      <c r="X20" s="140">
        <v>4.0999999999999996</v>
      </c>
      <c r="Y20" s="140">
        <v>5.29</v>
      </c>
      <c r="Z20" s="111">
        <v>5.7</v>
      </c>
      <c r="AA20" s="140">
        <v>5.09</v>
      </c>
      <c r="AB20" s="140">
        <v>5.07</v>
      </c>
      <c r="AC20" s="140">
        <v>5.01</v>
      </c>
      <c r="AD20" s="140">
        <v>5.48</v>
      </c>
      <c r="AE20" s="140">
        <v>6.14</v>
      </c>
      <c r="AF20" s="140">
        <v>7.71</v>
      </c>
      <c r="AG20" s="140">
        <v>5.87</v>
      </c>
      <c r="AH20" s="140">
        <v>6.26</v>
      </c>
      <c r="AI20" s="140">
        <v>6.74</v>
      </c>
      <c r="AJ20" s="140">
        <v>6.35</v>
      </c>
      <c r="AK20" s="140">
        <v>5.36</v>
      </c>
      <c r="AL20" s="140">
        <v>5.33</v>
      </c>
      <c r="AM20" s="140">
        <v>4.7</v>
      </c>
      <c r="AN20" s="140">
        <v>5.56</v>
      </c>
      <c r="AO20" s="140">
        <v>5.59</v>
      </c>
      <c r="AP20" s="140">
        <v>5.21</v>
      </c>
      <c r="AQ20" s="140">
        <v>5.3</v>
      </c>
      <c r="AR20" s="140">
        <v>5.27</v>
      </c>
      <c r="AS20" s="140">
        <v>4.43</v>
      </c>
      <c r="AT20" s="140">
        <v>4.93</v>
      </c>
      <c r="AU20" s="140">
        <v>5.28</v>
      </c>
      <c r="AV20" s="140">
        <v>5.86</v>
      </c>
      <c r="AW20" s="151">
        <v>5.87</v>
      </c>
      <c r="AX20" s="146">
        <v>5.72</v>
      </c>
      <c r="AY20" s="111">
        <v>4.83</v>
      </c>
      <c r="AZ20" s="111">
        <v>7.41</v>
      </c>
      <c r="BA20" s="111">
        <v>7.15</v>
      </c>
      <c r="BB20" s="111">
        <v>9.23</v>
      </c>
      <c r="BC20" s="111">
        <v>7.1</v>
      </c>
      <c r="BD20" s="111">
        <v>6.37</v>
      </c>
      <c r="BE20" s="111"/>
    </row>
    <row r="21" spans="3:57" x14ac:dyDescent="0.2">
      <c r="C21" s="157" t="s">
        <v>64</v>
      </c>
      <c r="D21" s="158" t="s">
        <v>58</v>
      </c>
      <c r="E21" s="146">
        <v>6.44</v>
      </c>
      <c r="F21" s="111">
        <v>4.88</v>
      </c>
      <c r="G21" s="111">
        <v>3.96</v>
      </c>
      <c r="H21" s="111">
        <v>3.92</v>
      </c>
      <c r="I21" s="111">
        <v>4.21</v>
      </c>
      <c r="J21" s="140">
        <v>3.97</v>
      </c>
      <c r="K21" s="140">
        <v>3.34</v>
      </c>
      <c r="L21" s="146">
        <v>3.58</v>
      </c>
      <c r="M21" s="146">
        <v>2.97</v>
      </c>
      <c r="N21" s="140">
        <v>2.81</v>
      </c>
      <c r="O21" s="140">
        <v>3.46</v>
      </c>
      <c r="P21" s="140">
        <v>3.53</v>
      </c>
      <c r="Q21" s="146">
        <v>3.44</v>
      </c>
      <c r="R21" s="146">
        <v>4.91</v>
      </c>
      <c r="S21" s="140">
        <v>6.31</v>
      </c>
      <c r="T21" s="140">
        <v>6.31</v>
      </c>
      <c r="U21" s="111">
        <v>3.98</v>
      </c>
      <c r="V21" s="111">
        <v>3.37</v>
      </c>
      <c r="W21" s="140">
        <v>4.08</v>
      </c>
      <c r="X21" s="140">
        <v>3.88</v>
      </c>
      <c r="Y21" s="140">
        <v>4.57</v>
      </c>
      <c r="Z21" s="111">
        <v>4.5199999999999996</v>
      </c>
      <c r="AA21" s="140">
        <v>4.7699999999999996</v>
      </c>
      <c r="AB21" s="140">
        <v>4.49</v>
      </c>
      <c r="AC21" s="140">
        <v>3.89</v>
      </c>
      <c r="AD21" s="140">
        <v>4.78</v>
      </c>
      <c r="AE21" s="140">
        <v>5.18</v>
      </c>
      <c r="AF21" s="140">
        <v>4.67</v>
      </c>
      <c r="AG21" s="140">
        <v>5.22</v>
      </c>
      <c r="AH21" s="140">
        <v>5.92</v>
      </c>
      <c r="AI21" s="140" t="s">
        <v>90</v>
      </c>
      <c r="AJ21" s="140">
        <v>5.79</v>
      </c>
      <c r="AK21" s="140">
        <v>4.47</v>
      </c>
      <c r="AL21" s="140">
        <v>4.12</v>
      </c>
      <c r="AM21" s="140">
        <v>3.55</v>
      </c>
      <c r="AN21" s="140">
        <v>4.12</v>
      </c>
      <c r="AO21" s="140">
        <v>4.32</v>
      </c>
      <c r="AP21" s="140">
        <v>4.0999999999999996</v>
      </c>
      <c r="AQ21" s="140">
        <v>3.35</v>
      </c>
      <c r="AR21" s="140">
        <v>3.84</v>
      </c>
      <c r="AS21" s="140">
        <v>3.69</v>
      </c>
      <c r="AT21" s="140">
        <v>4.32</v>
      </c>
      <c r="AU21" s="140">
        <v>4.5</v>
      </c>
      <c r="AV21" s="140">
        <v>5.36</v>
      </c>
      <c r="AW21" s="151">
        <v>4.8899999999999997</v>
      </c>
      <c r="AX21" s="146">
        <v>4.49</v>
      </c>
      <c r="AY21" s="111">
        <v>3.14</v>
      </c>
      <c r="AZ21" s="111">
        <v>5.27</v>
      </c>
      <c r="BA21" s="111">
        <v>5.56</v>
      </c>
      <c r="BB21" s="111">
        <v>7.34</v>
      </c>
      <c r="BC21" s="111">
        <v>4.55</v>
      </c>
      <c r="BD21" s="111">
        <v>4.8499999999999996</v>
      </c>
      <c r="BE21" s="111"/>
    </row>
    <row r="22" spans="3:57" x14ac:dyDescent="0.2">
      <c r="C22" s="157" t="s">
        <v>65</v>
      </c>
      <c r="D22" s="158" t="s">
        <v>58</v>
      </c>
      <c r="E22" s="146">
        <v>2.48</v>
      </c>
      <c r="F22" s="111">
        <v>1.72</v>
      </c>
      <c r="G22" s="111">
        <v>1.02</v>
      </c>
      <c r="H22" s="111">
        <v>0.71</v>
      </c>
      <c r="I22" s="111">
        <v>0.85</v>
      </c>
      <c r="J22" s="140">
        <v>1.1499999999999999</v>
      </c>
      <c r="K22" s="140">
        <v>1.07</v>
      </c>
      <c r="L22" s="146">
        <v>2.0499999999999998</v>
      </c>
      <c r="M22" s="146">
        <v>1.75</v>
      </c>
      <c r="N22" s="140">
        <v>2.1800000000000002</v>
      </c>
      <c r="O22" s="140">
        <v>1.61</v>
      </c>
      <c r="P22" s="140">
        <v>1.67</v>
      </c>
      <c r="Q22" s="146">
        <v>1.57</v>
      </c>
      <c r="R22" s="146">
        <v>2.35</v>
      </c>
      <c r="S22" s="140">
        <v>2.68</v>
      </c>
      <c r="T22" s="140">
        <v>2.68</v>
      </c>
      <c r="U22" s="111">
        <v>2.2599999999999998</v>
      </c>
      <c r="V22" s="111">
        <v>1.39</v>
      </c>
      <c r="W22" s="140">
        <v>1.56</v>
      </c>
      <c r="X22" s="140">
        <v>1.1000000000000001</v>
      </c>
      <c r="Y22" s="140">
        <v>1.23</v>
      </c>
      <c r="Z22" s="111">
        <v>1.19</v>
      </c>
      <c r="AA22" s="140">
        <v>1.35</v>
      </c>
      <c r="AB22" s="140">
        <v>1.48</v>
      </c>
      <c r="AC22" s="140">
        <v>1.67</v>
      </c>
      <c r="AD22" s="140">
        <v>1.47</v>
      </c>
      <c r="AE22" s="140">
        <v>1.26</v>
      </c>
      <c r="AF22" s="140">
        <v>2.16</v>
      </c>
      <c r="AG22" s="140">
        <v>1.24</v>
      </c>
      <c r="AH22" s="140">
        <v>1.29</v>
      </c>
      <c r="AI22" s="140">
        <v>1.56</v>
      </c>
      <c r="AJ22" s="140">
        <v>1.28</v>
      </c>
      <c r="AK22" s="140">
        <v>1.17</v>
      </c>
      <c r="AL22" s="140">
        <v>1.28</v>
      </c>
      <c r="AM22" s="140">
        <v>1.3</v>
      </c>
      <c r="AN22" s="140">
        <v>1.52</v>
      </c>
      <c r="AO22" s="140">
        <v>1.26</v>
      </c>
      <c r="AP22" s="140">
        <v>1.1499999999999999</v>
      </c>
      <c r="AQ22" s="140">
        <v>1.07</v>
      </c>
      <c r="AR22" s="140">
        <v>0.8</v>
      </c>
      <c r="AS22" s="140">
        <v>1.1100000000000001</v>
      </c>
      <c r="AT22" s="140">
        <v>1.1299999999999999</v>
      </c>
      <c r="AU22" s="140">
        <v>0.98</v>
      </c>
      <c r="AV22" s="140">
        <v>1.49</v>
      </c>
      <c r="AW22" s="151">
        <v>0.85</v>
      </c>
      <c r="AX22" s="146">
        <v>0.79</v>
      </c>
      <c r="AY22" s="111">
        <v>0.94</v>
      </c>
      <c r="AZ22" s="111">
        <v>1.24</v>
      </c>
      <c r="BA22" s="111">
        <v>2.31</v>
      </c>
      <c r="BB22" s="111">
        <v>0.7</v>
      </c>
      <c r="BC22" s="111">
        <v>0.8</v>
      </c>
      <c r="BD22" s="111">
        <v>1.68</v>
      </c>
      <c r="BE22" s="111"/>
    </row>
    <row r="23" spans="3:57" x14ac:dyDescent="0.2">
      <c r="C23" s="157" t="s">
        <v>66</v>
      </c>
      <c r="D23" s="158" t="s">
        <v>58</v>
      </c>
      <c r="E23" s="146">
        <v>4.28</v>
      </c>
      <c r="F23" s="111">
        <v>3.29</v>
      </c>
      <c r="G23" s="111">
        <v>4.04</v>
      </c>
      <c r="H23" s="144">
        <v>2.56</v>
      </c>
      <c r="I23" s="144">
        <v>3.45</v>
      </c>
      <c r="J23" s="140">
        <v>2.67</v>
      </c>
      <c r="K23" s="140">
        <v>2.38</v>
      </c>
      <c r="L23" s="146">
        <v>2.36</v>
      </c>
      <c r="M23" s="146">
        <v>1.02</v>
      </c>
      <c r="N23" s="140">
        <v>1.1100000000000001</v>
      </c>
      <c r="O23" s="140">
        <v>1.22</v>
      </c>
      <c r="P23" s="140">
        <v>0.88</v>
      </c>
      <c r="Q23" s="146">
        <v>2.0499999999999998</v>
      </c>
      <c r="R23" s="146">
        <v>1.1000000000000001</v>
      </c>
      <c r="S23" s="140">
        <v>1.21</v>
      </c>
      <c r="T23" s="140">
        <v>1.21</v>
      </c>
      <c r="U23" s="111">
        <v>1.67</v>
      </c>
      <c r="V23" s="111">
        <v>2.33</v>
      </c>
      <c r="W23" s="140">
        <v>2.0299999999999998</v>
      </c>
      <c r="X23" s="140">
        <v>2.58</v>
      </c>
      <c r="Y23" s="140">
        <v>2.1</v>
      </c>
      <c r="Z23" s="111">
        <v>1.46</v>
      </c>
      <c r="AA23" s="140">
        <v>1.46</v>
      </c>
      <c r="AB23" s="140">
        <v>1.82</v>
      </c>
      <c r="AC23" s="140">
        <v>2.17</v>
      </c>
      <c r="AD23" s="140">
        <v>1.86</v>
      </c>
      <c r="AE23" s="140">
        <v>2.06</v>
      </c>
      <c r="AF23" s="140">
        <v>1.9</v>
      </c>
      <c r="AG23" s="140">
        <v>1.41</v>
      </c>
      <c r="AH23" s="140">
        <v>1.37</v>
      </c>
      <c r="AI23" s="140">
        <v>1.32</v>
      </c>
      <c r="AJ23" s="140">
        <v>1.45</v>
      </c>
      <c r="AK23" s="140">
        <v>2.02</v>
      </c>
      <c r="AL23" s="140">
        <v>2.17</v>
      </c>
      <c r="AM23" s="140">
        <v>1.44</v>
      </c>
      <c r="AN23" s="140">
        <v>1.57</v>
      </c>
      <c r="AO23" s="140">
        <v>1.47</v>
      </c>
      <c r="AP23" s="140">
        <v>2.11</v>
      </c>
      <c r="AQ23" s="140">
        <v>1.33</v>
      </c>
      <c r="AR23" s="140">
        <v>1.74</v>
      </c>
      <c r="AS23" s="140">
        <v>1.66</v>
      </c>
      <c r="AT23" s="140">
        <v>1.22</v>
      </c>
      <c r="AU23" s="140">
        <v>1.94</v>
      </c>
      <c r="AV23" s="140">
        <v>2.79</v>
      </c>
      <c r="AW23" s="152">
        <v>2.2400000000000002</v>
      </c>
      <c r="AX23" s="146">
        <v>1.79</v>
      </c>
      <c r="AY23" s="144">
        <v>2.19</v>
      </c>
      <c r="AZ23" s="111">
        <v>2.09</v>
      </c>
      <c r="BA23" s="144">
        <v>1.05</v>
      </c>
      <c r="BB23" s="150">
        <v>2.02</v>
      </c>
      <c r="BC23" s="144">
        <v>2.21</v>
      </c>
      <c r="BD23" s="111">
        <v>3.28</v>
      </c>
      <c r="BE23" s="111"/>
    </row>
    <row r="24" spans="3:57" x14ac:dyDescent="0.2">
      <c r="C24" s="157" t="s">
        <v>116</v>
      </c>
      <c r="D24" s="158" t="s">
        <v>58</v>
      </c>
      <c r="E24" s="146">
        <v>7.16</v>
      </c>
      <c r="F24" s="111">
        <v>6.37</v>
      </c>
      <c r="G24" s="111">
        <v>4.87</v>
      </c>
      <c r="H24" s="144">
        <v>5.4</v>
      </c>
      <c r="I24" s="144">
        <v>5.28</v>
      </c>
      <c r="J24" s="140">
        <v>4.58</v>
      </c>
      <c r="K24" s="140">
        <v>4.0999999999999996</v>
      </c>
      <c r="L24" s="146">
        <v>5.35</v>
      </c>
      <c r="M24" s="146">
        <v>3.75</v>
      </c>
      <c r="N24" s="140">
        <v>3.63</v>
      </c>
      <c r="O24" s="140">
        <v>3.13</v>
      </c>
      <c r="P24" s="140">
        <v>3.79</v>
      </c>
      <c r="Q24" s="146">
        <v>2.8</v>
      </c>
      <c r="R24" s="146">
        <v>3.68</v>
      </c>
      <c r="S24" s="140">
        <v>4.67</v>
      </c>
      <c r="T24" s="140">
        <v>4.67</v>
      </c>
      <c r="U24" s="111">
        <v>3.74</v>
      </c>
      <c r="V24" s="111">
        <v>3.93</v>
      </c>
      <c r="W24" s="140">
        <v>3.41</v>
      </c>
      <c r="X24" s="140">
        <v>2.8</v>
      </c>
      <c r="Y24" s="140">
        <v>2.83</v>
      </c>
      <c r="Z24" s="111">
        <v>3.74</v>
      </c>
      <c r="AA24" s="140">
        <v>3.31</v>
      </c>
      <c r="AB24" s="140">
        <v>2.67</v>
      </c>
      <c r="AC24" s="140">
        <v>2.82</v>
      </c>
      <c r="AD24" s="140">
        <v>3.92</v>
      </c>
      <c r="AE24" s="140">
        <v>4.12</v>
      </c>
      <c r="AF24" s="140">
        <v>3.61</v>
      </c>
      <c r="AG24" s="140">
        <v>3.47</v>
      </c>
      <c r="AH24" s="140">
        <v>3.11</v>
      </c>
      <c r="AI24" s="140">
        <v>2.92</v>
      </c>
      <c r="AJ24" s="140">
        <v>3.2</v>
      </c>
      <c r="AK24" s="140">
        <v>3.31</v>
      </c>
      <c r="AL24" s="140">
        <v>2.52</v>
      </c>
      <c r="AM24" s="140">
        <v>2.2799999999999998</v>
      </c>
      <c r="AN24" s="140">
        <v>2.56</v>
      </c>
      <c r="AO24" s="140">
        <v>3.07</v>
      </c>
      <c r="AP24" s="140">
        <v>3.65</v>
      </c>
      <c r="AQ24" s="140">
        <v>3.57</v>
      </c>
      <c r="AR24" s="140">
        <v>3.23</v>
      </c>
      <c r="AS24" s="140">
        <v>3.13</v>
      </c>
      <c r="AT24" s="140">
        <v>3.35</v>
      </c>
      <c r="AU24" s="140">
        <v>3.88</v>
      </c>
      <c r="AV24" s="140">
        <v>4.0199999999999996</v>
      </c>
      <c r="AW24" s="152">
        <v>4.92</v>
      </c>
      <c r="AX24" s="146">
        <v>3.67</v>
      </c>
      <c r="AY24" s="144">
        <v>2.82</v>
      </c>
      <c r="AZ24" s="111">
        <v>3.99</v>
      </c>
      <c r="BA24" s="144">
        <v>3.54</v>
      </c>
      <c r="BB24" s="150">
        <v>4.71</v>
      </c>
      <c r="BC24" s="144">
        <v>3.8</v>
      </c>
      <c r="BD24" s="111">
        <v>4.04</v>
      </c>
      <c r="BE24" s="111"/>
    </row>
    <row r="25" spans="3:57" x14ac:dyDescent="0.2">
      <c r="C25" s="157" t="s">
        <v>68</v>
      </c>
      <c r="D25" s="158" t="s">
        <v>58</v>
      </c>
      <c r="E25" s="146">
        <v>1.59</v>
      </c>
      <c r="F25" s="111">
        <v>1.33</v>
      </c>
      <c r="G25" s="111">
        <v>1.03</v>
      </c>
      <c r="H25" s="111">
        <v>1.61</v>
      </c>
      <c r="I25" s="111">
        <v>1.1299999999999999</v>
      </c>
      <c r="J25" s="140">
        <v>1.85</v>
      </c>
      <c r="K25" s="140">
        <v>1.29</v>
      </c>
      <c r="L25" s="146">
        <v>1.35</v>
      </c>
      <c r="M25" s="146">
        <v>0.96</v>
      </c>
      <c r="N25" s="140">
        <v>1.25</v>
      </c>
      <c r="O25" s="140">
        <v>1.22</v>
      </c>
      <c r="P25" s="140">
        <v>0.92</v>
      </c>
      <c r="Q25" s="146">
        <v>1.22</v>
      </c>
      <c r="R25" s="146">
        <v>1.48</v>
      </c>
      <c r="S25" s="140">
        <v>1.4</v>
      </c>
      <c r="T25" s="140">
        <v>1.4</v>
      </c>
      <c r="U25" s="111">
        <v>1.19</v>
      </c>
      <c r="V25" s="111">
        <v>0.98</v>
      </c>
      <c r="W25" s="140">
        <v>1.22</v>
      </c>
      <c r="X25" s="140">
        <v>1.31</v>
      </c>
      <c r="Y25" s="140">
        <v>1.2</v>
      </c>
      <c r="Z25" s="111">
        <v>0.88</v>
      </c>
      <c r="AA25" s="140">
        <v>0.92</v>
      </c>
      <c r="AB25" s="140">
        <v>1.02</v>
      </c>
      <c r="AC25" s="140">
        <v>0.69</v>
      </c>
      <c r="AD25" s="140">
        <v>0.87</v>
      </c>
      <c r="AE25" s="140">
        <v>0.91</v>
      </c>
      <c r="AF25" s="140">
        <v>0.97</v>
      </c>
      <c r="AG25" s="140">
        <v>0.93</v>
      </c>
      <c r="AH25" s="140">
        <v>1.08</v>
      </c>
      <c r="AI25" s="140">
        <v>1.17</v>
      </c>
      <c r="AJ25" s="140">
        <v>1.0900000000000001</v>
      </c>
      <c r="AK25" s="140">
        <v>1.1100000000000001</v>
      </c>
      <c r="AL25" s="140">
        <v>1.02</v>
      </c>
      <c r="AM25" s="140">
        <v>1.05</v>
      </c>
      <c r="AN25" s="140">
        <v>0.95</v>
      </c>
      <c r="AO25" s="140">
        <v>0.89</v>
      </c>
      <c r="AP25" s="140">
        <v>1.0900000000000001</v>
      </c>
      <c r="AQ25" s="140">
        <v>1.0900000000000001</v>
      </c>
      <c r="AR25" s="140">
        <v>1.07</v>
      </c>
      <c r="AS25" s="140">
        <v>0.93</v>
      </c>
      <c r="AT25" s="140">
        <v>0.95</v>
      </c>
      <c r="AU25" s="140">
        <v>1.07</v>
      </c>
      <c r="AV25" s="140">
        <v>1.32</v>
      </c>
      <c r="AW25" s="151">
        <v>1</v>
      </c>
      <c r="AX25" s="146">
        <v>1.04</v>
      </c>
      <c r="AY25" s="111">
        <v>1.22</v>
      </c>
      <c r="AZ25" s="111">
        <v>1.3</v>
      </c>
      <c r="BA25" s="111">
        <v>1.31</v>
      </c>
      <c r="BB25" s="150">
        <v>1.17</v>
      </c>
      <c r="BC25" s="111">
        <v>1.26</v>
      </c>
      <c r="BD25" s="111">
        <v>1.33</v>
      </c>
      <c r="BE25" s="111"/>
    </row>
    <row r="26" spans="3:57" x14ac:dyDescent="0.2">
      <c r="C26" s="157" t="s">
        <v>69</v>
      </c>
      <c r="D26" s="158" t="s">
        <v>58</v>
      </c>
      <c r="E26" s="146">
        <v>1.8</v>
      </c>
      <c r="F26" s="111">
        <v>1.24</v>
      </c>
      <c r="G26" s="111">
        <v>1.67</v>
      </c>
      <c r="H26" s="111">
        <v>1.7</v>
      </c>
      <c r="I26" s="111">
        <v>1.35</v>
      </c>
      <c r="J26" s="140">
        <v>1.63</v>
      </c>
      <c r="K26" s="140">
        <v>1.77</v>
      </c>
      <c r="L26" s="146">
        <v>1.74</v>
      </c>
      <c r="M26" s="146">
        <v>1.1499999999999999</v>
      </c>
      <c r="N26" s="140">
        <v>0.51</v>
      </c>
      <c r="O26" s="140">
        <v>0.56000000000000005</v>
      </c>
      <c r="P26" s="140">
        <v>0.79</v>
      </c>
      <c r="Q26" s="146">
        <v>1.04</v>
      </c>
      <c r="R26" s="146">
        <v>0.89</v>
      </c>
      <c r="S26" s="140">
        <v>1.1200000000000001</v>
      </c>
      <c r="T26" s="140">
        <v>1.1200000000000001</v>
      </c>
      <c r="U26" s="111">
        <v>0.95</v>
      </c>
      <c r="V26" s="111">
        <v>0.93</v>
      </c>
      <c r="W26" s="140">
        <v>1.04</v>
      </c>
      <c r="X26" s="140">
        <v>0.91</v>
      </c>
      <c r="Y26" s="140">
        <v>0.9</v>
      </c>
      <c r="Z26" s="111">
        <v>1.01</v>
      </c>
      <c r="AA26" s="140">
        <v>0.81</v>
      </c>
      <c r="AB26" s="140">
        <v>0.87</v>
      </c>
      <c r="AC26" s="140">
        <v>0.87</v>
      </c>
      <c r="AD26" s="140">
        <v>0.75</v>
      </c>
      <c r="AE26" s="140">
        <v>0.66</v>
      </c>
      <c r="AF26" s="140" t="s">
        <v>90</v>
      </c>
      <c r="AG26" s="140" t="s">
        <v>90</v>
      </c>
      <c r="AH26" s="140" t="s">
        <v>90</v>
      </c>
      <c r="AI26" s="140" t="s">
        <v>90</v>
      </c>
      <c r="AJ26" s="140" t="s">
        <v>90</v>
      </c>
      <c r="AK26" s="140">
        <v>0.91</v>
      </c>
      <c r="AL26" s="140">
        <v>1.23</v>
      </c>
      <c r="AM26" s="140">
        <v>1.88</v>
      </c>
      <c r="AN26" s="140">
        <v>1.56</v>
      </c>
      <c r="AO26" s="140" t="s">
        <v>90</v>
      </c>
      <c r="AP26" s="140">
        <v>1.34</v>
      </c>
      <c r="AQ26" s="140">
        <v>1.3</v>
      </c>
      <c r="AR26" s="140">
        <v>0.62</v>
      </c>
      <c r="AS26" s="140">
        <v>0.86</v>
      </c>
      <c r="AT26" s="140">
        <v>0.6</v>
      </c>
      <c r="AU26" s="140">
        <v>0.83</v>
      </c>
      <c r="AV26" s="140">
        <v>1.36</v>
      </c>
      <c r="AW26" s="151">
        <v>0.93</v>
      </c>
      <c r="AX26" s="146">
        <v>1.47</v>
      </c>
      <c r="AY26" s="111">
        <v>2.1</v>
      </c>
      <c r="AZ26" s="111">
        <v>2.67</v>
      </c>
      <c r="BA26" s="111">
        <v>2.2799999999999998</v>
      </c>
      <c r="BB26" s="150">
        <v>2.2000000000000002</v>
      </c>
      <c r="BC26" s="111">
        <v>1.25</v>
      </c>
      <c r="BD26" s="111">
        <v>2.23</v>
      </c>
      <c r="BE26" s="111"/>
    </row>
    <row r="27" spans="3:57" x14ac:dyDescent="0.2">
      <c r="C27" s="157" t="s">
        <v>70</v>
      </c>
      <c r="D27" s="158" t="s">
        <v>58</v>
      </c>
      <c r="E27" s="146">
        <v>2.39</v>
      </c>
      <c r="F27" s="111">
        <v>2.16</v>
      </c>
      <c r="G27" s="111">
        <v>2.96</v>
      </c>
      <c r="H27" s="111">
        <v>1.38</v>
      </c>
      <c r="I27" s="111">
        <v>2.48</v>
      </c>
      <c r="J27" s="140">
        <v>2.59</v>
      </c>
      <c r="K27" s="140">
        <v>2</v>
      </c>
      <c r="L27" s="146">
        <v>2.31</v>
      </c>
      <c r="M27" s="146">
        <v>2.15</v>
      </c>
      <c r="N27" s="140">
        <v>1.73</v>
      </c>
      <c r="O27" s="140">
        <v>1.28</v>
      </c>
      <c r="P27" s="140">
        <v>1.02</v>
      </c>
      <c r="Q27" s="146">
        <v>1.1000000000000001</v>
      </c>
      <c r="R27" s="146">
        <v>1.1399999999999999</v>
      </c>
      <c r="S27" s="140">
        <v>1.06</v>
      </c>
      <c r="T27" s="140">
        <v>1.06</v>
      </c>
      <c r="U27" s="111">
        <v>1.25</v>
      </c>
      <c r="V27" s="111">
        <v>1.19</v>
      </c>
      <c r="W27" s="140">
        <v>1.88</v>
      </c>
      <c r="X27" s="140">
        <v>2.72</v>
      </c>
      <c r="Y27" s="140">
        <v>2.4500000000000002</v>
      </c>
      <c r="Z27" s="111">
        <v>2.29</v>
      </c>
      <c r="AA27" s="140">
        <v>2.4700000000000002</v>
      </c>
      <c r="AB27" s="140">
        <v>3.12</v>
      </c>
      <c r="AC27" s="140">
        <v>3.09</v>
      </c>
      <c r="AD27" s="140">
        <v>2.67</v>
      </c>
      <c r="AE27" s="140">
        <v>2.2000000000000002</v>
      </c>
      <c r="AF27" s="140">
        <v>3.66</v>
      </c>
      <c r="AG27" s="140">
        <v>1.52</v>
      </c>
      <c r="AH27" s="140">
        <v>1.37</v>
      </c>
      <c r="AI27" s="140">
        <v>1.69</v>
      </c>
      <c r="AJ27" s="140">
        <v>2.73</v>
      </c>
      <c r="AK27" s="140">
        <v>1.94</v>
      </c>
      <c r="AL27" s="140">
        <v>1.06</v>
      </c>
      <c r="AM27" s="140">
        <v>1.1499999999999999</v>
      </c>
      <c r="AN27" s="140">
        <v>1.41</v>
      </c>
      <c r="AO27" s="140">
        <v>2.1</v>
      </c>
      <c r="AP27" s="140">
        <v>0.87</v>
      </c>
      <c r="AQ27" s="140">
        <v>0.89</v>
      </c>
      <c r="AR27" s="140">
        <v>1.38</v>
      </c>
      <c r="AS27" s="140">
        <v>1.58</v>
      </c>
      <c r="AT27" s="140">
        <v>1.18</v>
      </c>
      <c r="AU27" s="140">
        <v>1.4</v>
      </c>
      <c r="AV27" s="140">
        <v>1.48</v>
      </c>
      <c r="AW27" s="151">
        <v>1.39</v>
      </c>
      <c r="AX27" s="146">
        <v>1.49</v>
      </c>
      <c r="AY27" s="111">
        <v>2.16</v>
      </c>
      <c r="AZ27" s="111">
        <v>2.2400000000000002</v>
      </c>
      <c r="BA27" s="111">
        <v>2.77</v>
      </c>
      <c r="BB27" s="150">
        <v>2.64</v>
      </c>
      <c r="BC27" s="111">
        <v>1.8</v>
      </c>
      <c r="BD27" s="111">
        <v>2.2000000000000002</v>
      </c>
      <c r="BE27" s="111"/>
    </row>
    <row r="28" spans="3:57" x14ac:dyDescent="0.2">
      <c r="C28" s="157" t="s">
        <v>173</v>
      </c>
      <c r="D28" s="158" t="s">
        <v>58</v>
      </c>
      <c r="E28" s="146" t="s">
        <v>90</v>
      </c>
      <c r="F28" s="111" t="s">
        <v>90</v>
      </c>
      <c r="G28" s="111" t="s">
        <v>90</v>
      </c>
      <c r="H28" s="197" t="s">
        <v>90</v>
      </c>
      <c r="I28" s="197">
        <v>6.75</v>
      </c>
      <c r="J28" s="140" t="s">
        <v>90</v>
      </c>
      <c r="K28" s="140" t="s">
        <v>90</v>
      </c>
      <c r="L28" s="146">
        <v>7.4</v>
      </c>
      <c r="M28" s="146">
        <v>7.1</v>
      </c>
      <c r="N28" s="140" t="s">
        <v>90</v>
      </c>
      <c r="O28" s="140">
        <v>5.9</v>
      </c>
      <c r="P28" s="140" t="s">
        <v>90</v>
      </c>
      <c r="Q28" s="146" t="s">
        <v>90</v>
      </c>
      <c r="R28" s="146" t="s">
        <v>90</v>
      </c>
      <c r="S28" s="140">
        <v>7.25</v>
      </c>
      <c r="T28" s="140">
        <v>7.25</v>
      </c>
      <c r="U28" s="111" t="s">
        <v>90</v>
      </c>
      <c r="V28" s="111">
        <v>3.5</v>
      </c>
      <c r="W28" s="140">
        <v>3.1</v>
      </c>
      <c r="X28" s="140" t="s">
        <v>90</v>
      </c>
      <c r="Y28" s="140" t="s">
        <v>90</v>
      </c>
      <c r="Z28" s="111">
        <v>7.72</v>
      </c>
      <c r="AA28" s="140">
        <v>9.44</v>
      </c>
      <c r="AB28" s="140">
        <v>8.23</v>
      </c>
      <c r="AC28" s="140">
        <v>5.42</v>
      </c>
      <c r="AD28" s="140">
        <v>4.2699999999999996</v>
      </c>
      <c r="AE28" s="140">
        <v>3.63</v>
      </c>
      <c r="AF28" s="140">
        <v>3.51</v>
      </c>
      <c r="AG28" s="140">
        <v>3.43</v>
      </c>
      <c r="AH28" s="140">
        <v>3.36</v>
      </c>
      <c r="AI28" s="140">
        <v>3.25</v>
      </c>
      <c r="AJ28" s="140">
        <v>3.65</v>
      </c>
      <c r="AK28" s="140">
        <v>3.24</v>
      </c>
      <c r="AL28" s="140">
        <v>5.75</v>
      </c>
      <c r="AM28" s="140" t="s">
        <v>90</v>
      </c>
      <c r="AN28" s="140" t="s">
        <v>90</v>
      </c>
      <c r="AO28" s="140">
        <v>2.13</v>
      </c>
      <c r="AP28" s="140" t="s">
        <v>90</v>
      </c>
      <c r="AQ28" s="140">
        <v>5.74</v>
      </c>
      <c r="AR28" s="140">
        <v>1.46</v>
      </c>
      <c r="AS28" s="140">
        <v>6.13</v>
      </c>
      <c r="AT28" s="140" t="s">
        <v>90</v>
      </c>
      <c r="AU28" s="140" t="s">
        <v>90</v>
      </c>
      <c r="AV28" s="140" t="s">
        <v>90</v>
      </c>
      <c r="AW28" s="152">
        <v>4.2699999999999996</v>
      </c>
      <c r="AX28" s="161" t="s">
        <v>90</v>
      </c>
      <c r="AY28" s="144">
        <v>8.9</v>
      </c>
      <c r="AZ28" s="73">
        <v>6.14</v>
      </c>
      <c r="BA28" s="144" t="s">
        <v>90</v>
      </c>
      <c r="BB28" s="150">
        <v>7.5</v>
      </c>
      <c r="BC28" s="144">
        <v>6</v>
      </c>
      <c r="BD28" s="111">
        <v>4</v>
      </c>
      <c r="BE28" s="111"/>
    </row>
    <row r="29" spans="3:57" x14ac:dyDescent="0.2">
      <c r="C29" s="157" t="s">
        <v>71</v>
      </c>
      <c r="D29" s="158" t="s">
        <v>58</v>
      </c>
      <c r="E29" s="146" t="s">
        <v>90</v>
      </c>
      <c r="F29" s="111" t="s">
        <v>90</v>
      </c>
      <c r="G29" s="111" t="s">
        <v>90</v>
      </c>
      <c r="H29" s="144" t="s">
        <v>90</v>
      </c>
      <c r="I29" s="144" t="s">
        <v>90</v>
      </c>
      <c r="J29" s="140" t="s">
        <v>90</v>
      </c>
      <c r="K29" s="140" t="s">
        <v>90</v>
      </c>
      <c r="L29" s="146" t="s">
        <v>90</v>
      </c>
      <c r="M29" s="146" t="s">
        <v>90</v>
      </c>
      <c r="N29" s="140" t="s">
        <v>90</v>
      </c>
      <c r="O29" s="140" t="s">
        <v>90</v>
      </c>
      <c r="P29" s="140" t="s">
        <v>90</v>
      </c>
      <c r="Q29" s="146" t="s">
        <v>90</v>
      </c>
      <c r="R29" s="146" t="s">
        <v>90</v>
      </c>
      <c r="S29" s="140" t="s">
        <v>90</v>
      </c>
      <c r="T29" s="140" t="s">
        <v>90</v>
      </c>
      <c r="U29" s="111" t="s">
        <v>90</v>
      </c>
      <c r="V29" s="111" t="s">
        <v>90</v>
      </c>
      <c r="W29" s="140" t="s">
        <v>90</v>
      </c>
      <c r="X29" s="140" t="s">
        <v>90</v>
      </c>
      <c r="Y29" s="140" t="s">
        <v>90</v>
      </c>
      <c r="Z29" s="111" t="s">
        <v>90</v>
      </c>
      <c r="AA29" s="140" t="s">
        <v>90</v>
      </c>
      <c r="AB29" s="140" t="s">
        <v>90</v>
      </c>
      <c r="AC29" s="140" t="s">
        <v>90</v>
      </c>
      <c r="AD29" s="140" t="s">
        <v>90</v>
      </c>
      <c r="AE29" s="140" t="s">
        <v>90</v>
      </c>
      <c r="AF29" s="140" t="s">
        <v>90</v>
      </c>
      <c r="AG29" s="140" t="s">
        <v>90</v>
      </c>
      <c r="AH29" s="140" t="s">
        <v>90</v>
      </c>
      <c r="AI29" s="140" t="s">
        <v>90</v>
      </c>
      <c r="AJ29" s="140" t="s">
        <v>90</v>
      </c>
      <c r="AK29" s="140" t="s">
        <v>90</v>
      </c>
      <c r="AL29" s="140" t="s">
        <v>90</v>
      </c>
      <c r="AM29" s="140" t="s">
        <v>90</v>
      </c>
      <c r="AN29" s="140" t="s">
        <v>90</v>
      </c>
      <c r="AO29" s="140" t="s">
        <v>90</v>
      </c>
      <c r="AP29" s="140" t="s">
        <v>90</v>
      </c>
      <c r="AQ29" s="140" t="s">
        <v>90</v>
      </c>
      <c r="AR29" s="140" t="s">
        <v>90</v>
      </c>
      <c r="AS29" s="140" t="s">
        <v>90</v>
      </c>
      <c r="AT29" s="140" t="s">
        <v>90</v>
      </c>
      <c r="AU29" s="140" t="s">
        <v>90</v>
      </c>
      <c r="AV29" s="140" t="s">
        <v>90</v>
      </c>
      <c r="AW29" s="152" t="s">
        <v>90</v>
      </c>
      <c r="AX29" s="146" t="s">
        <v>90</v>
      </c>
      <c r="AY29" s="144" t="s">
        <v>90</v>
      </c>
      <c r="AZ29" s="73" t="s">
        <v>90</v>
      </c>
      <c r="BA29" s="144" t="s">
        <v>90</v>
      </c>
      <c r="BB29" s="150" t="s">
        <v>90</v>
      </c>
      <c r="BC29" s="144" t="s">
        <v>90</v>
      </c>
      <c r="BD29" s="111" t="s">
        <v>90</v>
      </c>
      <c r="BE29" s="111"/>
    </row>
    <row r="30" spans="3:57" x14ac:dyDescent="0.2">
      <c r="C30" s="157" t="s">
        <v>102</v>
      </c>
      <c r="D30" s="158" t="s">
        <v>58</v>
      </c>
      <c r="E30" s="146" t="s">
        <v>90</v>
      </c>
      <c r="F30" s="111" t="s">
        <v>90</v>
      </c>
      <c r="G30" s="111" t="s">
        <v>90</v>
      </c>
      <c r="H30" s="111" t="s">
        <v>90</v>
      </c>
      <c r="I30" s="111" t="s">
        <v>90</v>
      </c>
      <c r="J30" s="140" t="s">
        <v>90</v>
      </c>
      <c r="K30" s="140" t="s">
        <v>90</v>
      </c>
      <c r="L30" s="146" t="s">
        <v>90</v>
      </c>
      <c r="M30" s="146" t="s">
        <v>90</v>
      </c>
      <c r="N30" s="140" t="s">
        <v>90</v>
      </c>
      <c r="O30" s="140" t="s">
        <v>90</v>
      </c>
      <c r="P30" s="140" t="s">
        <v>90</v>
      </c>
      <c r="Q30" s="146" t="s">
        <v>90</v>
      </c>
      <c r="R30" s="146" t="s">
        <v>90</v>
      </c>
      <c r="S30" s="140" t="s">
        <v>90</v>
      </c>
      <c r="T30" s="140" t="s">
        <v>90</v>
      </c>
      <c r="U30" s="111" t="s">
        <v>90</v>
      </c>
      <c r="V30" s="111" t="s">
        <v>90</v>
      </c>
      <c r="W30" s="140" t="s">
        <v>90</v>
      </c>
      <c r="X30" s="140" t="s">
        <v>90</v>
      </c>
      <c r="Y30" s="140" t="s">
        <v>90</v>
      </c>
      <c r="Z30" s="111" t="s">
        <v>90</v>
      </c>
      <c r="AA30" s="140" t="s">
        <v>90</v>
      </c>
      <c r="AB30" s="140" t="s">
        <v>90</v>
      </c>
      <c r="AC30" s="140" t="s">
        <v>90</v>
      </c>
      <c r="AD30" s="140" t="s">
        <v>90</v>
      </c>
      <c r="AE30" s="140" t="s">
        <v>90</v>
      </c>
      <c r="AF30" s="140" t="s">
        <v>90</v>
      </c>
      <c r="AG30" s="140" t="s">
        <v>90</v>
      </c>
      <c r="AH30" s="140" t="s">
        <v>90</v>
      </c>
      <c r="AI30" s="140" t="s">
        <v>90</v>
      </c>
      <c r="AJ30" s="140" t="s">
        <v>90</v>
      </c>
      <c r="AK30" s="140">
        <v>4.54</v>
      </c>
      <c r="AL30" s="140">
        <v>4.42</v>
      </c>
      <c r="AM30" s="140">
        <v>4.4000000000000004</v>
      </c>
      <c r="AN30" s="140" t="s">
        <v>90</v>
      </c>
      <c r="AO30" s="140" t="s">
        <v>90</v>
      </c>
      <c r="AP30" s="140" t="s">
        <v>90</v>
      </c>
      <c r="AQ30" s="140" t="s">
        <v>90</v>
      </c>
      <c r="AR30" s="140" t="s">
        <v>90</v>
      </c>
      <c r="AS30" s="140" t="s">
        <v>90</v>
      </c>
      <c r="AT30" s="140" t="s">
        <v>90</v>
      </c>
      <c r="AU30" s="140" t="s">
        <v>90</v>
      </c>
      <c r="AV30" s="140" t="s">
        <v>90</v>
      </c>
      <c r="AW30" s="152">
        <v>4.2</v>
      </c>
      <c r="AX30" s="146" t="s">
        <v>90</v>
      </c>
      <c r="AY30" s="111" t="s">
        <v>90</v>
      </c>
      <c r="AZ30" s="73" t="s">
        <v>90</v>
      </c>
      <c r="BA30" s="111" t="s">
        <v>90</v>
      </c>
      <c r="BB30" s="150" t="s">
        <v>90</v>
      </c>
      <c r="BC30" s="111" t="s">
        <v>90</v>
      </c>
      <c r="BD30" s="111" t="s">
        <v>90</v>
      </c>
      <c r="BE30" s="111"/>
    </row>
    <row r="31" spans="3:57" x14ac:dyDescent="0.2">
      <c r="C31" s="157" t="s">
        <v>72</v>
      </c>
      <c r="D31" s="158" t="s">
        <v>58</v>
      </c>
      <c r="E31" s="146" t="s">
        <v>90</v>
      </c>
      <c r="F31" s="111" t="s">
        <v>90</v>
      </c>
      <c r="G31" s="111" t="s">
        <v>90</v>
      </c>
      <c r="H31" s="111" t="s">
        <v>90</v>
      </c>
      <c r="I31" s="111" t="s">
        <v>90</v>
      </c>
      <c r="J31" s="140" t="s">
        <v>90</v>
      </c>
      <c r="K31" s="140" t="s">
        <v>90</v>
      </c>
      <c r="L31" s="146" t="s">
        <v>90</v>
      </c>
      <c r="M31" s="146" t="s">
        <v>90</v>
      </c>
      <c r="N31" s="140" t="s">
        <v>90</v>
      </c>
      <c r="O31" s="140" t="s">
        <v>90</v>
      </c>
      <c r="P31" s="140" t="s">
        <v>90</v>
      </c>
      <c r="Q31" s="146" t="s">
        <v>90</v>
      </c>
      <c r="R31" s="146" t="s">
        <v>90</v>
      </c>
      <c r="S31" s="140" t="s">
        <v>90</v>
      </c>
      <c r="T31" s="140" t="s">
        <v>90</v>
      </c>
      <c r="U31" s="111" t="s">
        <v>90</v>
      </c>
      <c r="V31" s="111" t="s">
        <v>90</v>
      </c>
      <c r="W31" s="140" t="s">
        <v>90</v>
      </c>
      <c r="X31" s="140" t="s">
        <v>90</v>
      </c>
      <c r="Y31" s="140" t="s">
        <v>90</v>
      </c>
      <c r="Z31" s="111" t="s">
        <v>90</v>
      </c>
      <c r="AA31" s="140" t="s">
        <v>90</v>
      </c>
      <c r="AB31" s="140" t="s">
        <v>90</v>
      </c>
      <c r="AC31" s="140" t="s">
        <v>90</v>
      </c>
      <c r="AD31" s="140" t="s">
        <v>90</v>
      </c>
      <c r="AE31" s="140" t="s">
        <v>90</v>
      </c>
      <c r="AF31" s="140" t="s">
        <v>90</v>
      </c>
      <c r="AG31" s="140" t="s">
        <v>90</v>
      </c>
      <c r="AH31" s="140" t="s">
        <v>90</v>
      </c>
      <c r="AI31" s="140" t="s">
        <v>90</v>
      </c>
      <c r="AJ31" s="140" t="s">
        <v>90</v>
      </c>
      <c r="AK31" s="140" t="s">
        <v>90</v>
      </c>
      <c r="AL31" s="140" t="s">
        <v>90</v>
      </c>
      <c r="AM31" s="140" t="s">
        <v>90</v>
      </c>
      <c r="AN31" s="140" t="s">
        <v>90</v>
      </c>
      <c r="AO31" s="140" t="s">
        <v>90</v>
      </c>
      <c r="AP31" s="140" t="s">
        <v>90</v>
      </c>
      <c r="AQ31" s="140" t="s">
        <v>90</v>
      </c>
      <c r="AR31" s="140" t="s">
        <v>90</v>
      </c>
      <c r="AS31" s="140" t="s">
        <v>90</v>
      </c>
      <c r="AT31" s="140" t="s">
        <v>90</v>
      </c>
      <c r="AU31" s="140" t="s">
        <v>90</v>
      </c>
      <c r="AV31" s="140" t="s">
        <v>90</v>
      </c>
      <c r="AW31" s="151" t="s">
        <v>90</v>
      </c>
      <c r="AX31" s="146" t="s">
        <v>90</v>
      </c>
      <c r="AY31" s="111" t="s">
        <v>90</v>
      </c>
      <c r="AZ31" s="73" t="s">
        <v>90</v>
      </c>
      <c r="BA31" s="111" t="s">
        <v>90</v>
      </c>
      <c r="BB31" s="150" t="s">
        <v>90</v>
      </c>
      <c r="BC31" s="111" t="s">
        <v>90</v>
      </c>
      <c r="BD31" s="111" t="s">
        <v>90</v>
      </c>
      <c r="BE31" s="111"/>
    </row>
    <row r="32" spans="3:57" x14ac:dyDescent="0.2">
      <c r="C32" s="157" t="s">
        <v>136</v>
      </c>
      <c r="D32" s="158" t="s">
        <v>58</v>
      </c>
      <c r="E32" s="146">
        <v>2.5499999999999998</v>
      </c>
      <c r="F32" s="111">
        <v>2.39</v>
      </c>
      <c r="G32" s="111">
        <v>3.75</v>
      </c>
      <c r="H32" s="144">
        <v>3.16</v>
      </c>
      <c r="I32" s="144">
        <v>2.99</v>
      </c>
      <c r="J32" s="140">
        <v>5.4</v>
      </c>
      <c r="K32" s="140">
        <v>3.78</v>
      </c>
      <c r="L32" s="146">
        <v>4.08</v>
      </c>
      <c r="M32" s="146">
        <v>3.7</v>
      </c>
      <c r="N32" s="140">
        <v>3.08</v>
      </c>
      <c r="O32" s="140">
        <v>3.28</v>
      </c>
      <c r="P32" s="140">
        <v>3.42</v>
      </c>
      <c r="Q32" s="146">
        <v>3</v>
      </c>
      <c r="R32" s="146">
        <v>3.32</v>
      </c>
      <c r="S32" s="140">
        <v>3.29</v>
      </c>
      <c r="T32" s="140">
        <v>3.29</v>
      </c>
      <c r="U32" s="111">
        <v>3.15</v>
      </c>
      <c r="V32" s="111" t="s">
        <v>90</v>
      </c>
      <c r="W32" s="140" t="s">
        <v>90</v>
      </c>
      <c r="X32" s="140" t="s">
        <v>90</v>
      </c>
      <c r="Y32" s="140" t="s">
        <v>90</v>
      </c>
      <c r="Z32" s="111" t="s">
        <v>90</v>
      </c>
      <c r="AA32" s="140" t="s">
        <v>90</v>
      </c>
      <c r="AB32" s="140">
        <v>3</v>
      </c>
      <c r="AC32" s="140">
        <v>3</v>
      </c>
      <c r="AD32" s="140">
        <v>3.15</v>
      </c>
      <c r="AE32" s="140">
        <v>2.59</v>
      </c>
      <c r="AF32" s="140">
        <v>3.12</v>
      </c>
      <c r="AG32" s="140">
        <v>2.69</v>
      </c>
      <c r="AH32" s="140">
        <v>2.31</v>
      </c>
      <c r="AI32" s="140">
        <v>2.37</v>
      </c>
      <c r="AJ32" s="140">
        <v>3.58</v>
      </c>
      <c r="AK32" s="140">
        <v>2.82</v>
      </c>
      <c r="AL32" s="140">
        <v>2.2999999999999998</v>
      </c>
      <c r="AM32" s="140">
        <v>2.79</v>
      </c>
      <c r="AN32" s="140">
        <v>2.72</v>
      </c>
      <c r="AO32" s="140">
        <v>2.54</v>
      </c>
      <c r="AP32" s="140">
        <v>2.39</v>
      </c>
      <c r="AQ32" s="140">
        <v>2.4900000000000002</v>
      </c>
      <c r="AR32" s="140">
        <v>2.84</v>
      </c>
      <c r="AS32" s="140">
        <v>3.83</v>
      </c>
      <c r="AT32" s="140">
        <v>2.4900000000000002</v>
      </c>
      <c r="AU32" s="140">
        <v>2.67</v>
      </c>
      <c r="AV32" s="140">
        <v>3.44</v>
      </c>
      <c r="AW32" s="152">
        <v>2.5099999999999998</v>
      </c>
      <c r="AX32" s="146">
        <v>2.23</v>
      </c>
      <c r="AY32" s="144">
        <v>2.2000000000000002</v>
      </c>
      <c r="AZ32" s="111">
        <v>3.1</v>
      </c>
      <c r="BA32" s="144">
        <v>3.53</v>
      </c>
      <c r="BB32" s="150">
        <v>3.12</v>
      </c>
      <c r="BC32" s="144">
        <v>6.18</v>
      </c>
      <c r="BD32" s="111">
        <v>3.54</v>
      </c>
      <c r="BE32" s="111"/>
    </row>
    <row r="33" spans="3:57" x14ac:dyDescent="0.2">
      <c r="C33" s="157" t="s">
        <v>74</v>
      </c>
      <c r="D33" s="158" t="s">
        <v>58</v>
      </c>
      <c r="E33" s="146" t="s">
        <v>90</v>
      </c>
      <c r="F33" s="111" t="s">
        <v>90</v>
      </c>
      <c r="G33" s="111" t="s">
        <v>90</v>
      </c>
      <c r="H33" s="144" t="s">
        <v>90</v>
      </c>
      <c r="I33" s="144" t="s">
        <v>90</v>
      </c>
      <c r="J33" s="140" t="s">
        <v>90</v>
      </c>
      <c r="K33" s="140" t="s">
        <v>90</v>
      </c>
      <c r="L33" s="146" t="s">
        <v>90</v>
      </c>
      <c r="M33" s="146" t="s">
        <v>90</v>
      </c>
      <c r="N33" s="140" t="s">
        <v>90</v>
      </c>
      <c r="O33" s="140" t="s">
        <v>90</v>
      </c>
      <c r="P33" s="140" t="s">
        <v>90</v>
      </c>
      <c r="Q33" s="146" t="s">
        <v>90</v>
      </c>
      <c r="R33" s="146" t="s">
        <v>90</v>
      </c>
      <c r="S33" s="140" t="s">
        <v>90</v>
      </c>
      <c r="T33" s="140" t="s">
        <v>90</v>
      </c>
      <c r="U33" s="111" t="s">
        <v>90</v>
      </c>
      <c r="V33" s="111" t="s">
        <v>90</v>
      </c>
      <c r="W33" s="140" t="s">
        <v>90</v>
      </c>
      <c r="X33" s="140" t="s">
        <v>90</v>
      </c>
      <c r="Y33" s="140" t="s">
        <v>90</v>
      </c>
      <c r="Z33" s="111" t="s">
        <v>90</v>
      </c>
      <c r="AA33" s="140" t="s">
        <v>90</v>
      </c>
      <c r="AB33" s="140" t="s">
        <v>90</v>
      </c>
      <c r="AC33" s="140" t="s">
        <v>90</v>
      </c>
      <c r="AD33" s="140" t="s">
        <v>90</v>
      </c>
      <c r="AE33" s="140" t="s">
        <v>90</v>
      </c>
      <c r="AF33" s="140" t="s">
        <v>90</v>
      </c>
      <c r="AG33" s="140" t="s">
        <v>90</v>
      </c>
      <c r="AH33" s="140" t="s">
        <v>90</v>
      </c>
      <c r="AI33" s="140" t="s">
        <v>90</v>
      </c>
      <c r="AJ33" s="140" t="s">
        <v>90</v>
      </c>
      <c r="AK33" s="140" t="s">
        <v>90</v>
      </c>
      <c r="AL33" s="140" t="s">
        <v>90</v>
      </c>
      <c r="AM33" s="140" t="s">
        <v>90</v>
      </c>
      <c r="AN33" s="140" t="s">
        <v>90</v>
      </c>
      <c r="AO33" s="140" t="s">
        <v>90</v>
      </c>
      <c r="AP33" s="140" t="s">
        <v>90</v>
      </c>
      <c r="AQ33" s="140" t="s">
        <v>90</v>
      </c>
      <c r="AR33" s="140" t="s">
        <v>90</v>
      </c>
      <c r="AS33" s="140" t="s">
        <v>90</v>
      </c>
      <c r="AT33" s="140" t="s">
        <v>90</v>
      </c>
      <c r="AU33" s="140" t="s">
        <v>90</v>
      </c>
      <c r="AV33" s="140" t="s">
        <v>90</v>
      </c>
      <c r="AW33" s="152" t="s">
        <v>90</v>
      </c>
      <c r="AX33" s="146" t="s">
        <v>90</v>
      </c>
      <c r="AY33" s="144" t="s">
        <v>90</v>
      </c>
      <c r="AZ33" s="73" t="s">
        <v>90</v>
      </c>
      <c r="BA33" s="144" t="s">
        <v>90</v>
      </c>
      <c r="BB33" s="150" t="s">
        <v>90</v>
      </c>
      <c r="BC33" s="144" t="s">
        <v>90</v>
      </c>
      <c r="BD33" s="111" t="s">
        <v>90</v>
      </c>
      <c r="BE33" s="111"/>
    </row>
    <row r="34" spans="3:57" x14ac:dyDescent="0.2">
      <c r="C34" s="126" t="s">
        <v>172</v>
      </c>
      <c r="D34" s="158" t="s">
        <v>58</v>
      </c>
      <c r="E34" s="146">
        <v>0.16020000000000001</v>
      </c>
      <c r="F34" s="111">
        <v>0.16690000000000002</v>
      </c>
      <c r="G34" s="111">
        <v>0.16469999999999999</v>
      </c>
      <c r="H34" s="111">
        <v>0.1741</v>
      </c>
      <c r="I34" s="111">
        <v>0.1852</v>
      </c>
      <c r="J34" s="140">
        <v>0.20050000000000001</v>
      </c>
      <c r="K34" s="140">
        <v>0.1991</v>
      </c>
      <c r="L34" s="146">
        <v>0.19940000000000002</v>
      </c>
      <c r="M34" s="146">
        <v>0.22949999999999998</v>
      </c>
      <c r="N34" s="140">
        <v>0.26</v>
      </c>
      <c r="O34" s="140">
        <v>0.29830000000000001</v>
      </c>
      <c r="P34" s="140">
        <v>0.33939999999999998</v>
      </c>
      <c r="Q34" s="198">
        <v>0.38619999999999999</v>
      </c>
      <c r="R34" s="198">
        <v>0.38420000000000004</v>
      </c>
      <c r="S34" s="140">
        <v>0.36579999999999996</v>
      </c>
      <c r="T34" s="140">
        <v>0.40259999999999996</v>
      </c>
      <c r="U34" s="199">
        <v>0.41289999999999999</v>
      </c>
      <c r="V34" s="201">
        <v>0.41700000000000004</v>
      </c>
      <c r="W34" s="140">
        <v>0.35909999999999997</v>
      </c>
      <c r="X34" s="140">
        <v>0.31069999999999998</v>
      </c>
      <c r="Y34" s="140">
        <v>0.28989999999999999</v>
      </c>
      <c r="Z34" s="150">
        <v>0.28089999999999998</v>
      </c>
      <c r="AA34" s="140">
        <v>0.28309999999999996</v>
      </c>
      <c r="AB34" s="140">
        <v>0.28539999999999999</v>
      </c>
      <c r="AC34" s="140">
        <v>0.28649999999999998</v>
      </c>
      <c r="AD34" s="140">
        <v>0.27539999999999998</v>
      </c>
      <c r="AE34" s="140">
        <v>0.2631</v>
      </c>
      <c r="AF34" s="140">
        <v>0.21190000000000001</v>
      </c>
      <c r="AG34" s="140">
        <v>0.21190000000000001</v>
      </c>
      <c r="AH34" s="140">
        <v>0.19170000000000001</v>
      </c>
      <c r="AI34" s="140">
        <v>0.17249999999999999</v>
      </c>
      <c r="AJ34" s="140">
        <v>0.17249999999999999</v>
      </c>
      <c r="AK34" s="140">
        <v>0.17280000000000001</v>
      </c>
      <c r="AL34" s="140">
        <v>0.17710000000000001</v>
      </c>
      <c r="AM34" s="140">
        <v>0.20309999999999997</v>
      </c>
      <c r="AN34" s="140">
        <v>0.24329999999999999</v>
      </c>
      <c r="AO34" s="140">
        <v>0.28460000000000002</v>
      </c>
      <c r="AP34" s="140">
        <v>0.30570000000000003</v>
      </c>
      <c r="AQ34" s="140">
        <v>0.3165</v>
      </c>
      <c r="AR34" s="140">
        <v>0.29980000000000001</v>
      </c>
      <c r="AS34" s="140">
        <v>0.28029999999999999</v>
      </c>
      <c r="AT34" s="140">
        <v>0.26239999999999997</v>
      </c>
      <c r="AU34" s="140">
        <v>0.26350000000000001</v>
      </c>
      <c r="AV34" s="140">
        <v>0.24299999999999999</v>
      </c>
      <c r="AW34" s="150">
        <v>0.22270000000000001</v>
      </c>
      <c r="AX34" s="146">
        <v>0.20230000000000001</v>
      </c>
      <c r="AY34" s="144">
        <v>0.19109999999999999</v>
      </c>
      <c r="AZ34" s="150">
        <v>0.20280000000000001</v>
      </c>
      <c r="BA34" s="144">
        <v>0.21530000000000002</v>
      </c>
      <c r="BB34" s="150">
        <v>0.22649999999999998</v>
      </c>
      <c r="BC34" s="150">
        <v>0.2238</v>
      </c>
      <c r="BD34" s="150">
        <v>0.21820000000000001</v>
      </c>
      <c r="BE34" s="111"/>
    </row>
    <row r="35" spans="3:57" x14ac:dyDescent="0.2">
      <c r="C35" s="126" t="s">
        <v>187</v>
      </c>
      <c r="D35" s="158" t="s">
        <v>58</v>
      </c>
      <c r="E35" s="146">
        <v>0.61819999999999997</v>
      </c>
      <c r="F35" s="111">
        <v>0.74709999999999999</v>
      </c>
      <c r="G35" s="111">
        <v>0.79749999999999999</v>
      </c>
      <c r="H35" s="111">
        <v>0.81930000000000003</v>
      </c>
      <c r="I35" s="111">
        <v>0.76</v>
      </c>
      <c r="J35" s="140">
        <v>0.62840000000000007</v>
      </c>
      <c r="K35" s="140">
        <v>0.45829999999999999</v>
      </c>
      <c r="L35" s="146">
        <v>0.44659999999999994</v>
      </c>
      <c r="M35" s="146">
        <v>0.4365</v>
      </c>
      <c r="N35" s="140">
        <v>0.4375</v>
      </c>
      <c r="O35" s="140">
        <v>0.4375</v>
      </c>
      <c r="P35" s="140">
        <v>0.43880000000000002</v>
      </c>
      <c r="Q35" s="146">
        <v>0.43479999999999996</v>
      </c>
      <c r="R35" s="146">
        <v>0.41479999999999995</v>
      </c>
      <c r="S35" s="140">
        <v>0.44130000000000003</v>
      </c>
      <c r="T35" s="140">
        <v>0.45810000000000001</v>
      </c>
      <c r="U35" s="200">
        <v>0.50780000000000003</v>
      </c>
      <c r="V35" s="150">
        <v>0.52859999999999996</v>
      </c>
      <c r="W35" s="140">
        <v>0.56759999999999999</v>
      </c>
      <c r="X35" s="140">
        <v>0.54299999999999993</v>
      </c>
      <c r="Y35" s="140">
        <v>0.54059999999999997</v>
      </c>
      <c r="Z35" s="150">
        <v>0.5484</v>
      </c>
      <c r="AA35" s="140">
        <v>0.56169999999999998</v>
      </c>
      <c r="AB35" s="140">
        <v>0.47659999999999997</v>
      </c>
      <c r="AC35" s="140">
        <v>0.48450000000000004</v>
      </c>
      <c r="AD35" s="140">
        <v>0.57769999999999999</v>
      </c>
      <c r="AE35" s="140">
        <v>0.71829999999999994</v>
      </c>
      <c r="AF35" s="140">
        <v>0.86040000000000005</v>
      </c>
      <c r="AG35" s="140">
        <v>0.86040000000000005</v>
      </c>
      <c r="AH35" s="140">
        <v>0.85950000000000004</v>
      </c>
      <c r="AI35" s="140">
        <v>0.88879999999999992</v>
      </c>
      <c r="AJ35" s="140">
        <v>0.88879999999999992</v>
      </c>
      <c r="AK35" s="140">
        <v>0.78989999999999994</v>
      </c>
      <c r="AL35" s="140">
        <v>0.70519999999999994</v>
      </c>
      <c r="AM35" s="140">
        <v>0.70129999999999992</v>
      </c>
      <c r="AN35" s="140">
        <v>0.69310000000000005</v>
      </c>
      <c r="AO35" s="140">
        <v>0.67659999999999998</v>
      </c>
      <c r="AP35" s="140">
        <v>0.67620000000000002</v>
      </c>
      <c r="AQ35" s="140">
        <v>0.67849999999999999</v>
      </c>
      <c r="AR35" s="140">
        <v>0.68389999999999995</v>
      </c>
      <c r="AS35" s="140">
        <v>0.68840000000000001</v>
      </c>
      <c r="AT35" s="140">
        <v>0.69799999999999995</v>
      </c>
      <c r="AU35" s="140">
        <v>0.71579999999999999</v>
      </c>
      <c r="AV35" s="140">
        <v>0.65439999999999998</v>
      </c>
      <c r="AW35" s="150">
        <v>0.60960000000000003</v>
      </c>
      <c r="AX35" s="146">
        <v>0.57999999999999996</v>
      </c>
      <c r="AY35" s="111">
        <v>0.57779999999999998</v>
      </c>
      <c r="AZ35" s="150">
        <v>0.52950000000000008</v>
      </c>
      <c r="BA35" s="111">
        <v>0.4849</v>
      </c>
      <c r="BB35" s="150">
        <v>0.45270000000000005</v>
      </c>
      <c r="BC35" s="150">
        <v>0.46759999999999996</v>
      </c>
      <c r="BD35" s="150">
        <v>0.45630000000000004</v>
      </c>
      <c r="BE35" s="111"/>
    </row>
    <row r="36" spans="3:57" x14ac:dyDescent="0.2">
      <c r="C36" s="126" t="s">
        <v>184</v>
      </c>
      <c r="D36" s="158" t="s">
        <v>58</v>
      </c>
      <c r="E36" s="146">
        <v>0.99450000000000005</v>
      </c>
      <c r="F36" s="111">
        <v>1.7299</v>
      </c>
      <c r="G36" s="111">
        <v>1.1171</v>
      </c>
      <c r="H36" s="111">
        <v>0.70290000000000008</v>
      </c>
      <c r="I36" s="111">
        <v>0.43259999999999998</v>
      </c>
      <c r="J36" s="140">
        <v>0.4496</v>
      </c>
      <c r="K36" s="140">
        <v>0.27989999999999998</v>
      </c>
      <c r="L36" s="146">
        <v>0.26179999999999998</v>
      </c>
      <c r="M36" s="146">
        <v>0.23250000000000001</v>
      </c>
      <c r="N36" s="140">
        <v>0.316</v>
      </c>
      <c r="O36" s="140">
        <v>0.34630000000000005</v>
      </c>
      <c r="P36" s="140">
        <v>0.27149999999999996</v>
      </c>
      <c r="Q36" s="146">
        <v>0.1346</v>
      </c>
      <c r="R36" s="146">
        <v>0.1273</v>
      </c>
      <c r="S36" s="140">
        <v>0.1394</v>
      </c>
      <c r="T36" s="140">
        <v>0.15310000000000001</v>
      </c>
      <c r="U36" s="200">
        <v>0.12890000000000001</v>
      </c>
      <c r="V36" s="150">
        <v>0.13639999999999999</v>
      </c>
      <c r="W36" s="140">
        <v>0.23230000000000001</v>
      </c>
      <c r="X36" s="140">
        <v>0.19539999999999999</v>
      </c>
      <c r="Y36" s="140">
        <v>0.42499999999999999</v>
      </c>
      <c r="Z36" s="150">
        <v>0.42399999999999999</v>
      </c>
      <c r="AA36" s="140">
        <v>0.4052</v>
      </c>
      <c r="AB36" s="140">
        <v>0.27410000000000001</v>
      </c>
      <c r="AC36" s="140">
        <v>0.245</v>
      </c>
      <c r="AD36" s="140">
        <v>0.26489999999999997</v>
      </c>
      <c r="AE36" s="140">
        <v>0.25379999999999997</v>
      </c>
      <c r="AF36" s="140">
        <v>0.30109999999999998</v>
      </c>
      <c r="AG36" s="140">
        <v>0.30109999999999998</v>
      </c>
      <c r="AH36" s="140">
        <v>0.29609999999999997</v>
      </c>
      <c r="AI36" s="140">
        <v>0.27779999999999999</v>
      </c>
      <c r="AJ36" s="140">
        <v>0.27779999999999999</v>
      </c>
      <c r="AK36" s="140">
        <v>0.3261</v>
      </c>
      <c r="AL36" s="140">
        <v>0.32329999999999998</v>
      </c>
      <c r="AM36" s="140">
        <v>0.37590000000000001</v>
      </c>
      <c r="AN36" s="140">
        <v>0.4007</v>
      </c>
      <c r="AO36" s="140">
        <v>0.22889999999999999</v>
      </c>
      <c r="AP36" s="140">
        <v>0.20069999999999999</v>
      </c>
      <c r="AQ36" s="140">
        <v>0.1671</v>
      </c>
      <c r="AR36" s="140">
        <v>0.18230000000000002</v>
      </c>
      <c r="AS36" s="140">
        <v>0.26550000000000001</v>
      </c>
      <c r="AT36" s="140">
        <v>0.35009999999999997</v>
      </c>
      <c r="AU36" s="140">
        <v>0.29149999999999998</v>
      </c>
      <c r="AV36" s="140">
        <v>0.34389999999999998</v>
      </c>
      <c r="AW36" s="150">
        <v>0.70609999999999995</v>
      </c>
      <c r="AX36" s="146">
        <v>0.69720000000000004</v>
      </c>
      <c r="AY36" s="111">
        <v>0.73099999999999998</v>
      </c>
      <c r="AZ36" s="150">
        <v>0.91280000000000006</v>
      </c>
      <c r="BA36" s="111">
        <v>1.1098000000000001</v>
      </c>
      <c r="BB36" s="150">
        <v>1.1697</v>
      </c>
      <c r="BC36" s="150">
        <v>1.0803</v>
      </c>
      <c r="BD36" s="150">
        <v>0.70430000000000004</v>
      </c>
      <c r="BE36" s="111"/>
    </row>
    <row r="37" spans="3:57" x14ac:dyDescent="0.2">
      <c r="C37" s="126" t="s">
        <v>122</v>
      </c>
      <c r="D37" s="158" t="s">
        <v>58</v>
      </c>
      <c r="E37" s="146">
        <v>0.17460000000000001</v>
      </c>
      <c r="F37" s="111">
        <v>0.18530000000000002</v>
      </c>
      <c r="G37" s="111">
        <v>0.19600000000000001</v>
      </c>
      <c r="H37" s="111">
        <v>0.19269999999999998</v>
      </c>
      <c r="I37" s="111">
        <v>0.18479999999999999</v>
      </c>
      <c r="J37" s="140">
        <v>0.17510000000000001</v>
      </c>
      <c r="K37" s="140">
        <v>0.18899999999999997</v>
      </c>
      <c r="L37" s="146">
        <v>0.18899999999999997</v>
      </c>
      <c r="M37" s="146">
        <v>0.2016</v>
      </c>
      <c r="N37" s="140">
        <v>0.21010000000000001</v>
      </c>
      <c r="O37" s="140">
        <v>0.2152</v>
      </c>
      <c r="P37" s="140">
        <v>0.21789999999999998</v>
      </c>
      <c r="Q37" s="146">
        <v>0.2384</v>
      </c>
      <c r="R37" s="146">
        <v>0.26179999999999998</v>
      </c>
      <c r="S37" s="140">
        <v>0.27660000000000001</v>
      </c>
      <c r="T37" s="140">
        <v>0.28029999999999999</v>
      </c>
      <c r="U37" s="200">
        <v>0.27829999999999999</v>
      </c>
      <c r="V37" s="150">
        <v>0.27479999999999999</v>
      </c>
      <c r="W37" s="140">
        <v>0.2571</v>
      </c>
      <c r="X37" s="140">
        <v>0.23190000000000002</v>
      </c>
      <c r="Y37" s="140">
        <v>0.15789999999999998</v>
      </c>
      <c r="Z37" s="150">
        <v>0.1573</v>
      </c>
      <c r="AA37" s="140">
        <v>0.15359999999999999</v>
      </c>
      <c r="AB37" s="140">
        <v>0.15460000000000002</v>
      </c>
      <c r="AC37" s="140">
        <v>0.15130000000000002</v>
      </c>
      <c r="AD37" s="140">
        <v>0.14050000000000001</v>
      </c>
      <c r="AE37" s="140">
        <v>0.14649999999999999</v>
      </c>
      <c r="AF37" s="140">
        <v>0.1542</v>
      </c>
      <c r="AG37" s="140">
        <v>0.1542</v>
      </c>
      <c r="AH37" s="140">
        <v>0.1542</v>
      </c>
      <c r="AI37" s="140">
        <v>0.13869999999999999</v>
      </c>
      <c r="AJ37" s="140">
        <v>0.13869999999999999</v>
      </c>
      <c r="AK37" s="140">
        <v>0.12740000000000001</v>
      </c>
      <c r="AL37" s="140">
        <v>0.1208</v>
      </c>
      <c r="AM37" s="140">
        <v>0.11539999999999999</v>
      </c>
      <c r="AN37" s="140">
        <v>0.12759999999999999</v>
      </c>
      <c r="AO37" s="140">
        <v>0.12789999999999999</v>
      </c>
      <c r="AP37" s="140">
        <v>0.13019999999999998</v>
      </c>
      <c r="AQ37" s="140">
        <v>0.1321</v>
      </c>
      <c r="AR37" s="140">
        <v>0.1278</v>
      </c>
      <c r="AS37" s="140">
        <v>0.12789999999999999</v>
      </c>
      <c r="AT37" s="140">
        <v>0.12560000000000002</v>
      </c>
      <c r="AU37" s="140">
        <v>0.1208</v>
      </c>
      <c r="AV37" s="140">
        <v>0.12640000000000001</v>
      </c>
      <c r="AW37" s="150">
        <v>0.1288</v>
      </c>
      <c r="AX37" s="146">
        <v>0.12909999999999999</v>
      </c>
      <c r="AY37" s="111">
        <v>0.12909999999999999</v>
      </c>
      <c r="AZ37" s="150">
        <v>0.12279999999999999</v>
      </c>
      <c r="BA37" s="111">
        <v>0.1226</v>
      </c>
      <c r="BB37" s="150">
        <v>0.11609999999999999</v>
      </c>
      <c r="BC37" s="150">
        <v>0.11609999999999999</v>
      </c>
      <c r="BD37" s="150">
        <v>0.11609999999999999</v>
      </c>
      <c r="BE37" s="111"/>
    </row>
    <row r="38" spans="3:57" x14ac:dyDescent="0.2">
      <c r="C38" s="126" t="s">
        <v>82</v>
      </c>
      <c r="D38" s="158" t="s">
        <v>58</v>
      </c>
      <c r="E38" s="146">
        <v>2.1164000000000001</v>
      </c>
      <c r="F38" s="111">
        <v>2.2130999999999998</v>
      </c>
      <c r="G38" s="111">
        <v>2.2073</v>
      </c>
      <c r="H38" s="111">
        <v>1.6234999999999999</v>
      </c>
      <c r="I38" s="111">
        <v>1.5437000000000001</v>
      </c>
      <c r="J38" s="140">
        <v>1.9257</v>
      </c>
      <c r="K38" s="140">
        <v>1.8287</v>
      </c>
      <c r="L38" s="146">
        <v>2.0059999999999998</v>
      </c>
      <c r="M38" s="146">
        <v>1.6509</v>
      </c>
      <c r="N38" s="140">
        <v>1.5050999999999999</v>
      </c>
      <c r="O38" s="140">
        <v>1.4437</v>
      </c>
      <c r="P38" s="140">
        <v>1.4597</v>
      </c>
      <c r="Q38" s="146">
        <v>1.2091000000000001</v>
      </c>
      <c r="R38" s="146">
        <v>1.0759000000000001</v>
      </c>
      <c r="S38" s="140">
        <v>1.1679000000000002</v>
      </c>
      <c r="T38" s="140">
        <v>1.2313000000000001</v>
      </c>
      <c r="U38" s="200">
        <v>1.2930000000000001</v>
      </c>
      <c r="V38" s="150">
        <v>1.2968000000000002</v>
      </c>
      <c r="W38" s="140">
        <v>1.2419</v>
      </c>
      <c r="X38" s="140">
        <v>0.94930000000000003</v>
      </c>
      <c r="Y38" s="140">
        <v>0.95629999999999993</v>
      </c>
      <c r="Z38" s="150">
        <v>1.3090000000000002</v>
      </c>
      <c r="AA38" s="140">
        <v>1.5763</v>
      </c>
      <c r="AB38" s="140">
        <v>1.4765000000000001</v>
      </c>
      <c r="AC38" s="140">
        <v>1.4143999999999999</v>
      </c>
      <c r="AD38" s="140">
        <v>1.5712000000000002</v>
      </c>
      <c r="AE38" s="140">
        <v>1.6762000000000001</v>
      </c>
      <c r="AF38" s="140">
        <v>1.7316</v>
      </c>
      <c r="AG38" s="140">
        <v>1.7316</v>
      </c>
      <c r="AH38" s="140">
        <v>1.7068000000000001</v>
      </c>
      <c r="AI38" s="140">
        <v>1.7978000000000001</v>
      </c>
      <c r="AJ38" s="140">
        <v>1.7978000000000001</v>
      </c>
      <c r="AK38" s="140">
        <v>1.8593000000000002</v>
      </c>
      <c r="AL38" s="140">
        <v>1.7565999999999999</v>
      </c>
      <c r="AM38" s="140">
        <v>1.6805000000000001</v>
      </c>
      <c r="AN38" s="140">
        <v>1.8030000000000002</v>
      </c>
      <c r="AO38" s="140">
        <v>1.6085</v>
      </c>
      <c r="AP38" s="140">
        <v>1.4462000000000002</v>
      </c>
      <c r="AQ38" s="140">
        <v>1.3995</v>
      </c>
      <c r="AR38" s="140">
        <v>1.2792000000000001</v>
      </c>
      <c r="AS38" s="140">
        <v>1.2698</v>
      </c>
      <c r="AT38" s="140">
        <v>1.3987000000000001</v>
      </c>
      <c r="AU38" s="140">
        <v>1.5593999999999999</v>
      </c>
      <c r="AV38" s="140">
        <v>1.3778999999999999</v>
      </c>
      <c r="AW38" s="150">
        <v>1.7041999999999999</v>
      </c>
      <c r="AX38" s="146">
        <v>1.6288</v>
      </c>
      <c r="AY38" s="153">
        <v>1.5866</v>
      </c>
      <c r="AZ38" s="150">
        <v>1.7446000000000002</v>
      </c>
      <c r="BA38" s="153">
        <v>1.8937999999999999</v>
      </c>
      <c r="BB38" s="150">
        <v>2.1181000000000001</v>
      </c>
      <c r="BC38" s="150">
        <v>2.0606</v>
      </c>
      <c r="BD38" s="150">
        <v>1.8166</v>
      </c>
      <c r="BE38" s="111"/>
    </row>
    <row r="39" spans="3:57" x14ac:dyDescent="0.2">
      <c r="C39" s="126" t="s">
        <v>84</v>
      </c>
      <c r="D39" s="158" t="s">
        <v>85</v>
      </c>
      <c r="E39" s="146">
        <v>0.20280000000000001</v>
      </c>
      <c r="F39" s="111">
        <v>0.22989999999999999</v>
      </c>
      <c r="G39" s="111">
        <v>0.22870000000000001</v>
      </c>
      <c r="H39" s="111">
        <v>0.21870000000000001</v>
      </c>
      <c r="I39" s="111">
        <v>0.19870000000000002</v>
      </c>
      <c r="J39" s="140">
        <v>0.1966</v>
      </c>
      <c r="K39" s="140">
        <v>0.19289999999999999</v>
      </c>
      <c r="L39" s="146">
        <v>0.1857</v>
      </c>
      <c r="M39" s="146">
        <v>0.2429</v>
      </c>
      <c r="N39" s="140">
        <v>0.20039999999999999</v>
      </c>
      <c r="O39" s="140">
        <v>0.19899999999999998</v>
      </c>
      <c r="P39" s="140">
        <v>0.2011</v>
      </c>
      <c r="Q39" s="146">
        <v>0.2165</v>
      </c>
      <c r="R39" s="146">
        <v>0.21530000000000002</v>
      </c>
      <c r="S39" s="140">
        <v>0.21760000000000002</v>
      </c>
      <c r="T39" s="140">
        <v>0.22649999999999998</v>
      </c>
      <c r="U39" s="200">
        <v>0.2409</v>
      </c>
      <c r="V39" s="150">
        <v>0.25940000000000002</v>
      </c>
      <c r="W39" s="140">
        <v>0.28749999999999998</v>
      </c>
      <c r="X39" s="140">
        <v>0.31530000000000002</v>
      </c>
      <c r="Y39" s="140">
        <v>0.29719999999999996</v>
      </c>
      <c r="Z39" s="150">
        <v>0.32040000000000002</v>
      </c>
      <c r="AA39" s="140">
        <v>0.3296</v>
      </c>
      <c r="AB39" s="140">
        <v>0.32250000000000001</v>
      </c>
      <c r="AC39" s="140">
        <v>0.3261</v>
      </c>
      <c r="AD39" s="140">
        <v>0.30649999999999999</v>
      </c>
      <c r="AE39" s="140">
        <v>0.30370000000000003</v>
      </c>
      <c r="AF39" s="140">
        <v>0.29350000000000004</v>
      </c>
      <c r="AG39" s="140">
        <v>0.29350000000000004</v>
      </c>
      <c r="AH39" s="140">
        <v>0.35299999999999998</v>
      </c>
      <c r="AI39" s="140">
        <v>0.42780000000000001</v>
      </c>
      <c r="AJ39" s="140">
        <v>0.42780000000000001</v>
      </c>
      <c r="AK39" s="140">
        <v>0.42349999999999999</v>
      </c>
      <c r="AL39" s="140">
        <v>0.43959999999999999</v>
      </c>
      <c r="AM39" s="140">
        <v>0.4133</v>
      </c>
      <c r="AN39" s="140">
        <v>0.38880000000000003</v>
      </c>
      <c r="AO39" s="140">
        <v>0.33340000000000003</v>
      </c>
      <c r="AP39" s="140">
        <v>0.30199999999999999</v>
      </c>
      <c r="AQ39" s="140">
        <v>0.28550000000000003</v>
      </c>
      <c r="AR39" s="140">
        <v>0.27729999999999999</v>
      </c>
      <c r="AS39" s="140">
        <v>0.2757</v>
      </c>
      <c r="AT39" s="140">
        <v>0.27660000000000001</v>
      </c>
      <c r="AU39" s="140">
        <v>0.24059999999999998</v>
      </c>
      <c r="AV39" s="140">
        <v>0.24129999999999999</v>
      </c>
      <c r="AW39" s="150">
        <v>0.2427</v>
      </c>
      <c r="AX39" s="146">
        <v>0.25040000000000001</v>
      </c>
      <c r="AY39" s="153">
        <v>0.25489999999999996</v>
      </c>
      <c r="AZ39" s="150">
        <v>0.2631</v>
      </c>
      <c r="BA39" s="153">
        <v>0.25600000000000001</v>
      </c>
      <c r="BB39" s="150">
        <v>0.23620000000000002</v>
      </c>
      <c r="BC39" s="150">
        <v>0.23629999999999998</v>
      </c>
      <c r="BD39" s="150">
        <v>0.28570000000000001</v>
      </c>
      <c r="BE39" s="111"/>
    </row>
    <row r="40" spans="3:57" x14ac:dyDescent="0.2">
      <c r="C40" s="126" t="s">
        <v>118</v>
      </c>
      <c r="D40" s="158" t="s">
        <v>58</v>
      </c>
      <c r="E40" s="146">
        <v>0.70739999999999992</v>
      </c>
      <c r="F40" s="111">
        <v>0.75840000000000007</v>
      </c>
      <c r="G40" s="111">
        <v>0.70620000000000005</v>
      </c>
      <c r="H40" s="111">
        <v>0.82389999999999997</v>
      </c>
      <c r="I40" s="111">
        <v>0.80650000000000011</v>
      </c>
      <c r="J40" s="140">
        <v>0.7095999999999999</v>
      </c>
      <c r="K40" s="140">
        <v>0.46130000000000004</v>
      </c>
      <c r="L40" s="146">
        <v>0.69290000000000007</v>
      </c>
      <c r="M40" s="146">
        <v>0.68040000000000012</v>
      </c>
      <c r="N40" s="140">
        <v>0.74230000000000007</v>
      </c>
      <c r="O40" s="140">
        <v>0.81540000000000001</v>
      </c>
      <c r="P40" s="140">
        <v>1.1035999999999999</v>
      </c>
      <c r="Q40" s="146">
        <v>1.0871999999999999</v>
      </c>
      <c r="R40" s="146">
        <v>1.145</v>
      </c>
      <c r="S40" s="140">
        <v>1.1566000000000001</v>
      </c>
      <c r="T40" s="140">
        <v>0.86760000000000004</v>
      </c>
      <c r="U40" s="200">
        <v>0.66870000000000007</v>
      </c>
      <c r="V40" s="150">
        <v>0.61719999999999997</v>
      </c>
      <c r="W40" s="140">
        <v>0.58760000000000001</v>
      </c>
      <c r="X40" s="140">
        <v>0.49640000000000001</v>
      </c>
      <c r="Y40" s="140">
        <v>0.52839999999999998</v>
      </c>
      <c r="Z40" s="150">
        <v>0.57399999999999995</v>
      </c>
      <c r="AA40" s="140">
        <v>0.64</v>
      </c>
      <c r="AB40" s="140">
        <v>0.67290000000000005</v>
      </c>
      <c r="AC40" s="140">
        <v>0.63090000000000002</v>
      </c>
      <c r="AD40" s="140">
        <v>0.70519999999999994</v>
      </c>
      <c r="AE40" s="140">
        <v>0.82189999999999996</v>
      </c>
      <c r="AF40" s="140">
        <v>0.76219999999999999</v>
      </c>
      <c r="AG40" s="140">
        <v>0.76219999999999999</v>
      </c>
      <c r="AH40" s="140">
        <v>0.66700000000000004</v>
      </c>
      <c r="AI40" s="140">
        <v>0.58729999999999993</v>
      </c>
      <c r="AJ40" s="140">
        <v>0.58729999999999993</v>
      </c>
      <c r="AK40" s="140">
        <v>0.59909999999999997</v>
      </c>
      <c r="AL40" s="140">
        <v>0.6069</v>
      </c>
      <c r="AM40" s="140">
        <v>0.49369999999999997</v>
      </c>
      <c r="AN40" s="140">
        <v>0.49</v>
      </c>
      <c r="AO40" s="140">
        <v>0.53290000000000004</v>
      </c>
      <c r="AP40" s="140">
        <v>0.51749999999999996</v>
      </c>
      <c r="AQ40" s="140">
        <v>0.48130000000000001</v>
      </c>
      <c r="AR40" s="140">
        <v>0.4819</v>
      </c>
      <c r="AS40" s="140">
        <v>0.50350000000000006</v>
      </c>
      <c r="AT40" s="140">
        <v>0.43030000000000002</v>
      </c>
      <c r="AU40" s="140">
        <v>0.44929999999999998</v>
      </c>
      <c r="AV40" s="140">
        <v>0.4138</v>
      </c>
      <c r="AW40" s="150">
        <v>0.36880000000000002</v>
      </c>
      <c r="AX40" s="146">
        <v>0.46060000000000001</v>
      </c>
      <c r="AY40" s="153">
        <v>0.48719999999999997</v>
      </c>
      <c r="AZ40" s="150">
        <v>0.49270000000000003</v>
      </c>
      <c r="BA40" s="153">
        <v>0.77689999999999992</v>
      </c>
      <c r="BB40" s="150">
        <v>0.70219999999999994</v>
      </c>
      <c r="BC40" s="150">
        <v>0.65339999999999998</v>
      </c>
      <c r="BD40" s="150">
        <v>0.73439999999999994</v>
      </c>
      <c r="BE40" s="111"/>
    </row>
    <row r="41" spans="3:57" x14ac:dyDescent="0.2">
      <c r="C41" s="126" t="s">
        <v>104</v>
      </c>
      <c r="D41" s="158" t="s">
        <v>58</v>
      </c>
      <c r="E41" s="146">
        <v>0.84239999999999993</v>
      </c>
      <c r="F41" s="111">
        <v>0.90510000000000002</v>
      </c>
      <c r="G41" s="111">
        <v>0.72219999999999995</v>
      </c>
      <c r="H41" s="111">
        <v>0.48820000000000002</v>
      </c>
      <c r="I41" s="111">
        <v>0.45770000000000005</v>
      </c>
      <c r="J41" s="140">
        <v>0.42299999999999999</v>
      </c>
      <c r="K41" s="140">
        <v>0.41710000000000003</v>
      </c>
      <c r="L41" s="146">
        <v>0.52659999999999996</v>
      </c>
      <c r="M41" s="146">
        <v>0.69310000000000005</v>
      </c>
      <c r="N41" s="140">
        <v>0.82189999999999996</v>
      </c>
      <c r="O41" s="140">
        <v>0.85049999999999992</v>
      </c>
      <c r="P41" s="140">
        <v>0.83930000000000005</v>
      </c>
      <c r="Q41" s="146">
        <v>0.82079999999999997</v>
      </c>
      <c r="R41" s="146">
        <v>0.85219999999999996</v>
      </c>
      <c r="S41" s="140">
        <v>0.8125</v>
      </c>
      <c r="T41" s="140">
        <v>0.92209999999999992</v>
      </c>
      <c r="U41" s="200">
        <v>0.77329999999999999</v>
      </c>
      <c r="V41" s="150">
        <v>0.51350000000000007</v>
      </c>
      <c r="W41" s="140">
        <v>0.34920000000000001</v>
      </c>
      <c r="X41" s="140">
        <v>0.34409999999999996</v>
      </c>
      <c r="Y41" s="140">
        <v>0.3775</v>
      </c>
      <c r="Z41" s="150">
        <v>0.49890000000000001</v>
      </c>
      <c r="AA41" s="140">
        <v>0.47889999999999999</v>
      </c>
      <c r="AB41" s="140">
        <v>0.45419999999999999</v>
      </c>
      <c r="AC41" s="140">
        <v>0.42299999999999999</v>
      </c>
      <c r="AD41" s="140">
        <v>0.52400000000000002</v>
      </c>
      <c r="AE41" s="140">
        <v>0.60880000000000001</v>
      </c>
      <c r="AF41" s="140">
        <v>0.51570000000000005</v>
      </c>
      <c r="AG41" s="140">
        <v>0.51570000000000005</v>
      </c>
      <c r="AH41" s="140">
        <v>0.50570000000000004</v>
      </c>
      <c r="AI41" s="140">
        <v>0.51900000000000002</v>
      </c>
      <c r="AJ41" s="140">
        <v>0.51900000000000002</v>
      </c>
      <c r="AK41" s="140">
        <v>0.6462</v>
      </c>
      <c r="AL41" s="140">
        <v>0.51350000000000007</v>
      </c>
      <c r="AM41" s="140">
        <v>0.43049999999999999</v>
      </c>
      <c r="AN41" s="140">
        <v>0.39460000000000001</v>
      </c>
      <c r="AO41" s="140">
        <v>0.47869999999999996</v>
      </c>
      <c r="AP41" s="140">
        <v>0.59060000000000001</v>
      </c>
      <c r="AQ41" s="140">
        <v>0.47749999999999998</v>
      </c>
      <c r="AR41" s="140">
        <v>0.59950000000000003</v>
      </c>
      <c r="AS41" s="140">
        <v>0.73239999999999994</v>
      </c>
      <c r="AT41" s="140">
        <v>0.5746</v>
      </c>
      <c r="AU41" s="140">
        <v>0.54730000000000001</v>
      </c>
      <c r="AV41" s="140">
        <v>0.53770000000000007</v>
      </c>
      <c r="AW41" s="150">
        <v>0.5302</v>
      </c>
      <c r="AX41" s="146">
        <v>0.52600000000000002</v>
      </c>
      <c r="AY41" s="153">
        <v>0.60580000000000001</v>
      </c>
      <c r="AZ41" s="150">
        <v>0.65480000000000005</v>
      </c>
      <c r="BA41" s="153">
        <v>0.77529999999999999</v>
      </c>
      <c r="BB41" s="150">
        <v>0.79590000000000005</v>
      </c>
      <c r="BC41" s="150">
        <v>0.65590000000000004</v>
      </c>
      <c r="BD41" s="150">
        <v>0.52359999999999995</v>
      </c>
      <c r="BE41" s="111"/>
    </row>
    <row r="42" spans="3:57" x14ac:dyDescent="0.2">
      <c r="C42" s="126" t="s">
        <v>87</v>
      </c>
      <c r="D42" s="158" t="s">
        <v>58</v>
      </c>
      <c r="E42" s="146">
        <v>0.17879999999999999</v>
      </c>
      <c r="F42" s="111">
        <v>0.2039</v>
      </c>
      <c r="G42" s="111">
        <v>0.20430000000000001</v>
      </c>
      <c r="H42" s="111">
        <v>0.20430000000000001</v>
      </c>
      <c r="I42" s="111">
        <v>0.26919999999999999</v>
      </c>
      <c r="J42" s="140">
        <v>0.27489999999999998</v>
      </c>
      <c r="K42" s="140">
        <v>0.26899999999999996</v>
      </c>
      <c r="L42" s="146">
        <v>0.26229999999999998</v>
      </c>
      <c r="M42" s="146">
        <v>0.29359999999999997</v>
      </c>
      <c r="N42" s="140">
        <v>0.29359999999999997</v>
      </c>
      <c r="O42" s="140">
        <v>0.29359999999999997</v>
      </c>
      <c r="P42" s="140">
        <v>0.28970000000000001</v>
      </c>
      <c r="Q42" s="146">
        <v>0.3024</v>
      </c>
      <c r="R42" s="146">
        <v>0.27440000000000003</v>
      </c>
      <c r="S42" s="140">
        <v>0.27250000000000002</v>
      </c>
      <c r="T42" s="140">
        <v>0.25920000000000004</v>
      </c>
      <c r="U42" s="200">
        <v>0.24</v>
      </c>
      <c r="V42" s="150">
        <v>0.23379999999999998</v>
      </c>
      <c r="W42" s="140">
        <v>0.2157</v>
      </c>
      <c r="X42" s="140">
        <v>0.2157</v>
      </c>
      <c r="Y42" s="140">
        <v>0.20699999999999999</v>
      </c>
      <c r="Z42" s="150">
        <v>0.19989999999999999</v>
      </c>
      <c r="AA42" s="140">
        <v>0.19989999999999999</v>
      </c>
      <c r="AB42" s="140">
        <v>0.22370000000000001</v>
      </c>
      <c r="AC42" s="140">
        <v>0.2238</v>
      </c>
      <c r="AD42" s="140">
        <v>0.2147</v>
      </c>
      <c r="AE42" s="140">
        <v>0.2059</v>
      </c>
      <c r="AF42" s="140">
        <v>0.1971</v>
      </c>
      <c r="AG42" s="140">
        <v>0.1971</v>
      </c>
      <c r="AH42" s="140">
        <v>0.1971</v>
      </c>
      <c r="AI42" s="140">
        <v>0.1895</v>
      </c>
      <c r="AJ42" s="140">
        <v>0.1895</v>
      </c>
      <c r="AK42" s="140">
        <v>0.17859999999999998</v>
      </c>
      <c r="AL42" s="140">
        <v>0.17879999999999999</v>
      </c>
      <c r="AM42" s="140">
        <v>0.17949999999999999</v>
      </c>
      <c r="AN42" s="140">
        <v>0.17949999999999999</v>
      </c>
      <c r="AO42" s="140">
        <v>0.17949999999999999</v>
      </c>
      <c r="AP42" s="140">
        <v>0.17949999999999999</v>
      </c>
      <c r="AQ42" s="140">
        <v>0.17949999999999999</v>
      </c>
      <c r="AR42" s="140">
        <v>0.17829999999999999</v>
      </c>
      <c r="AS42" s="140">
        <v>0.17829999999999999</v>
      </c>
      <c r="AT42" s="140">
        <v>0.17829999999999999</v>
      </c>
      <c r="AU42" s="140">
        <v>0.17829999999999999</v>
      </c>
      <c r="AV42" s="140">
        <v>0.17760000000000001</v>
      </c>
      <c r="AW42" s="150">
        <v>0.17760000000000001</v>
      </c>
      <c r="AX42" s="146">
        <v>0.1837</v>
      </c>
      <c r="AY42" s="153">
        <v>0.1837</v>
      </c>
      <c r="AZ42" s="150">
        <v>0.18230000000000002</v>
      </c>
      <c r="BA42" s="153">
        <v>0.18230000000000002</v>
      </c>
      <c r="BB42" s="150">
        <v>0.18230000000000002</v>
      </c>
      <c r="BC42" s="150">
        <v>0.18230000000000002</v>
      </c>
      <c r="BD42" s="150">
        <v>0.18230000000000002</v>
      </c>
      <c r="BE42" s="111"/>
    </row>
    <row r="43" spans="3:57" x14ac:dyDescent="0.2">
      <c r="C43" s="126" t="s">
        <v>88</v>
      </c>
      <c r="D43" s="158" t="s">
        <v>58</v>
      </c>
      <c r="E43" s="146">
        <v>0.18739999999999998</v>
      </c>
      <c r="F43" s="111">
        <v>0.17980000000000002</v>
      </c>
      <c r="G43" s="111">
        <v>0.17739999999999997</v>
      </c>
      <c r="H43" s="111">
        <v>0.17620000000000002</v>
      </c>
      <c r="I43" s="111">
        <v>0.1724</v>
      </c>
      <c r="J43" s="140">
        <v>0.17499999999999999</v>
      </c>
      <c r="K43" s="140">
        <v>0.17499999999999999</v>
      </c>
      <c r="L43" s="146">
        <v>0.1726</v>
      </c>
      <c r="M43" s="146">
        <v>0.17</v>
      </c>
      <c r="N43" s="140">
        <v>0.16500000000000001</v>
      </c>
      <c r="O43" s="140">
        <v>0.16500000000000001</v>
      </c>
      <c r="P43" s="140">
        <v>0.16500000000000001</v>
      </c>
      <c r="Q43" s="146">
        <v>0.1789</v>
      </c>
      <c r="R43" s="146">
        <v>0.2263</v>
      </c>
      <c r="S43" s="140">
        <v>0.29010000000000002</v>
      </c>
      <c r="T43" s="140">
        <v>0.30969999999999998</v>
      </c>
      <c r="U43" s="200">
        <v>0.35039999999999999</v>
      </c>
      <c r="V43" s="150">
        <v>0.33610000000000001</v>
      </c>
      <c r="W43" s="140">
        <v>0.34659999999999996</v>
      </c>
      <c r="X43" s="140">
        <v>0.34279999999999999</v>
      </c>
      <c r="Y43" s="140">
        <v>0.32450000000000001</v>
      </c>
      <c r="Z43" s="150">
        <v>0.2989</v>
      </c>
      <c r="AA43" s="140">
        <v>0.313</v>
      </c>
      <c r="AB43" s="140">
        <v>0.31819999999999998</v>
      </c>
      <c r="AC43" s="140">
        <v>0.32250000000000001</v>
      </c>
      <c r="AD43" s="140">
        <v>0.38789999999999997</v>
      </c>
      <c r="AE43" s="140">
        <v>0.38030000000000003</v>
      </c>
      <c r="AF43" s="140">
        <v>0.42499999999999999</v>
      </c>
      <c r="AG43" s="140">
        <v>0.42499999999999999</v>
      </c>
      <c r="AH43" s="140">
        <v>0.4375</v>
      </c>
      <c r="AI43" s="140">
        <v>0.4375</v>
      </c>
      <c r="AJ43" s="140">
        <v>0.4375</v>
      </c>
      <c r="AK43" s="140">
        <v>0.4</v>
      </c>
      <c r="AL43" s="140">
        <v>0.47499999999999998</v>
      </c>
      <c r="AM43" s="140">
        <v>0.35</v>
      </c>
      <c r="AN43" s="140">
        <v>0.35</v>
      </c>
      <c r="AO43" s="140">
        <v>0.35</v>
      </c>
      <c r="AP43" s="140">
        <v>0.54520000000000002</v>
      </c>
      <c r="AQ43" s="140">
        <v>0.54</v>
      </c>
      <c r="AR43" s="140">
        <v>0.50600000000000001</v>
      </c>
      <c r="AS43" s="140">
        <v>0.4506</v>
      </c>
      <c r="AT43" s="140">
        <v>0.39149999999999996</v>
      </c>
      <c r="AU43" s="140">
        <v>0.37009999999999998</v>
      </c>
      <c r="AV43" s="140">
        <v>0.33119999999999999</v>
      </c>
      <c r="AW43" s="150">
        <v>0.30530000000000002</v>
      </c>
      <c r="AX43" s="146">
        <v>0.27929999999999999</v>
      </c>
      <c r="AY43" s="153">
        <v>0.26479999999999998</v>
      </c>
      <c r="AZ43" s="150">
        <v>0.25209999999999999</v>
      </c>
      <c r="BA43" s="153">
        <v>0.23680000000000001</v>
      </c>
      <c r="BB43" s="150">
        <v>0.22270000000000001</v>
      </c>
      <c r="BC43" s="150">
        <v>0.21179999999999999</v>
      </c>
      <c r="BD43" s="150">
        <v>0.19739999999999999</v>
      </c>
      <c r="BE43" s="111"/>
    </row>
    <row r="44" spans="3:57" x14ac:dyDescent="0.2">
      <c r="C44" s="166" t="s">
        <v>123</v>
      </c>
      <c r="D44" s="158" t="s">
        <v>58</v>
      </c>
      <c r="E44" s="146">
        <v>0.21729999999999999</v>
      </c>
      <c r="F44" s="111">
        <v>0.23070000000000002</v>
      </c>
      <c r="G44" s="111">
        <v>0.27860000000000001</v>
      </c>
      <c r="H44" s="111">
        <v>0.31530000000000002</v>
      </c>
      <c r="I44" s="111">
        <v>0.32</v>
      </c>
      <c r="J44" s="140">
        <v>0.32</v>
      </c>
      <c r="K44" s="140" t="s">
        <v>90</v>
      </c>
      <c r="L44" s="146" t="s">
        <v>90</v>
      </c>
      <c r="M44" s="146" t="s">
        <v>90</v>
      </c>
      <c r="N44" s="140" t="s">
        <v>90</v>
      </c>
      <c r="O44" s="140" t="s">
        <v>90</v>
      </c>
      <c r="P44" s="140" t="s">
        <v>90</v>
      </c>
      <c r="Q44" s="146" t="s">
        <v>90</v>
      </c>
      <c r="R44" s="146" t="s">
        <v>90</v>
      </c>
      <c r="S44" s="140" t="s">
        <v>90</v>
      </c>
      <c r="T44" s="140" t="s">
        <v>90</v>
      </c>
      <c r="U44" s="200" t="s">
        <v>90</v>
      </c>
      <c r="V44" s="150" t="s">
        <v>90</v>
      </c>
      <c r="W44" s="140" t="s">
        <v>90</v>
      </c>
      <c r="X44" s="140" t="s">
        <v>90</v>
      </c>
      <c r="Y44" s="140" t="s">
        <v>90</v>
      </c>
      <c r="Z44" s="150" t="s">
        <v>90</v>
      </c>
      <c r="AA44" s="140" t="s">
        <v>90</v>
      </c>
      <c r="AB44" s="140" t="s">
        <v>90</v>
      </c>
      <c r="AC44" s="140" t="s">
        <v>90</v>
      </c>
      <c r="AD44" s="140" t="s">
        <v>90</v>
      </c>
      <c r="AE44" s="140" t="s">
        <v>90</v>
      </c>
      <c r="AF44" s="140" t="s">
        <v>90</v>
      </c>
      <c r="AG44" s="140" t="s">
        <v>90</v>
      </c>
      <c r="AH44" s="140" t="s">
        <v>90</v>
      </c>
      <c r="AI44" s="140" t="s">
        <v>90</v>
      </c>
      <c r="AJ44" s="140" t="s">
        <v>90</v>
      </c>
      <c r="AK44" s="140" t="s">
        <v>90</v>
      </c>
      <c r="AL44" s="140">
        <v>0.39409999999999995</v>
      </c>
      <c r="AM44" s="140">
        <v>0.39890000000000003</v>
      </c>
      <c r="AN44" s="140">
        <v>0.43060000000000004</v>
      </c>
      <c r="AO44" s="140">
        <v>0.42149999999999999</v>
      </c>
      <c r="AP44" s="140">
        <v>0.40009999999999996</v>
      </c>
      <c r="AQ44" s="140">
        <v>0.40240000000000004</v>
      </c>
      <c r="AR44" s="140">
        <v>0.40579999999999999</v>
      </c>
      <c r="AS44" s="140">
        <v>0.40310000000000001</v>
      </c>
      <c r="AT44" s="140">
        <v>0.38350000000000001</v>
      </c>
      <c r="AU44" s="140">
        <v>0.37939999999999996</v>
      </c>
      <c r="AV44" s="140">
        <v>0.34979999999999994</v>
      </c>
      <c r="AW44" s="150">
        <v>0.33360000000000001</v>
      </c>
      <c r="AX44" s="146">
        <v>0.33759999999999996</v>
      </c>
      <c r="AY44" s="153">
        <v>0.32390000000000002</v>
      </c>
      <c r="AZ44" s="150">
        <v>0.34310000000000002</v>
      </c>
      <c r="BA44" s="162">
        <v>0.35359999999999997</v>
      </c>
      <c r="BB44" s="150">
        <v>0.35409999999999997</v>
      </c>
      <c r="BC44" s="150">
        <v>0.35389999999999999</v>
      </c>
      <c r="BD44" s="150">
        <v>0.3392</v>
      </c>
      <c r="BE44" s="111"/>
    </row>
    <row r="45" spans="3:57" x14ac:dyDescent="0.2">
      <c r="C45" s="166" t="s">
        <v>100</v>
      </c>
      <c r="D45" s="158" t="s">
        <v>58</v>
      </c>
      <c r="E45" s="146">
        <v>0.23680000000000001</v>
      </c>
      <c r="F45" s="111">
        <v>0.2457</v>
      </c>
      <c r="G45" s="111">
        <v>0.27200000000000002</v>
      </c>
      <c r="H45" s="111">
        <v>0.30469999999999997</v>
      </c>
      <c r="I45" s="111">
        <v>0.3095</v>
      </c>
      <c r="J45" s="140">
        <v>0.32770000000000005</v>
      </c>
      <c r="K45" s="140">
        <v>0.32869999999999999</v>
      </c>
      <c r="L45" s="146">
        <v>0.33049999999999996</v>
      </c>
      <c r="M45" s="146">
        <v>0.3196</v>
      </c>
      <c r="N45" s="140">
        <v>0.32659999999999995</v>
      </c>
      <c r="O45" s="140">
        <v>0.32740000000000002</v>
      </c>
      <c r="P45" s="140">
        <v>0.33539999999999998</v>
      </c>
      <c r="Q45" s="146">
        <v>0.3619</v>
      </c>
      <c r="R45" s="146">
        <v>0.37159999999999999</v>
      </c>
      <c r="S45" s="140">
        <v>0.3795</v>
      </c>
      <c r="T45" s="140">
        <v>0.39679999999999999</v>
      </c>
      <c r="U45" s="200">
        <v>0.40639999999999998</v>
      </c>
      <c r="V45" s="150">
        <v>0.42909999999999998</v>
      </c>
      <c r="W45" s="140">
        <v>0.41</v>
      </c>
      <c r="X45" s="140" t="s">
        <v>90</v>
      </c>
      <c r="Y45" s="140" t="s">
        <v>90</v>
      </c>
      <c r="Z45" s="150" t="s">
        <v>90</v>
      </c>
      <c r="AA45" s="140" t="s">
        <v>90</v>
      </c>
      <c r="AB45" s="140" t="s">
        <v>90</v>
      </c>
      <c r="AC45" s="140" t="s">
        <v>90</v>
      </c>
      <c r="AD45" s="140" t="s">
        <v>90</v>
      </c>
      <c r="AE45" s="140" t="s">
        <v>90</v>
      </c>
      <c r="AF45" s="140" t="s">
        <v>90</v>
      </c>
      <c r="AG45" s="140" t="s">
        <v>90</v>
      </c>
      <c r="AH45" s="140" t="s">
        <v>90</v>
      </c>
      <c r="AI45" s="140" t="s">
        <v>90</v>
      </c>
      <c r="AJ45" s="140" t="s">
        <v>90</v>
      </c>
      <c r="AK45" s="140" t="s">
        <v>90</v>
      </c>
      <c r="AL45" s="140">
        <v>0.20499999999999999</v>
      </c>
      <c r="AM45" s="140">
        <v>0.20550000000000002</v>
      </c>
      <c r="AN45" s="140">
        <v>0.2112</v>
      </c>
      <c r="AO45" s="140">
        <v>0.2064</v>
      </c>
      <c r="AP45" s="140">
        <v>0.2009</v>
      </c>
      <c r="AQ45" s="140">
        <v>0.2009</v>
      </c>
      <c r="AR45" s="140">
        <v>0.1913</v>
      </c>
      <c r="AS45" s="140">
        <v>0.18659999999999999</v>
      </c>
      <c r="AT45" s="140">
        <v>0.1787</v>
      </c>
      <c r="AU45" s="140">
        <v>0.1716</v>
      </c>
      <c r="AV45" s="140">
        <v>0.16670000000000001</v>
      </c>
      <c r="AW45" s="150">
        <v>0.16329999999999997</v>
      </c>
      <c r="AX45" s="146">
        <v>0.15720000000000001</v>
      </c>
      <c r="AY45" s="153">
        <v>0.16870000000000002</v>
      </c>
      <c r="AZ45" s="150">
        <v>0.16059999999999999</v>
      </c>
      <c r="BA45" s="153">
        <v>0.15529999999999999</v>
      </c>
      <c r="BB45" s="150">
        <v>0.1489</v>
      </c>
      <c r="BC45" s="150">
        <v>0.14949999999999999</v>
      </c>
      <c r="BD45" s="150">
        <v>0.13669999999999999</v>
      </c>
      <c r="BE45" s="111"/>
    </row>
    <row r="46" spans="3:57" x14ac:dyDescent="0.2">
      <c r="C46" s="126" t="s">
        <v>89</v>
      </c>
      <c r="D46" s="158" t="s">
        <v>58</v>
      </c>
      <c r="E46" s="146">
        <v>0.625</v>
      </c>
      <c r="F46" s="111">
        <v>0.62049999999999994</v>
      </c>
      <c r="G46" s="111">
        <v>0.62290000000000001</v>
      </c>
      <c r="H46" s="111">
        <v>0.62529999999999997</v>
      </c>
      <c r="I46" s="111">
        <v>0.61580000000000001</v>
      </c>
      <c r="J46" s="140">
        <v>0.63149999999999995</v>
      </c>
      <c r="K46" s="140">
        <v>0.6381</v>
      </c>
      <c r="L46" s="146">
        <v>0.65310000000000001</v>
      </c>
      <c r="M46" s="146">
        <v>0.65590000000000004</v>
      </c>
      <c r="N46" s="140">
        <v>0.6552</v>
      </c>
      <c r="O46" s="140">
        <v>0.65639999999999998</v>
      </c>
      <c r="P46" s="140">
        <v>0.65540000000000009</v>
      </c>
      <c r="Q46" s="146">
        <v>0.6573</v>
      </c>
      <c r="R46" s="146">
        <v>0.65489999999999993</v>
      </c>
      <c r="S46" s="140">
        <v>0.65689999999999993</v>
      </c>
      <c r="T46" s="140">
        <v>0.65650000000000008</v>
      </c>
      <c r="U46" s="200">
        <v>0.65670000000000006</v>
      </c>
      <c r="V46" s="150">
        <v>0.64190000000000003</v>
      </c>
      <c r="W46" s="140">
        <v>0.6654000000000001</v>
      </c>
      <c r="X46" s="140">
        <v>0.68</v>
      </c>
      <c r="Y46" s="140">
        <v>0.71950000000000003</v>
      </c>
      <c r="Z46" s="150">
        <v>0.74209999999999998</v>
      </c>
      <c r="AA46" s="140">
        <v>0.73609999999999998</v>
      </c>
      <c r="AB46" s="140">
        <v>0.73049999999999993</v>
      </c>
      <c r="AC46" s="140">
        <v>0.72889999999999999</v>
      </c>
      <c r="AD46" s="140">
        <v>0.71660000000000001</v>
      </c>
      <c r="AE46" s="140">
        <v>0.74129999999999996</v>
      </c>
      <c r="AF46" s="140">
        <v>0.74129999999999996</v>
      </c>
      <c r="AG46" s="140">
        <v>0.74129999999999996</v>
      </c>
      <c r="AH46" s="140">
        <v>0.76</v>
      </c>
      <c r="AI46" s="140">
        <v>0.60170000000000001</v>
      </c>
      <c r="AJ46" s="140">
        <v>0.60170000000000001</v>
      </c>
      <c r="AK46" s="140">
        <v>0.60170000000000001</v>
      </c>
      <c r="AL46" s="140">
        <v>0.61380000000000001</v>
      </c>
      <c r="AM46" s="140">
        <v>0.57950000000000002</v>
      </c>
      <c r="AN46" s="140">
        <v>0.54289999999999994</v>
      </c>
      <c r="AO46" s="140">
        <v>0.50829999999999997</v>
      </c>
      <c r="AP46" s="140">
        <v>0.48009999999999997</v>
      </c>
      <c r="AQ46" s="140">
        <v>0.4587</v>
      </c>
      <c r="AR46" s="140">
        <v>0.48380000000000001</v>
      </c>
      <c r="AS46" s="140">
        <v>0.51080000000000003</v>
      </c>
      <c r="AT46" s="140">
        <v>0.4803</v>
      </c>
      <c r="AU46" s="140">
        <v>0.47989999999999999</v>
      </c>
      <c r="AV46" s="140">
        <v>0.45579999999999998</v>
      </c>
      <c r="AW46" s="150">
        <v>0.45760000000000001</v>
      </c>
      <c r="AX46" s="146">
        <v>0.46060000000000001</v>
      </c>
      <c r="AY46" s="153">
        <v>0.47060000000000002</v>
      </c>
      <c r="AZ46" s="150">
        <v>0.44850000000000001</v>
      </c>
      <c r="BA46" s="153">
        <v>0.45100000000000001</v>
      </c>
      <c r="BB46" s="150">
        <v>0.4582</v>
      </c>
      <c r="BC46" s="150">
        <v>0.4582</v>
      </c>
      <c r="BD46" s="150">
        <v>0.4582</v>
      </c>
      <c r="BE46" s="111"/>
    </row>
    <row r="47" spans="3:57" x14ac:dyDescent="0.2">
      <c r="C47" s="126" t="s">
        <v>95</v>
      </c>
      <c r="D47" s="158" t="s">
        <v>58</v>
      </c>
      <c r="E47" s="146">
        <v>0.50409999999999999</v>
      </c>
      <c r="F47" s="111">
        <v>0.50409999999999999</v>
      </c>
      <c r="G47" s="111">
        <v>0.50309999999999999</v>
      </c>
      <c r="H47" s="111">
        <v>0.50309999999999999</v>
      </c>
      <c r="I47" s="111">
        <v>0.50219999999999998</v>
      </c>
      <c r="J47" s="140">
        <v>0.50219999999999998</v>
      </c>
      <c r="K47" s="140">
        <v>0.50219999999999998</v>
      </c>
      <c r="L47" s="146">
        <v>0.51849999999999996</v>
      </c>
      <c r="M47" s="146">
        <v>0.53679999999999994</v>
      </c>
      <c r="N47" s="140">
        <v>0.54430000000000001</v>
      </c>
      <c r="O47" s="140">
        <v>0.54430000000000001</v>
      </c>
      <c r="P47" s="140">
        <v>0.54430000000000001</v>
      </c>
      <c r="Q47" s="146">
        <v>0.56859999999999999</v>
      </c>
      <c r="R47" s="146">
        <v>0.56859999999999999</v>
      </c>
      <c r="S47" s="140">
        <v>0.54249999999999998</v>
      </c>
      <c r="T47" s="140">
        <v>0.5544</v>
      </c>
      <c r="U47" s="200">
        <v>0.5544</v>
      </c>
      <c r="V47" s="150">
        <v>0.57979999999999998</v>
      </c>
      <c r="W47" s="140">
        <v>0.61370000000000002</v>
      </c>
      <c r="X47" s="140">
        <v>0.61419999999999997</v>
      </c>
      <c r="Y47" s="140">
        <v>0.59520000000000006</v>
      </c>
      <c r="Z47" s="150" t="s">
        <v>90</v>
      </c>
      <c r="AA47" s="140" t="s">
        <v>90</v>
      </c>
      <c r="AB47" s="140" t="s">
        <v>90</v>
      </c>
      <c r="AC47" s="140" t="s">
        <v>90</v>
      </c>
      <c r="AD47" s="140" t="s">
        <v>90</v>
      </c>
      <c r="AE47" s="140" t="s">
        <v>90</v>
      </c>
      <c r="AF47" s="140" t="s">
        <v>90</v>
      </c>
      <c r="AG47" s="140" t="s">
        <v>90</v>
      </c>
      <c r="AH47" s="140" t="s">
        <v>90</v>
      </c>
      <c r="AI47" s="140" t="s">
        <v>90</v>
      </c>
      <c r="AJ47" s="140" t="s">
        <v>90</v>
      </c>
      <c r="AK47" s="140">
        <v>0.5</v>
      </c>
      <c r="AL47" s="140">
        <v>0.5</v>
      </c>
      <c r="AM47" s="140">
        <v>0.5</v>
      </c>
      <c r="AN47" s="140">
        <v>0.50790000000000002</v>
      </c>
      <c r="AO47" s="140">
        <v>0.51200000000000001</v>
      </c>
      <c r="AP47" s="140">
        <v>0.56950000000000001</v>
      </c>
      <c r="AQ47" s="140">
        <v>0.5736</v>
      </c>
      <c r="AR47" s="140">
        <v>0.61340000000000006</v>
      </c>
      <c r="AS47" s="140">
        <v>0.65</v>
      </c>
      <c r="AT47" s="140">
        <v>0.6493000000000001</v>
      </c>
      <c r="AU47" s="140">
        <v>0.64450000000000007</v>
      </c>
      <c r="AV47" s="140">
        <v>0.68200000000000005</v>
      </c>
      <c r="AW47" s="150">
        <v>0.68200000000000005</v>
      </c>
      <c r="AX47" s="146">
        <v>0.73450000000000004</v>
      </c>
      <c r="AY47" s="153">
        <v>0.72089999999999999</v>
      </c>
      <c r="AZ47" s="150">
        <v>0.75129999999999997</v>
      </c>
      <c r="BA47" s="153">
        <v>0.76760000000000006</v>
      </c>
      <c r="BB47" s="150">
        <v>0.77549999999999997</v>
      </c>
      <c r="BC47" s="150">
        <v>0.77549999999999997</v>
      </c>
      <c r="BD47" s="150">
        <v>0.77549999999999997</v>
      </c>
      <c r="BE47" s="111"/>
    </row>
    <row r="48" spans="3:57" x14ac:dyDescent="0.2">
      <c r="C48" s="100" t="s">
        <v>96</v>
      </c>
      <c r="D48" s="158" t="s">
        <v>58</v>
      </c>
      <c r="E48" s="146">
        <v>0.31690000000000002</v>
      </c>
      <c r="F48" s="111">
        <v>0.39100000000000001</v>
      </c>
      <c r="G48" s="111">
        <v>0.40570000000000001</v>
      </c>
      <c r="H48" s="111">
        <v>0.41350000000000003</v>
      </c>
      <c r="I48" s="111">
        <v>0.41159999999999997</v>
      </c>
      <c r="J48" s="140">
        <v>0.4052</v>
      </c>
      <c r="K48" s="140">
        <v>0.35310000000000002</v>
      </c>
      <c r="L48" s="146">
        <v>0.34860000000000002</v>
      </c>
      <c r="M48" s="146">
        <v>0.29760000000000003</v>
      </c>
      <c r="N48" s="140">
        <v>0.29680000000000001</v>
      </c>
      <c r="O48" s="140">
        <v>0.30299999999999999</v>
      </c>
      <c r="P48" s="140">
        <v>0.29849999999999999</v>
      </c>
      <c r="Q48" s="146">
        <v>0.3871</v>
      </c>
      <c r="R48" s="146">
        <v>0.46110000000000001</v>
      </c>
      <c r="S48" s="140">
        <v>0.48320000000000002</v>
      </c>
      <c r="T48" s="140">
        <v>0.46090000000000003</v>
      </c>
      <c r="U48" s="200">
        <v>0.45799999999999996</v>
      </c>
      <c r="V48" s="150">
        <v>0.41070000000000001</v>
      </c>
      <c r="W48" s="140">
        <v>0.2873</v>
      </c>
      <c r="X48" s="140">
        <v>0.3115</v>
      </c>
      <c r="Y48" s="140">
        <v>0.31209999999999999</v>
      </c>
      <c r="Z48" s="150">
        <v>0.36070000000000002</v>
      </c>
      <c r="AA48" s="140">
        <v>0.4375</v>
      </c>
      <c r="AB48" s="140">
        <v>0.4607</v>
      </c>
      <c r="AC48" s="140">
        <v>0.48770000000000002</v>
      </c>
      <c r="AD48" s="140">
        <v>0.5232</v>
      </c>
      <c r="AE48" s="140">
        <v>0.62390000000000001</v>
      </c>
      <c r="AF48" s="140">
        <v>0.62390000000000001</v>
      </c>
      <c r="AG48" s="140">
        <v>0.67540000000000011</v>
      </c>
      <c r="AH48" s="140">
        <v>0.67540000000000011</v>
      </c>
      <c r="AI48" s="140">
        <v>0.68640000000000001</v>
      </c>
      <c r="AJ48" s="140">
        <v>0.68640000000000001</v>
      </c>
      <c r="AK48" s="140">
        <v>0.58599999999999997</v>
      </c>
      <c r="AL48" s="140">
        <v>0.38900000000000001</v>
      </c>
      <c r="AM48" s="140">
        <v>0.3911</v>
      </c>
      <c r="AN48" s="140">
        <v>0.3054</v>
      </c>
      <c r="AO48" s="140">
        <v>0.2122</v>
      </c>
      <c r="AP48" s="140">
        <v>0.2079</v>
      </c>
      <c r="AQ48" s="140">
        <v>0.25120000000000003</v>
      </c>
      <c r="AR48" s="140">
        <v>0.35220000000000001</v>
      </c>
      <c r="AS48" s="140">
        <v>0.50929999999999997</v>
      </c>
      <c r="AT48" s="140">
        <v>0.62939999999999996</v>
      </c>
      <c r="AU48" s="140">
        <v>0.63560000000000005</v>
      </c>
      <c r="AV48" s="140">
        <v>0.63939999999999997</v>
      </c>
      <c r="AW48" s="150">
        <v>0.64150000000000007</v>
      </c>
      <c r="AX48" s="146">
        <v>0.64780000000000004</v>
      </c>
      <c r="AY48" s="153">
        <v>0.64700000000000002</v>
      </c>
      <c r="AZ48" s="150">
        <v>0.64379999999999993</v>
      </c>
      <c r="BA48" s="153">
        <v>0.69540000000000002</v>
      </c>
      <c r="BB48" s="150">
        <v>0.69330000000000003</v>
      </c>
      <c r="BC48" s="150">
        <v>0.69019999999999992</v>
      </c>
      <c r="BD48" s="150">
        <v>0.69349999999999989</v>
      </c>
      <c r="BE48" s="111"/>
    </row>
    <row r="49" spans="3:57" x14ac:dyDescent="0.2">
      <c r="D49" s="168"/>
      <c r="E49" s="169"/>
      <c r="F49" s="169"/>
      <c r="G49" s="169"/>
      <c r="H49" s="170"/>
      <c r="I49" s="170"/>
      <c r="J49" s="170"/>
      <c r="K49" s="169"/>
      <c r="L49" s="170"/>
      <c r="M49" s="170"/>
      <c r="N49" s="170"/>
      <c r="O49" s="170"/>
      <c r="P49" s="169"/>
      <c r="Q49" s="169"/>
      <c r="R49" s="169"/>
      <c r="S49" s="170"/>
      <c r="T49" s="170"/>
      <c r="U49" s="170"/>
      <c r="V49" s="170"/>
      <c r="W49" s="117"/>
      <c r="X49" s="170"/>
      <c r="Y49" s="170"/>
      <c r="Z49" s="170"/>
      <c r="AA49" s="170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ht="16.5" customHeight="1" x14ac:dyDescent="0.2">
      <c r="C50" s="234" t="s">
        <v>188</v>
      </c>
      <c r="D50" s="232" t="s">
        <v>176</v>
      </c>
      <c r="E50" s="233"/>
      <c r="F50" s="233"/>
      <c r="G50" s="233"/>
      <c r="H50" s="233"/>
      <c r="I50" s="233"/>
      <c r="J50" s="233"/>
      <c r="K50" s="233"/>
      <c r="L50" s="233"/>
      <c r="M50" s="233"/>
      <c r="N50" s="233"/>
      <c r="O50" s="233"/>
      <c r="P50" s="233"/>
      <c r="Q50" s="233"/>
      <c r="R50" s="195"/>
      <c r="S50" s="170"/>
      <c r="T50" s="170"/>
      <c r="U50" s="170"/>
      <c r="V50" s="170"/>
      <c r="W50" s="117"/>
      <c r="X50" s="170"/>
      <c r="Y50" s="117"/>
      <c r="Z50" s="169"/>
      <c r="AA50" s="169"/>
      <c r="AB50" s="169"/>
      <c r="AC50" s="169"/>
      <c r="AD50" s="169"/>
      <c r="AE50" s="170"/>
      <c r="AF50" s="170"/>
      <c r="AG50" s="169"/>
      <c r="AH50" s="170"/>
      <c r="AI50" s="170"/>
      <c r="AJ50" s="170"/>
      <c r="AK50" s="170"/>
      <c r="AL50" s="170"/>
      <c r="AM50" s="170"/>
      <c r="AN50" s="170"/>
      <c r="AO50" s="170"/>
      <c r="AP50" s="169"/>
      <c r="AQ50" s="169"/>
      <c r="AR50" s="171"/>
      <c r="AS50" s="169"/>
      <c r="AT50" s="169"/>
      <c r="AU50" s="170"/>
      <c r="AV50" s="169"/>
      <c r="AW50" s="169"/>
      <c r="AX50" s="169"/>
      <c r="AY50" s="170"/>
      <c r="AZ50" s="169"/>
      <c r="BA50" s="169"/>
      <c r="BB50" s="169"/>
      <c r="BC50" s="170"/>
      <c r="BD50" s="170"/>
    </row>
    <row r="51" spans="3:57" x14ac:dyDescent="0.2">
      <c r="C51" s="234"/>
      <c r="D51" s="233"/>
      <c r="E51" s="233"/>
      <c r="F51" s="233"/>
      <c r="G51" s="233"/>
      <c r="H51" s="233"/>
      <c r="I51" s="233"/>
      <c r="J51" s="233"/>
      <c r="K51" s="233"/>
      <c r="L51" s="233"/>
      <c r="M51" s="233"/>
      <c r="N51" s="233"/>
      <c r="O51" s="233"/>
      <c r="P51" s="233"/>
      <c r="Q51" s="233"/>
      <c r="R51" s="174"/>
      <c r="S51" s="170"/>
      <c r="T51" s="170"/>
      <c r="U51" s="170"/>
      <c r="V51" s="170"/>
      <c r="W51" s="117"/>
      <c r="X51" s="170"/>
      <c r="Y51" s="117"/>
      <c r="Z51" s="169"/>
      <c r="AA51" s="169"/>
      <c r="AB51" s="169"/>
      <c r="AC51" s="169"/>
      <c r="AD51" s="169"/>
      <c r="AE51" s="170"/>
      <c r="AF51" s="170"/>
      <c r="AG51" s="169"/>
      <c r="AH51" s="170"/>
      <c r="AI51" s="170"/>
      <c r="AJ51" s="170"/>
      <c r="AK51" s="170"/>
      <c r="AL51" s="170"/>
      <c r="AM51" s="170"/>
      <c r="AN51" s="170"/>
      <c r="AO51" s="170"/>
      <c r="AP51" s="169"/>
      <c r="AQ51" s="169"/>
      <c r="AR51" s="171"/>
      <c r="AS51" s="169"/>
      <c r="AT51" s="169"/>
      <c r="AU51" s="170"/>
      <c r="AV51" s="169"/>
      <c r="AW51" s="169"/>
      <c r="AX51" s="169"/>
      <c r="AY51" s="170"/>
      <c r="AZ51" s="169"/>
      <c r="BA51" s="169"/>
      <c r="BB51" s="169"/>
      <c r="BC51" s="170"/>
      <c r="BD51" s="170"/>
    </row>
    <row r="52" spans="3:57" x14ac:dyDescent="0.2">
      <c r="C52" s="202" t="s">
        <v>185</v>
      </c>
      <c r="D52" s="232" t="s">
        <v>186</v>
      </c>
      <c r="E52" s="233"/>
      <c r="F52" s="233"/>
      <c r="G52" s="233"/>
      <c r="H52" s="233"/>
      <c r="I52" s="233"/>
      <c r="J52" s="233"/>
      <c r="K52" s="233"/>
      <c r="L52" s="233"/>
      <c r="M52" s="233"/>
      <c r="N52" s="233"/>
      <c r="O52" s="233"/>
      <c r="P52" s="233"/>
      <c r="Q52" s="233"/>
      <c r="R52" s="174"/>
      <c r="S52" s="170"/>
      <c r="T52" s="170"/>
      <c r="U52" s="170"/>
      <c r="V52" s="170"/>
      <c r="W52" s="117"/>
      <c r="X52" s="170"/>
      <c r="Y52" s="117"/>
      <c r="Z52" s="169"/>
      <c r="AA52" s="169"/>
      <c r="AB52" s="169"/>
      <c r="AC52" s="169"/>
      <c r="AD52" s="169"/>
      <c r="AE52" s="170"/>
      <c r="AF52" s="170"/>
      <c r="AG52" s="169"/>
      <c r="AH52" s="170"/>
      <c r="AI52" s="170"/>
      <c r="AJ52" s="170"/>
      <c r="AK52" s="170"/>
      <c r="AL52" s="170"/>
      <c r="AM52" s="170"/>
      <c r="AN52" s="170"/>
      <c r="AO52" s="170"/>
      <c r="AP52" s="169"/>
      <c r="AQ52" s="169"/>
      <c r="AR52" s="171"/>
      <c r="AS52" s="169"/>
      <c r="AT52" s="169"/>
      <c r="AU52" s="170"/>
      <c r="AV52" s="169"/>
      <c r="AW52" s="169"/>
      <c r="AX52" s="169"/>
      <c r="AY52" s="170"/>
      <c r="AZ52" s="169"/>
      <c r="BA52" s="169"/>
      <c r="BB52" s="169"/>
      <c r="BC52" s="170"/>
      <c r="BD52" s="170"/>
    </row>
    <row r="53" spans="3:57" ht="12.75" customHeight="1" x14ac:dyDescent="0.2">
      <c r="C53" s="234" t="s">
        <v>189</v>
      </c>
      <c r="D53" s="234"/>
      <c r="E53" s="234"/>
      <c r="F53" s="234"/>
      <c r="G53" s="234"/>
      <c r="H53" s="234"/>
      <c r="I53" s="234"/>
      <c r="J53" s="234"/>
      <c r="K53" s="234"/>
      <c r="L53" s="234"/>
      <c r="M53" s="234"/>
      <c r="N53" s="234"/>
      <c r="O53" s="234"/>
      <c r="P53" s="234"/>
      <c r="Q53" s="234"/>
      <c r="R53" s="234"/>
      <c r="S53" s="170"/>
      <c r="T53" s="170"/>
      <c r="U53" s="170"/>
      <c r="V53" s="170"/>
      <c r="W53" s="117"/>
      <c r="X53" s="170"/>
      <c r="Y53" s="117"/>
      <c r="Z53" s="170"/>
      <c r="AA53" s="169"/>
      <c r="AB53" s="169"/>
      <c r="AC53" s="169"/>
      <c r="AD53" s="169"/>
      <c r="AE53" s="170"/>
      <c r="AF53" s="170"/>
      <c r="AG53" s="169"/>
      <c r="AH53" s="170"/>
      <c r="AI53" s="170"/>
      <c r="AJ53" s="170"/>
      <c r="AK53" s="170"/>
      <c r="AL53" s="170"/>
      <c r="AM53" s="170"/>
      <c r="AN53" s="170"/>
      <c r="AO53" s="170"/>
      <c r="AP53" s="169"/>
      <c r="AQ53" s="169"/>
      <c r="AR53" s="171"/>
      <c r="AS53" s="169"/>
      <c r="AT53" s="169"/>
      <c r="AU53" s="170"/>
      <c r="AV53" s="169"/>
      <c r="AW53" s="169"/>
      <c r="AX53" s="169"/>
      <c r="AY53" s="170"/>
      <c r="AZ53" s="169"/>
      <c r="BA53" s="169"/>
      <c r="BB53" s="169"/>
      <c r="BC53" s="170"/>
      <c r="BD53" s="170"/>
    </row>
    <row r="54" spans="3:57" x14ac:dyDescent="0.2">
      <c r="C54" s="202"/>
      <c r="D54" s="173"/>
      <c r="E54" s="173"/>
      <c r="F54" s="173"/>
      <c r="G54" s="173"/>
      <c r="H54" s="173"/>
      <c r="I54" s="173"/>
      <c r="J54" s="173"/>
      <c r="K54" s="173"/>
      <c r="L54" s="173"/>
      <c r="M54" s="173"/>
      <c r="N54" s="173"/>
      <c r="O54" s="173"/>
      <c r="P54" s="173"/>
      <c r="Q54" s="173"/>
      <c r="R54" s="174"/>
      <c r="S54" s="170"/>
      <c r="T54" s="170"/>
      <c r="U54" s="170"/>
      <c r="V54" s="170"/>
      <c r="W54" s="117"/>
      <c r="X54" s="170"/>
      <c r="Y54" s="117"/>
      <c r="Z54" s="169"/>
      <c r="AA54" s="169"/>
      <c r="AB54" s="169"/>
      <c r="AC54" s="169"/>
      <c r="AD54" s="169"/>
      <c r="AE54" s="170"/>
      <c r="AF54" s="170"/>
      <c r="AG54" s="169"/>
      <c r="AH54" s="170"/>
      <c r="AI54" s="170"/>
      <c r="AJ54" s="170"/>
      <c r="AK54" s="170"/>
      <c r="AL54" s="170"/>
      <c r="AM54" s="170"/>
      <c r="AN54" s="170"/>
      <c r="AO54" s="170"/>
      <c r="AP54" s="169"/>
      <c r="AQ54" s="169"/>
      <c r="AR54" s="171"/>
      <c r="AS54" s="169"/>
      <c r="AT54" s="169"/>
      <c r="AU54" s="170"/>
      <c r="AV54" s="169"/>
      <c r="AW54" s="169"/>
      <c r="AX54" s="169"/>
      <c r="AY54" s="170"/>
      <c r="AZ54" s="169"/>
      <c r="BA54" s="169"/>
      <c r="BB54" s="169"/>
      <c r="BC54" s="170"/>
      <c r="BD54" s="170"/>
    </row>
    <row r="55" spans="3:57" ht="13.5" customHeight="1" x14ac:dyDescent="0.2">
      <c r="C55" s="100" t="s">
        <v>106</v>
      </c>
      <c r="D55" s="158" t="s">
        <v>58</v>
      </c>
      <c r="E55" s="100">
        <v>5.51</v>
      </c>
      <c r="F55" s="176">
        <v>5.19</v>
      </c>
      <c r="G55" s="177">
        <v>5.18</v>
      </c>
      <c r="H55" s="176">
        <v>5.66</v>
      </c>
      <c r="I55" s="176">
        <v>5.25</v>
      </c>
      <c r="J55" s="111">
        <v>5.6</v>
      </c>
      <c r="K55" s="111">
        <v>4.95</v>
      </c>
      <c r="L55" s="111">
        <v>4.8</v>
      </c>
      <c r="M55" s="111">
        <v>4.9400000000000004</v>
      </c>
      <c r="N55" s="111">
        <v>4.93</v>
      </c>
      <c r="O55" s="111">
        <v>5.12</v>
      </c>
      <c r="P55" s="111">
        <v>4.97</v>
      </c>
      <c r="Q55" s="111">
        <v>5.6</v>
      </c>
      <c r="R55" s="111">
        <v>4.9800000000000004</v>
      </c>
      <c r="S55" s="111">
        <v>5.08</v>
      </c>
      <c r="T55" s="111">
        <v>5.08</v>
      </c>
      <c r="U55" s="111">
        <v>4.7699999999999996</v>
      </c>
      <c r="V55" s="140">
        <v>4.9800000000000004</v>
      </c>
      <c r="W55" s="111">
        <v>4.9400000000000004</v>
      </c>
      <c r="X55" s="140">
        <v>5.38</v>
      </c>
      <c r="Y55" s="111">
        <v>4.9000000000000004</v>
      </c>
      <c r="Z55" s="151">
        <v>5.17</v>
      </c>
      <c r="AA55" s="111">
        <v>5.95</v>
      </c>
      <c r="AB55" s="140">
        <v>6.74</v>
      </c>
      <c r="AC55" s="111">
        <v>5.3</v>
      </c>
      <c r="AD55" s="111">
        <v>6.47</v>
      </c>
      <c r="AE55" s="140" t="s">
        <v>90</v>
      </c>
      <c r="AF55" s="140" t="s">
        <v>90</v>
      </c>
      <c r="AG55" s="140">
        <v>6.31</v>
      </c>
      <c r="AH55" s="140" t="s">
        <v>90</v>
      </c>
      <c r="AI55" s="140" t="s">
        <v>90</v>
      </c>
      <c r="AJ55" s="140" t="s">
        <v>90</v>
      </c>
      <c r="AK55" s="140" t="s">
        <v>90</v>
      </c>
      <c r="AL55" s="140" t="s">
        <v>90</v>
      </c>
      <c r="AM55" s="140" t="s">
        <v>90</v>
      </c>
      <c r="AN55" s="176" t="s">
        <v>90</v>
      </c>
      <c r="AO55" s="176" t="s">
        <v>90</v>
      </c>
      <c r="AP55" s="176" t="s">
        <v>90</v>
      </c>
      <c r="AQ55" s="176" t="s">
        <v>90</v>
      </c>
      <c r="AR55" s="176" t="s">
        <v>90</v>
      </c>
      <c r="AS55" s="176" t="s">
        <v>90</v>
      </c>
      <c r="AT55" s="176" t="s">
        <v>90</v>
      </c>
      <c r="AU55" s="176" t="s">
        <v>90</v>
      </c>
      <c r="AV55" s="177" t="s">
        <v>90</v>
      </c>
      <c r="AW55" s="176" t="s">
        <v>90</v>
      </c>
      <c r="AX55" s="111" t="s">
        <v>90</v>
      </c>
      <c r="AY55" s="177" t="s">
        <v>90</v>
      </c>
      <c r="AZ55" s="176" t="s">
        <v>90</v>
      </c>
      <c r="BA55" s="176">
        <v>8.91</v>
      </c>
      <c r="BB55" s="176">
        <v>8.82</v>
      </c>
      <c r="BC55" s="176">
        <v>7.79</v>
      </c>
      <c r="BD55" s="176">
        <v>7.79</v>
      </c>
      <c r="BE55" s="100"/>
    </row>
    <row r="56" spans="3:57" x14ac:dyDescent="0.2">
      <c r="C56" s="102"/>
      <c r="D56" s="179"/>
      <c r="E56" s="180"/>
      <c r="F56" s="180"/>
      <c r="G56" s="180"/>
      <c r="H56" s="180"/>
      <c r="I56" s="180"/>
      <c r="J56" s="180"/>
      <c r="K56" s="180"/>
      <c r="L56" s="180"/>
      <c r="M56" s="180"/>
      <c r="N56" s="180"/>
      <c r="O56" s="180"/>
      <c r="P56" s="171"/>
      <c r="Q56" s="171"/>
      <c r="R56" s="171"/>
      <c r="S56" s="171"/>
      <c r="T56" s="171"/>
      <c r="U56" s="171"/>
      <c r="V56" s="171"/>
      <c r="W56" s="171"/>
      <c r="X56" s="171"/>
      <c r="Y56" s="171"/>
      <c r="Z56" s="171"/>
      <c r="AA56" s="171"/>
      <c r="AB56" s="171"/>
      <c r="AC56" s="171"/>
      <c r="AD56" s="171"/>
      <c r="AE56" s="171"/>
      <c r="AF56" s="171"/>
      <c r="AG56" s="171"/>
      <c r="AH56" s="171"/>
      <c r="AI56" s="171"/>
      <c r="AJ56" s="171"/>
      <c r="AK56" s="171"/>
      <c r="AL56" s="171"/>
      <c r="AM56" s="171"/>
      <c r="AN56" s="171"/>
      <c r="AO56" s="171"/>
      <c r="AP56" s="171"/>
      <c r="AQ56" s="171"/>
      <c r="AR56" s="171"/>
      <c r="AS56" s="171"/>
      <c r="AT56" s="171"/>
      <c r="AU56" s="171"/>
      <c r="AV56" s="171"/>
      <c r="AW56" s="171"/>
      <c r="AX56" s="171"/>
      <c r="AY56" s="171"/>
      <c r="AZ56" s="171"/>
      <c r="BA56" s="171"/>
      <c r="BB56" s="171"/>
      <c r="BC56" s="171"/>
      <c r="BD56" s="171"/>
    </row>
    <row r="57" spans="3:57" ht="17.25" customHeight="1" x14ac:dyDescent="0.2">
      <c r="C57" s="155"/>
    </row>
    <row r="58" spans="3:57" ht="15.75" customHeight="1" x14ac:dyDescent="0.2">
      <c r="C58" s="129"/>
    </row>
    <row r="59" spans="3:57" ht="15.75" customHeight="1" x14ac:dyDescent="0.2">
      <c r="C59" s="1" t="s">
        <v>1</v>
      </c>
      <c r="E59" s="2">
        <v>2021</v>
      </c>
      <c r="F59" s="2"/>
      <c r="G59" s="2"/>
      <c r="H59" s="2"/>
      <c r="I59" s="2"/>
      <c r="J59" s="2"/>
      <c r="K59" s="2"/>
      <c r="L59" s="2"/>
      <c r="M59" s="2"/>
    </row>
    <row r="60" spans="3:57" x14ac:dyDescent="0.2">
      <c r="C60" s="156" t="s">
        <v>2</v>
      </c>
      <c r="D60" s="156" t="s">
        <v>3</v>
      </c>
      <c r="E60" s="4" t="s">
        <v>15</v>
      </c>
      <c r="F60" s="4" t="s">
        <v>16</v>
      </c>
      <c r="G60" s="4" t="s">
        <v>17</v>
      </c>
      <c r="H60" s="4" t="s">
        <v>18</v>
      </c>
      <c r="I60" s="4" t="s">
        <v>19</v>
      </c>
      <c r="J60" s="4" t="s">
        <v>20</v>
      </c>
      <c r="K60" s="4" t="s">
        <v>21</v>
      </c>
      <c r="L60" s="4" t="s">
        <v>22</v>
      </c>
      <c r="M60" s="4" t="s">
        <v>23</v>
      </c>
      <c r="N60" s="4" t="s">
        <v>24</v>
      </c>
      <c r="O60" s="4" t="s">
        <v>25</v>
      </c>
      <c r="P60" s="4" t="s">
        <v>26</v>
      </c>
      <c r="Q60" s="4" t="s">
        <v>27</v>
      </c>
      <c r="R60" s="4" t="s">
        <v>28</v>
      </c>
      <c r="S60" s="4" t="s">
        <v>29</v>
      </c>
      <c r="T60" s="4" t="s">
        <v>30</v>
      </c>
      <c r="U60" s="4" t="s">
        <v>31</v>
      </c>
      <c r="V60" s="4" t="s">
        <v>32</v>
      </c>
      <c r="W60" s="4" t="s">
        <v>33</v>
      </c>
      <c r="X60" s="4" t="s">
        <v>34</v>
      </c>
      <c r="Y60" s="4" t="s">
        <v>35</v>
      </c>
      <c r="Z60" s="4" t="s">
        <v>36</v>
      </c>
      <c r="AA60" s="4" t="s">
        <v>37</v>
      </c>
      <c r="AB60" s="4" t="s">
        <v>38</v>
      </c>
      <c r="AC60" s="4" t="s">
        <v>39</v>
      </c>
      <c r="AD60" s="4" t="s">
        <v>40</v>
      </c>
      <c r="AE60" s="4" t="s">
        <v>41</v>
      </c>
      <c r="AF60" s="4" t="s">
        <v>42</v>
      </c>
      <c r="AG60" s="4" t="s">
        <v>43</v>
      </c>
      <c r="AH60" s="4" t="s">
        <v>44</v>
      </c>
      <c r="AI60" s="4" t="s">
        <v>45</v>
      </c>
      <c r="AJ60" s="4" t="s">
        <v>46</v>
      </c>
      <c r="AK60" s="4" t="s">
        <v>47</v>
      </c>
      <c r="AL60" s="4" t="s">
        <v>48</v>
      </c>
      <c r="AM60" s="4" t="s">
        <v>49</v>
      </c>
      <c r="AN60" s="4" t="s">
        <v>50</v>
      </c>
      <c r="AO60" s="4" t="s">
        <v>51</v>
      </c>
      <c r="AP60" s="4" t="s">
        <v>52</v>
      </c>
      <c r="AQ60" s="4" t="s">
        <v>53</v>
      </c>
      <c r="AR60" s="4" t="s">
        <v>54</v>
      </c>
      <c r="AS60" s="4" t="s">
        <v>55</v>
      </c>
      <c r="AT60" s="4" t="s">
        <v>4</v>
      </c>
      <c r="AU60" s="4" t="s">
        <v>5</v>
      </c>
      <c r="AV60" s="4" t="s">
        <v>6</v>
      </c>
      <c r="AW60" s="4" t="s">
        <v>7</v>
      </c>
      <c r="AX60" s="4" t="s">
        <v>8</v>
      </c>
      <c r="AY60" s="4" t="s">
        <v>9</v>
      </c>
      <c r="AZ60" s="4" t="s">
        <v>10</v>
      </c>
      <c r="BA60" s="4" t="s">
        <v>11</v>
      </c>
      <c r="BB60" s="4" t="s">
        <v>12</v>
      </c>
      <c r="BC60" s="4" t="s">
        <v>13</v>
      </c>
      <c r="BD60" s="4" t="s">
        <v>14</v>
      </c>
      <c r="BE60" s="4" t="s">
        <v>56</v>
      </c>
    </row>
    <row r="61" spans="3:57" x14ac:dyDescent="0.2">
      <c r="C61" s="157" t="s">
        <v>57</v>
      </c>
      <c r="D61" s="158" t="s">
        <v>58</v>
      </c>
      <c r="E61" s="146"/>
      <c r="F61" s="140"/>
      <c r="G61" s="146"/>
      <c r="H61" s="146"/>
      <c r="I61" s="146"/>
      <c r="J61" s="140"/>
      <c r="K61" s="146"/>
      <c r="L61" s="146"/>
      <c r="M61" s="146"/>
      <c r="N61" s="146"/>
      <c r="O61" s="145"/>
      <c r="P61" s="145"/>
      <c r="Q61" s="146"/>
      <c r="R61" s="146"/>
      <c r="S61" s="146"/>
      <c r="T61" s="140"/>
      <c r="U61" s="140"/>
      <c r="V61" s="140"/>
      <c r="W61" s="140"/>
      <c r="X61" s="140"/>
      <c r="Y61" s="140"/>
      <c r="Z61" s="140"/>
      <c r="AA61" s="140"/>
      <c r="AB61" s="140"/>
      <c r="AC61" s="145"/>
      <c r="AD61" s="145"/>
      <c r="AE61" s="146"/>
      <c r="AF61" s="146"/>
      <c r="AG61" s="140"/>
      <c r="AH61" s="146"/>
      <c r="AI61" s="140"/>
      <c r="AJ61" s="194"/>
      <c r="AK61" s="140"/>
      <c r="AL61" s="140"/>
      <c r="AM61" s="140"/>
      <c r="AN61" s="140"/>
      <c r="AO61" s="140"/>
      <c r="AP61" s="140"/>
      <c r="AQ61" s="140"/>
      <c r="AR61" s="140"/>
      <c r="AS61" s="140"/>
      <c r="AT61" s="140"/>
      <c r="AU61" s="146"/>
      <c r="AV61" s="140"/>
      <c r="AW61" s="140"/>
      <c r="AX61" s="140"/>
      <c r="AY61" s="140"/>
      <c r="AZ61" s="43"/>
      <c r="BA61" s="140"/>
      <c r="BB61" s="194"/>
      <c r="BC61" s="194"/>
      <c r="BD61" s="194"/>
      <c r="BE61" s="140"/>
    </row>
    <row r="62" spans="3:57" x14ac:dyDescent="0.2">
      <c r="C62" s="157" t="s">
        <v>59</v>
      </c>
      <c r="D62" s="158" t="s">
        <v>58</v>
      </c>
      <c r="E62" s="146"/>
      <c r="F62" s="140"/>
      <c r="G62" s="146"/>
      <c r="H62" s="146"/>
      <c r="I62" s="146"/>
      <c r="J62" s="140"/>
      <c r="K62" s="146"/>
      <c r="L62" s="146"/>
      <c r="M62" s="146"/>
      <c r="N62" s="146"/>
      <c r="O62" s="145"/>
      <c r="P62" s="145"/>
      <c r="Q62" s="146"/>
      <c r="R62" s="146"/>
      <c r="S62" s="146"/>
      <c r="T62" s="140"/>
      <c r="U62" s="140"/>
      <c r="V62" s="140"/>
      <c r="W62" s="140"/>
      <c r="X62" s="140"/>
      <c r="Y62" s="146"/>
      <c r="Z62" s="140"/>
      <c r="AA62" s="146"/>
      <c r="AB62" s="140"/>
      <c r="AC62" s="145"/>
      <c r="AD62" s="145"/>
      <c r="AE62" s="146"/>
      <c r="AF62" s="146"/>
      <c r="AG62" s="140"/>
      <c r="AH62" s="146"/>
      <c r="AI62" s="140"/>
      <c r="AJ62" s="194"/>
      <c r="AK62" s="140"/>
      <c r="AL62" s="140"/>
      <c r="AM62" s="140"/>
      <c r="AN62" s="140"/>
      <c r="AO62" s="140"/>
      <c r="AP62" s="140"/>
      <c r="AQ62" s="140"/>
      <c r="AR62" s="140"/>
      <c r="AS62" s="140"/>
      <c r="AT62" s="140"/>
      <c r="AU62" s="146"/>
      <c r="AV62" s="140"/>
      <c r="AW62" s="140"/>
      <c r="AX62" s="140"/>
      <c r="AY62" s="140"/>
      <c r="AZ62" s="43"/>
      <c r="BA62" s="140"/>
      <c r="BB62" s="194"/>
      <c r="BC62" s="194"/>
      <c r="BD62" s="194"/>
      <c r="BE62" s="140"/>
    </row>
    <row r="63" spans="3:57" x14ac:dyDescent="0.2">
      <c r="C63" s="157" t="s">
        <v>60</v>
      </c>
      <c r="D63" s="158" t="s">
        <v>58</v>
      </c>
      <c r="E63" s="146"/>
      <c r="F63" s="140"/>
      <c r="G63" s="146"/>
      <c r="H63" s="146"/>
      <c r="I63" s="146"/>
      <c r="J63" s="140"/>
      <c r="K63" s="146"/>
      <c r="L63" s="146"/>
      <c r="M63" s="146"/>
      <c r="N63" s="146"/>
      <c r="O63" s="145"/>
      <c r="P63" s="145"/>
      <c r="Q63" s="146"/>
      <c r="R63" s="146"/>
      <c r="S63" s="146"/>
      <c r="T63" s="140"/>
      <c r="U63" s="140"/>
      <c r="V63" s="140"/>
      <c r="W63" s="140"/>
      <c r="X63" s="140"/>
      <c r="Y63" s="146"/>
      <c r="Z63" s="140"/>
      <c r="AA63" s="146"/>
      <c r="AB63" s="140"/>
      <c r="AC63" s="145"/>
      <c r="AD63" s="145"/>
      <c r="AE63" s="146"/>
      <c r="AF63" s="146"/>
      <c r="AG63" s="140"/>
      <c r="AH63" s="146"/>
      <c r="AI63" s="140"/>
      <c r="AJ63" s="194"/>
      <c r="AK63" s="140"/>
      <c r="AL63" s="140"/>
      <c r="AM63" s="140"/>
      <c r="AN63" s="140"/>
      <c r="AO63" s="140"/>
      <c r="AP63" s="140"/>
      <c r="AQ63" s="140"/>
      <c r="AR63" s="140"/>
      <c r="AS63" s="140"/>
      <c r="AT63" s="140"/>
      <c r="AU63" s="146"/>
      <c r="AV63" s="140"/>
      <c r="AW63" s="140"/>
      <c r="AX63" s="140"/>
      <c r="AY63" s="140"/>
      <c r="AZ63" s="43"/>
      <c r="BA63" s="140"/>
      <c r="BB63" s="194"/>
      <c r="BC63" s="194"/>
      <c r="BD63" s="194"/>
      <c r="BE63" s="140"/>
    </row>
    <row r="64" spans="3:57" x14ac:dyDescent="0.2">
      <c r="C64" s="157" t="s">
        <v>61</v>
      </c>
      <c r="D64" s="158" t="s">
        <v>58</v>
      </c>
      <c r="E64" s="146"/>
      <c r="F64" s="140"/>
      <c r="G64" s="146"/>
      <c r="H64" s="146"/>
      <c r="I64" s="146"/>
      <c r="J64" s="140"/>
      <c r="K64" s="146"/>
      <c r="L64" s="146"/>
      <c r="M64" s="146"/>
      <c r="N64" s="146"/>
      <c r="O64" s="145"/>
      <c r="P64" s="145"/>
      <c r="Q64" s="146"/>
      <c r="R64" s="146"/>
      <c r="S64" s="146"/>
      <c r="T64" s="140"/>
      <c r="U64" s="140"/>
      <c r="V64" s="140"/>
      <c r="W64" s="140"/>
      <c r="X64" s="140"/>
      <c r="Y64" s="146"/>
      <c r="Z64" s="140"/>
      <c r="AA64" s="146"/>
      <c r="AB64" s="140"/>
      <c r="AC64" s="145"/>
      <c r="AD64" s="145"/>
      <c r="AE64" s="146"/>
      <c r="AF64" s="146"/>
      <c r="AG64" s="140"/>
      <c r="AH64" s="146"/>
      <c r="AI64" s="140"/>
      <c r="AJ64" s="194"/>
      <c r="AK64" s="140"/>
      <c r="AL64" s="140"/>
      <c r="AM64" s="140"/>
      <c r="AN64" s="140"/>
      <c r="AO64" s="140"/>
      <c r="AP64" s="140"/>
      <c r="AQ64" s="140"/>
      <c r="AR64" s="140"/>
      <c r="AS64" s="140"/>
      <c r="AT64" s="140"/>
      <c r="AU64" s="146"/>
      <c r="AV64" s="140"/>
      <c r="AW64" s="140"/>
      <c r="AX64" s="140"/>
      <c r="AY64" s="140"/>
      <c r="AZ64" s="43"/>
      <c r="BA64" s="140"/>
      <c r="BB64" s="194"/>
      <c r="BC64" s="194"/>
      <c r="BD64" s="194"/>
      <c r="BE64" s="140"/>
    </row>
    <row r="65" spans="3:57" x14ac:dyDescent="0.2">
      <c r="C65" s="157" t="s">
        <v>62</v>
      </c>
      <c r="D65" s="158" t="s">
        <v>58</v>
      </c>
      <c r="E65" s="146"/>
      <c r="F65" s="140"/>
      <c r="G65" s="146"/>
      <c r="H65" s="146"/>
      <c r="I65" s="146"/>
      <c r="J65" s="140"/>
      <c r="K65" s="146"/>
      <c r="L65" s="146"/>
      <c r="M65" s="146"/>
      <c r="N65" s="146"/>
      <c r="O65" s="145"/>
      <c r="P65" s="145"/>
      <c r="Q65" s="146"/>
      <c r="R65" s="146"/>
      <c r="S65" s="146"/>
      <c r="T65" s="140"/>
      <c r="U65" s="140"/>
      <c r="V65" s="140"/>
      <c r="W65" s="140"/>
      <c r="X65" s="140"/>
      <c r="Y65" s="146"/>
      <c r="Z65" s="140"/>
      <c r="AA65" s="146"/>
      <c r="AB65" s="140"/>
      <c r="AC65" s="145"/>
      <c r="AD65" s="145"/>
      <c r="AE65" s="146"/>
      <c r="AF65" s="146"/>
      <c r="AG65" s="140"/>
      <c r="AH65" s="146"/>
      <c r="AI65" s="140"/>
      <c r="AJ65" s="194"/>
      <c r="AK65" s="140"/>
      <c r="AL65" s="140"/>
      <c r="AM65" s="140"/>
      <c r="AN65" s="140"/>
      <c r="AO65" s="140"/>
      <c r="AP65" s="140"/>
      <c r="AQ65" s="140"/>
      <c r="AR65" s="140"/>
      <c r="AS65" s="140"/>
      <c r="AT65" s="140"/>
      <c r="AU65" s="146"/>
      <c r="AV65" s="140"/>
      <c r="AW65" s="140"/>
      <c r="AX65" s="140"/>
      <c r="AY65" s="140"/>
      <c r="AZ65" s="194"/>
      <c r="BA65" s="140"/>
      <c r="BB65" s="194"/>
      <c r="BC65" s="194"/>
      <c r="BD65" s="194"/>
      <c r="BE65" s="140"/>
    </row>
    <row r="66" spans="3:57" x14ac:dyDescent="0.2">
      <c r="C66" s="157" t="s">
        <v>75</v>
      </c>
      <c r="D66" s="158" t="s">
        <v>76</v>
      </c>
      <c r="E66" s="146"/>
      <c r="F66" s="140"/>
      <c r="G66" s="146"/>
      <c r="H66" s="146"/>
      <c r="I66" s="146"/>
      <c r="J66" s="140"/>
      <c r="K66" s="146"/>
      <c r="L66" s="146"/>
      <c r="M66" s="146"/>
      <c r="N66" s="146"/>
      <c r="O66" s="145"/>
      <c r="P66" s="145"/>
      <c r="Q66" s="146"/>
      <c r="R66" s="146"/>
      <c r="S66" s="146"/>
      <c r="T66" s="140"/>
      <c r="U66" s="140"/>
      <c r="V66" s="140"/>
      <c r="W66" s="140"/>
      <c r="X66" s="140"/>
      <c r="Y66" s="146"/>
      <c r="Z66" s="140"/>
      <c r="AA66" s="146"/>
      <c r="AB66" s="140"/>
      <c r="AC66" s="145"/>
      <c r="AD66" s="145"/>
      <c r="AE66" s="146"/>
      <c r="AF66" s="146"/>
      <c r="AG66" s="140"/>
      <c r="AH66" s="146"/>
      <c r="AI66" s="140"/>
      <c r="AJ66" s="194"/>
      <c r="AK66" s="140"/>
      <c r="AL66" s="140"/>
      <c r="AM66" s="140"/>
      <c r="AN66" s="140"/>
      <c r="AO66" s="140"/>
      <c r="AP66" s="140"/>
      <c r="AQ66" s="140"/>
      <c r="AR66" s="140"/>
      <c r="AS66" s="140"/>
      <c r="AT66" s="140"/>
      <c r="AU66" s="146"/>
      <c r="AV66" s="140"/>
      <c r="AW66" s="140"/>
      <c r="AX66" s="140"/>
      <c r="AY66" s="140"/>
      <c r="AZ66" s="194"/>
      <c r="BA66" s="140"/>
      <c r="BB66" s="194"/>
      <c r="BC66" s="194"/>
      <c r="BD66" s="194"/>
      <c r="BE66" s="140"/>
    </row>
    <row r="67" spans="3:57" x14ac:dyDescent="0.2">
      <c r="C67" s="157" t="s">
        <v>63</v>
      </c>
      <c r="D67" s="158" t="s">
        <v>58</v>
      </c>
      <c r="E67" s="146">
        <v>9.6956564352226877</v>
      </c>
      <c r="F67" s="140">
        <v>7.506978148243836</v>
      </c>
      <c r="G67" s="146">
        <v>6.3322424648450584</v>
      </c>
      <c r="H67" s="146">
        <v>5.4987856248708695</v>
      </c>
      <c r="I67" s="146">
        <v>6.5991278454580362</v>
      </c>
      <c r="J67" s="140">
        <v>6.6299867736440419</v>
      </c>
      <c r="K67" s="146">
        <v>6.3320487233689802</v>
      </c>
      <c r="L67" s="146">
        <v>7.1339719703622197</v>
      </c>
      <c r="M67" s="146">
        <v>6.4822318901109099</v>
      </c>
      <c r="N67" s="146">
        <v>6.0404075790322782</v>
      </c>
      <c r="O67" s="146">
        <v>6.2629717457668068</v>
      </c>
      <c r="P67" s="146">
        <v>7.2102504953716009</v>
      </c>
      <c r="Q67" s="146">
        <v>7.111634418577256</v>
      </c>
      <c r="R67" s="146">
        <v>7.9114578780000224</v>
      </c>
      <c r="S67" s="146">
        <v>8.7863682421772857</v>
      </c>
      <c r="T67" s="140">
        <v>8.1643956996280096</v>
      </c>
      <c r="U67" s="140">
        <v>7.4229912723763682</v>
      </c>
      <c r="V67" s="140">
        <v>6.287465370386303</v>
      </c>
      <c r="W67" s="140">
        <v>7.328473145153386</v>
      </c>
      <c r="X67" s="140">
        <v>8.054236116927715</v>
      </c>
      <c r="Y67" s="146">
        <v>8.080226273272352</v>
      </c>
      <c r="Z67" s="140">
        <v>7.9937440749958215</v>
      </c>
      <c r="AA67" s="146">
        <v>7.2969166597277146</v>
      </c>
      <c r="AB67" s="140">
        <v>7.0481609625583275</v>
      </c>
      <c r="AC67" s="146">
        <v>6.3719534246724834</v>
      </c>
      <c r="AD67" s="146">
        <v>7.1499023632894723</v>
      </c>
      <c r="AE67" s="146">
        <v>8.2281117576439282</v>
      </c>
      <c r="AF67" s="146">
        <v>8.2888145248798626</v>
      </c>
      <c r="AG67" s="140">
        <v>8.4587751449824147</v>
      </c>
      <c r="AH67" s="146">
        <v>8.1723191574813683</v>
      </c>
      <c r="AI67" s="140">
        <v>7.4311730886067862</v>
      </c>
      <c r="AJ67" s="145">
        <v>7.3348604525748859</v>
      </c>
      <c r="AK67" s="140">
        <v>7.1534329070433289</v>
      </c>
      <c r="AL67" s="140">
        <v>7.1534329070433289</v>
      </c>
      <c r="AM67" s="140">
        <v>6.7688405118158688</v>
      </c>
      <c r="AN67" s="140">
        <v>7.4987493778751464</v>
      </c>
      <c r="AO67" s="140">
        <v>7.4747883959589085</v>
      </c>
      <c r="AP67" s="140">
        <v>8.0735457134236022</v>
      </c>
      <c r="AQ67" s="140">
        <v>7.2277422571861942</v>
      </c>
      <c r="AR67" s="140">
        <v>7.0858814945251654</v>
      </c>
      <c r="AS67" s="140">
        <v>7.6710495056388464</v>
      </c>
      <c r="AT67" s="140">
        <v>7.4178961693496221</v>
      </c>
      <c r="AU67" s="146">
        <v>8.6966677190287491</v>
      </c>
      <c r="AV67" s="140">
        <v>9.1733769591488112</v>
      </c>
      <c r="AW67" s="140">
        <v>8.6172345178042917</v>
      </c>
      <c r="AX67" s="140">
        <v>8.6510554527530612</v>
      </c>
      <c r="AY67" s="140">
        <v>8.5928847366720849</v>
      </c>
      <c r="AZ67" s="146">
        <v>10.102553337552949</v>
      </c>
      <c r="BA67" s="140">
        <v>11.062051524429924</v>
      </c>
      <c r="BB67" s="145">
        <v>13.843442712906059</v>
      </c>
      <c r="BC67" s="146">
        <v>10.937113819743798</v>
      </c>
      <c r="BD67" s="145">
        <v>7.8408343816793886</v>
      </c>
      <c r="BE67" s="140"/>
    </row>
    <row r="68" spans="3:57" x14ac:dyDescent="0.2">
      <c r="C68" s="157" t="s">
        <v>64</v>
      </c>
      <c r="D68" s="158" t="s">
        <v>58</v>
      </c>
      <c r="E68" s="146">
        <v>7.5264222781623662</v>
      </c>
      <c r="F68" s="140">
        <v>7.0185113484646191</v>
      </c>
      <c r="G68" s="146">
        <v>6.5841815512600927</v>
      </c>
      <c r="H68" s="146">
        <v>6.5434935178867342</v>
      </c>
      <c r="I68" s="146">
        <v>7.0922562323702065</v>
      </c>
      <c r="J68" s="140">
        <v>7.102482578076029</v>
      </c>
      <c r="K68" s="146">
        <v>5.4211806690982263</v>
      </c>
      <c r="L68" s="146">
        <v>5.3774898815882519</v>
      </c>
      <c r="M68" s="146">
        <v>5.5394984296183498</v>
      </c>
      <c r="N68" s="146">
        <v>5.2079886271079063</v>
      </c>
      <c r="O68" s="146">
        <v>4.4990028413215253</v>
      </c>
      <c r="P68" s="146">
        <v>5.2760263592450265</v>
      </c>
      <c r="Q68" s="146">
        <v>5.8584401916250899</v>
      </c>
      <c r="R68" s="146">
        <v>6.021851119288562</v>
      </c>
      <c r="S68" s="146">
        <v>6.5901503678724715</v>
      </c>
      <c r="T68" s="140">
        <v>6.4007770534550197</v>
      </c>
      <c r="U68" s="140">
        <v>5.6339675525436439</v>
      </c>
      <c r="V68" s="140">
        <v>6.0067349560401064</v>
      </c>
      <c r="W68" s="140">
        <v>6.0736527800423943</v>
      </c>
      <c r="X68" s="140">
        <v>6.4390667115902955</v>
      </c>
      <c r="Y68" s="146">
        <v>6.5232636953358165</v>
      </c>
      <c r="Z68" s="140">
        <v>6.9474400337563695</v>
      </c>
      <c r="AA68" s="146">
        <v>7.0108798191482853</v>
      </c>
      <c r="AB68" s="140">
        <v>6.1471552436647174</v>
      </c>
      <c r="AC68" s="146">
        <v>6.0795871972381885</v>
      </c>
      <c r="AD68" s="146">
        <v>6.9632419017763842</v>
      </c>
      <c r="AE68" s="146">
        <v>6.5907793722607089</v>
      </c>
      <c r="AF68" s="146">
        <v>6.6460003366719977</v>
      </c>
      <c r="AG68" s="184">
        <v>6.484636339237789</v>
      </c>
      <c r="AH68" s="146">
        <v>6.0876132241210161</v>
      </c>
      <c r="AI68" s="140">
        <v>6.2735867913968182</v>
      </c>
      <c r="AJ68" s="145">
        <v>5.8490332232769298</v>
      </c>
      <c r="AK68" s="140">
        <v>6.1541120435472898</v>
      </c>
      <c r="AL68" s="140">
        <v>6.1541120435472898</v>
      </c>
      <c r="AM68" s="140">
        <v>6.3532236052419551</v>
      </c>
      <c r="AN68" s="140">
        <v>5.8054725420805866</v>
      </c>
      <c r="AO68" s="140">
        <v>6.2140180037902715</v>
      </c>
      <c r="AP68" s="140">
        <v>6.0340703552748964</v>
      </c>
      <c r="AQ68" s="140">
        <v>5.6777928548219903</v>
      </c>
      <c r="AR68" s="140">
        <v>5.4327181257889663</v>
      </c>
      <c r="AS68" s="140">
        <v>5.4930764705882345</v>
      </c>
      <c r="AT68" s="140">
        <v>5.4675544449055451</v>
      </c>
      <c r="AU68" s="146">
        <v>5.4164468050215913</v>
      </c>
      <c r="AV68" s="140">
        <v>5.7731106983915623</v>
      </c>
      <c r="AW68" s="140">
        <v>5.8818214207687012</v>
      </c>
      <c r="AX68" s="140">
        <v>5.2537101454311683</v>
      </c>
      <c r="AY68" s="184">
        <v>5.0663967147934699</v>
      </c>
      <c r="AZ68" s="146">
        <v>5.5385811467444119</v>
      </c>
      <c r="BA68" s="140">
        <v>5.6450050804403045</v>
      </c>
      <c r="BB68" s="145">
        <v>6.3901686322254729</v>
      </c>
      <c r="BC68" s="146">
        <v>5.7918309832171051</v>
      </c>
      <c r="BD68" s="145">
        <v>5.5772767948455719</v>
      </c>
      <c r="BE68" s="184"/>
    </row>
    <row r="69" spans="3:57" x14ac:dyDescent="0.2">
      <c r="C69" s="157" t="s">
        <v>65</v>
      </c>
      <c r="D69" s="158" t="s">
        <v>58</v>
      </c>
      <c r="E69" s="146">
        <v>3.080060023032094</v>
      </c>
      <c r="F69" s="140">
        <v>2.9038459554226459</v>
      </c>
      <c r="G69" s="146">
        <v>2.8395077602252488</v>
      </c>
      <c r="H69" s="146">
        <v>2.3367291604265783</v>
      </c>
      <c r="I69" s="146">
        <v>3.5903673669595215</v>
      </c>
      <c r="J69" s="140">
        <v>3.6068464274598733</v>
      </c>
      <c r="K69" s="146">
        <v>3.0040004552870205</v>
      </c>
      <c r="L69" s="146">
        <v>3.1377469355208767</v>
      </c>
      <c r="M69" s="146">
        <v>2.7704978702863841</v>
      </c>
      <c r="N69" s="146">
        <v>3.3162947683657258</v>
      </c>
      <c r="O69" s="146">
        <v>3.4127247483733223</v>
      </c>
      <c r="P69" s="146">
        <v>2.7391835124194328</v>
      </c>
      <c r="Q69" s="146">
        <v>4.3339056039850563</v>
      </c>
      <c r="R69" s="146">
        <v>5.0292805034931822</v>
      </c>
      <c r="S69" s="146">
        <v>4.9965917574573249</v>
      </c>
      <c r="T69" s="140">
        <v>5.0629935909802155</v>
      </c>
      <c r="U69" s="140">
        <v>5.467355186139077</v>
      </c>
      <c r="V69" s="140">
        <v>3.9020803570964064</v>
      </c>
      <c r="W69" s="140">
        <v>3.4727481390194694</v>
      </c>
      <c r="X69" s="140">
        <v>2.9975735547702547</v>
      </c>
      <c r="Y69" s="146">
        <v>2.8560177654595846</v>
      </c>
      <c r="Z69" s="140">
        <v>2.9801681126093165</v>
      </c>
      <c r="AA69" s="146">
        <v>3.1394160956845774</v>
      </c>
      <c r="AB69" s="140">
        <v>2.7979955587007983</v>
      </c>
      <c r="AC69" s="146">
        <v>3.652296214748513</v>
      </c>
      <c r="AD69" s="146">
        <v>2.9865375642763792</v>
      </c>
      <c r="AE69" s="146">
        <v>2.7950579226918548</v>
      </c>
      <c r="AF69" s="146">
        <v>3.1675531381145521</v>
      </c>
      <c r="AG69" s="140">
        <v>3.1177553288721302</v>
      </c>
      <c r="AH69" s="146">
        <v>2.8329149868728924</v>
      </c>
      <c r="AI69" s="140">
        <v>3.1368911936428585</v>
      </c>
      <c r="AJ69" s="145">
        <v>3.1408336239972097</v>
      </c>
      <c r="AK69" s="140">
        <v>2.787683472670246</v>
      </c>
      <c r="AL69" s="140">
        <v>2.787683472670246</v>
      </c>
      <c r="AM69" s="140">
        <v>3.1274945856706666</v>
      </c>
      <c r="AN69" s="140">
        <v>2.8808122548087343</v>
      </c>
      <c r="AO69" s="140">
        <v>2.9872754089568252</v>
      </c>
      <c r="AP69" s="140">
        <v>2.9999864019249007</v>
      </c>
      <c r="AQ69" s="140">
        <v>2.2816384373663254</v>
      </c>
      <c r="AR69" s="140">
        <v>2.2126522530723709</v>
      </c>
      <c r="AS69" s="140">
        <v>2.2338808953766764</v>
      </c>
      <c r="AT69" s="140">
        <v>2.1932873830942734</v>
      </c>
      <c r="AU69" s="146">
        <v>2.1371488666514136</v>
      </c>
      <c r="AV69" s="140">
        <v>2.4161103896973186</v>
      </c>
      <c r="AW69" s="140">
        <v>2.2185296635115219</v>
      </c>
      <c r="AX69" s="140">
        <v>2.2463725681170712</v>
      </c>
      <c r="AY69" s="140">
        <v>2.3758582607779468</v>
      </c>
      <c r="AZ69" s="146">
        <v>2.5168502851445056</v>
      </c>
      <c r="BA69" s="140">
        <v>3.8082055174059439</v>
      </c>
      <c r="BB69" s="145">
        <v>2.3179780723285877</v>
      </c>
      <c r="BC69" s="146">
        <v>2.2570583207985777</v>
      </c>
      <c r="BD69" s="145">
        <v>3.0149503013678856</v>
      </c>
      <c r="BE69" s="140"/>
    </row>
    <row r="70" spans="3:57" x14ac:dyDescent="0.2">
      <c r="C70" s="157" t="s">
        <v>66</v>
      </c>
      <c r="D70" s="158" t="s">
        <v>58</v>
      </c>
      <c r="E70" s="146">
        <v>4.3810233872582831</v>
      </c>
      <c r="F70" s="140">
        <v>4.6858053964300543</v>
      </c>
      <c r="G70" s="146">
        <v>4.3814060320490142</v>
      </c>
      <c r="H70" s="146">
        <v>3.4441317062055345</v>
      </c>
      <c r="I70" s="146">
        <v>3.9810471308557593</v>
      </c>
      <c r="J70" s="140">
        <v>4.7031720270554338</v>
      </c>
      <c r="K70" s="146">
        <v>3.7790193369507734</v>
      </c>
      <c r="L70" s="146">
        <v>4.2207111414061522</v>
      </c>
      <c r="M70" s="146">
        <v>2.2814831330743521</v>
      </c>
      <c r="N70" s="146">
        <v>2.795675664707983</v>
      </c>
      <c r="O70" s="146">
        <v>2.5462353330721728</v>
      </c>
      <c r="P70" s="146">
        <v>2.6521813321341128</v>
      </c>
      <c r="Q70" s="146">
        <v>3.1928385515275925</v>
      </c>
      <c r="R70" s="146">
        <v>2.9829854742365169</v>
      </c>
      <c r="S70" s="146">
        <v>3.8422868676046282</v>
      </c>
      <c r="T70" s="140">
        <v>3.2386087018118279</v>
      </c>
      <c r="U70" s="140">
        <v>3.4920908559522577</v>
      </c>
      <c r="V70" s="140">
        <v>4.3686329321136252</v>
      </c>
      <c r="W70" s="140">
        <v>3.4399051126606115</v>
      </c>
      <c r="X70" s="140">
        <v>3.4195663252502713</v>
      </c>
      <c r="Y70" s="146">
        <v>3.3652684853089969</v>
      </c>
      <c r="Z70" s="140">
        <v>3.77877379667459</v>
      </c>
      <c r="AA70" s="146">
        <v>3.0836321097474308</v>
      </c>
      <c r="AB70" s="140">
        <v>2.912590457141619</v>
      </c>
      <c r="AC70" s="146">
        <v>3.8974336591117158</v>
      </c>
      <c r="AD70" s="146">
        <v>3.5210735900287879</v>
      </c>
      <c r="AE70" s="146">
        <v>3.400994055665636</v>
      </c>
      <c r="AF70" s="146">
        <v>2.9890811158707717</v>
      </c>
      <c r="AG70" s="140">
        <v>2.5603996568481793</v>
      </c>
      <c r="AH70" s="146">
        <v>2.8698503983369581</v>
      </c>
      <c r="AI70" s="140">
        <v>2.9620806675179066</v>
      </c>
      <c r="AJ70" s="145">
        <v>2.8786227102359709</v>
      </c>
      <c r="AK70" s="140">
        <v>2.9937703386877978</v>
      </c>
      <c r="AL70" s="140">
        <v>2.9937703386877978</v>
      </c>
      <c r="AM70" s="140">
        <v>2.875579671647488</v>
      </c>
      <c r="AN70" s="140">
        <v>2.4799650196131409</v>
      </c>
      <c r="AO70" s="140">
        <v>2.6574032154236029</v>
      </c>
      <c r="AP70" s="140">
        <v>2.955100114609317</v>
      </c>
      <c r="AQ70" s="140">
        <v>2.946131580635452</v>
      </c>
      <c r="AR70" s="140">
        <v>3.2206504652074357</v>
      </c>
      <c r="AS70" s="140">
        <v>3.2707438961205444</v>
      </c>
      <c r="AT70" s="140">
        <v>2.8988938606184669</v>
      </c>
      <c r="AU70" s="146">
        <v>2.5627037620262914</v>
      </c>
      <c r="AV70" s="140">
        <v>3.4935607275614036</v>
      </c>
      <c r="AW70" s="140">
        <v>3.1888382834276809</v>
      </c>
      <c r="AX70" s="140">
        <v>2.6992441367890012</v>
      </c>
      <c r="AY70" s="140">
        <v>3.336859944687852</v>
      </c>
      <c r="AZ70" s="146">
        <v>3.6188049470423014</v>
      </c>
      <c r="BA70" s="140">
        <v>4.8310367841334108</v>
      </c>
      <c r="BB70" s="145">
        <v>4.6088513797450625</v>
      </c>
      <c r="BC70" s="146">
        <v>4.3277911256763382</v>
      </c>
      <c r="BD70" s="145">
        <v>4.7307612973588125</v>
      </c>
      <c r="BE70" s="140"/>
    </row>
    <row r="71" spans="3:57" x14ac:dyDescent="0.2">
      <c r="C71" s="157" t="s">
        <v>116</v>
      </c>
      <c r="D71" s="158" t="s">
        <v>58</v>
      </c>
      <c r="E71" s="146">
        <v>7.544059323446092</v>
      </c>
      <c r="F71" s="140">
        <v>9.3983647489375102</v>
      </c>
      <c r="G71" s="146">
        <v>8.3928360655737713</v>
      </c>
      <c r="H71" s="146">
        <v>9.6452185248083708</v>
      </c>
      <c r="I71" s="146">
        <v>9.392784997582206</v>
      </c>
      <c r="J71" s="140">
        <v>9.2629184827149462</v>
      </c>
      <c r="K71" s="146">
        <v>8.4217153568885728</v>
      </c>
      <c r="L71" s="146">
        <v>9.2078374537627212</v>
      </c>
      <c r="M71" s="146">
        <v>8.4054233893779262</v>
      </c>
      <c r="N71" s="146">
        <v>6.9431803571662369</v>
      </c>
      <c r="O71" s="146">
        <v>5.9427526556071326</v>
      </c>
      <c r="P71" s="146">
        <v>6.7894162583070408</v>
      </c>
      <c r="Q71" s="146">
        <v>5.1283456725699317</v>
      </c>
      <c r="R71" s="146">
        <v>6.1856331865610885</v>
      </c>
      <c r="S71" s="146">
        <v>7.1274766180158844</v>
      </c>
      <c r="T71" s="140">
        <v>7.2203196767930349</v>
      </c>
      <c r="U71" s="140">
        <v>6.8471016316138806</v>
      </c>
      <c r="V71" s="140">
        <v>6.8363929277417457</v>
      </c>
      <c r="W71" s="140">
        <v>6.6810488312714673</v>
      </c>
      <c r="X71" s="140">
        <v>6.4997925580378295</v>
      </c>
      <c r="Y71" s="146">
        <v>6.9575931721706592</v>
      </c>
      <c r="Z71" s="140">
        <v>7.2032276910289141</v>
      </c>
      <c r="AA71" s="146">
        <v>6.4375121445078518</v>
      </c>
      <c r="AB71" s="140">
        <v>5.5998753870131317</v>
      </c>
      <c r="AC71" s="146">
        <v>6.3287461857659455</v>
      </c>
      <c r="AD71" s="146">
        <v>6.8145908341262293</v>
      </c>
      <c r="AE71" s="146">
        <v>7.4245055680908356</v>
      </c>
      <c r="AF71" s="146">
        <v>7.2678377560106862</v>
      </c>
      <c r="AG71" s="140">
        <v>6.8285284342416794</v>
      </c>
      <c r="AH71" s="146">
        <v>6.5556510654223095</v>
      </c>
      <c r="AI71" s="140">
        <v>6.5150431339434469</v>
      </c>
      <c r="AJ71" s="145">
        <v>6.2591630997058516</v>
      </c>
      <c r="AK71" s="140">
        <v>6.3452843939527668</v>
      </c>
      <c r="AL71" s="140">
        <v>6.3452843939527668</v>
      </c>
      <c r="AM71" s="140">
        <v>6.4465805688631779</v>
      </c>
      <c r="AN71" s="140">
        <v>5.889602497766842</v>
      </c>
      <c r="AO71" s="140">
        <v>5.7354514649406267</v>
      </c>
      <c r="AP71" s="140">
        <v>6.1302162421272683</v>
      </c>
      <c r="AQ71" s="140">
        <v>6.3619715837377564</v>
      </c>
      <c r="AR71" s="140">
        <v>6.4223249796582591</v>
      </c>
      <c r="AS71" s="140">
        <v>6.9401205237479981</v>
      </c>
      <c r="AT71" s="140">
        <v>6.167594319550525</v>
      </c>
      <c r="AU71" s="146">
        <v>7.0912625946705417</v>
      </c>
      <c r="AV71" s="140">
        <v>8.3336694513558633</v>
      </c>
      <c r="AW71" s="140">
        <v>8.1360690089921128</v>
      </c>
      <c r="AX71" s="140">
        <v>7.5075595787676601</v>
      </c>
      <c r="AY71" s="140">
        <v>7.5059715797146422</v>
      </c>
      <c r="AZ71" s="146">
        <v>7.30694299133655</v>
      </c>
      <c r="BA71" s="140">
        <v>7.6213729352369812</v>
      </c>
      <c r="BB71" s="145">
        <v>9.1647046800765111</v>
      </c>
      <c r="BC71" s="146">
        <v>9.2919751443726337</v>
      </c>
      <c r="BD71" s="145">
        <v>8.1656587565064314</v>
      </c>
      <c r="BE71" s="140"/>
    </row>
    <row r="72" spans="3:57" x14ac:dyDescent="0.2">
      <c r="C72" s="157" t="s">
        <v>68</v>
      </c>
      <c r="D72" s="158" t="s">
        <v>58</v>
      </c>
      <c r="E72" s="146">
        <v>3.7257707776608093</v>
      </c>
      <c r="F72" s="140">
        <v>4.3661266255168689</v>
      </c>
      <c r="G72" s="146">
        <v>3.7751251892635929</v>
      </c>
      <c r="H72" s="146">
        <v>4.2879941642208719</v>
      </c>
      <c r="I72" s="146">
        <v>4.0504359513708152</v>
      </c>
      <c r="J72" s="140">
        <v>4.6514652034333146</v>
      </c>
      <c r="K72" s="146">
        <v>4.2950142450142454</v>
      </c>
      <c r="L72" s="146">
        <v>4.4574153309637179</v>
      </c>
      <c r="M72" s="146">
        <v>3.8691480745545612</v>
      </c>
      <c r="N72" s="146">
        <v>3.681595779109784</v>
      </c>
      <c r="O72" s="146">
        <v>3.944834063314298</v>
      </c>
      <c r="P72" s="146">
        <v>3.1356070988572156</v>
      </c>
      <c r="Q72" s="146">
        <v>3.1371765150696769</v>
      </c>
      <c r="R72" s="146">
        <v>3.0487395076628783</v>
      </c>
      <c r="S72" s="146">
        <v>3.1666353815424926</v>
      </c>
      <c r="T72" s="140">
        <v>2.908457029455541</v>
      </c>
      <c r="U72" s="140">
        <v>2.8375974705321649</v>
      </c>
      <c r="V72" s="140">
        <v>3.3869649840028444</v>
      </c>
      <c r="W72" s="140">
        <v>3.1213870745133283</v>
      </c>
      <c r="X72" s="140">
        <v>3.2524778810099928</v>
      </c>
      <c r="Y72" s="146">
        <v>3.5444851176986072</v>
      </c>
      <c r="Z72" s="140">
        <v>3.3259097080302404</v>
      </c>
      <c r="AA72" s="146">
        <v>2.8224373436182417</v>
      </c>
      <c r="AB72" s="140">
        <v>3.1614296606746111</v>
      </c>
      <c r="AC72" s="146">
        <v>3.6487367086873119</v>
      </c>
      <c r="AD72" s="146">
        <v>3.4877412977777782</v>
      </c>
      <c r="AE72" s="146">
        <v>3.572979004332439</v>
      </c>
      <c r="AF72" s="146">
        <v>3.4335101257553484</v>
      </c>
      <c r="AG72" s="140">
        <v>3.0861316962426057</v>
      </c>
      <c r="AH72" s="146">
        <v>3.1685682165522602</v>
      </c>
      <c r="AI72" s="140">
        <v>3.3277149041167049</v>
      </c>
      <c r="AJ72" s="145">
        <v>3.3163683666436938</v>
      </c>
      <c r="AK72" s="140">
        <v>3.6953809003098232</v>
      </c>
      <c r="AL72" s="140">
        <v>3.6953809003098232</v>
      </c>
      <c r="AM72" s="140">
        <v>3.3885190456110763</v>
      </c>
      <c r="AN72" s="140">
        <v>3.0771203700119987</v>
      </c>
      <c r="AO72" s="140">
        <v>3.4604271859553433</v>
      </c>
      <c r="AP72" s="140">
        <v>3.1187885464050509</v>
      </c>
      <c r="AQ72" s="140">
        <v>3.018266720740816</v>
      </c>
      <c r="AR72" s="140">
        <v>3.1991214998782569</v>
      </c>
      <c r="AS72" s="140">
        <v>3.4725883201896814</v>
      </c>
      <c r="AT72" s="140">
        <v>3.1444949338201735</v>
      </c>
      <c r="AU72" s="146">
        <v>3.1082906276027629</v>
      </c>
      <c r="AV72" s="140">
        <v>3.062476748373467</v>
      </c>
      <c r="AW72" s="140">
        <v>3.4625420737823682</v>
      </c>
      <c r="AX72" s="140">
        <v>3.4470097747011512</v>
      </c>
      <c r="AY72" s="140">
        <v>3.4012933298547696</v>
      </c>
      <c r="AZ72" s="146">
        <v>2.9502344696569924</v>
      </c>
      <c r="BA72" s="140">
        <v>2.9701324697400429</v>
      </c>
      <c r="BB72" s="145">
        <v>4.0686598001569898</v>
      </c>
      <c r="BC72" s="146">
        <v>3.7076551328068916</v>
      </c>
      <c r="BD72" s="145">
        <v>3.2469538765983361</v>
      </c>
      <c r="BE72" s="140"/>
    </row>
    <row r="73" spans="3:57" x14ac:dyDescent="0.2">
      <c r="C73" s="157" t="s">
        <v>69</v>
      </c>
      <c r="D73" s="158" t="s">
        <v>58</v>
      </c>
      <c r="E73" s="146">
        <v>2.5160749543268022</v>
      </c>
      <c r="F73" s="140">
        <v>2.1609129876741502</v>
      </c>
      <c r="G73" s="146">
        <v>2.6938518179488113</v>
      </c>
      <c r="H73" s="146">
        <v>2.6770884372851538</v>
      </c>
      <c r="I73" s="146">
        <v>2.5315038849258178</v>
      </c>
      <c r="J73" s="140">
        <v>2.3523571196046844</v>
      </c>
      <c r="K73" s="146">
        <v>2.3061959777419019</v>
      </c>
      <c r="L73" s="146">
        <v>3.0066622322332917</v>
      </c>
      <c r="M73" s="146">
        <v>2.9062660322503073</v>
      </c>
      <c r="N73" s="146">
        <v>1.9132600642227606</v>
      </c>
      <c r="O73" s="146">
        <v>1.9230628771656606</v>
      </c>
      <c r="P73" s="146">
        <v>1.9348808669243511</v>
      </c>
      <c r="Q73" s="146">
        <v>2.0168487075552166</v>
      </c>
      <c r="R73" s="146">
        <v>2.1582930168054788</v>
      </c>
      <c r="S73" s="146">
        <v>2.0428229048686717</v>
      </c>
      <c r="T73" s="140">
        <v>1.9818288409309932</v>
      </c>
      <c r="U73" s="140">
        <v>2.2051512275553025</v>
      </c>
      <c r="V73" s="140">
        <v>1.9625418381686499</v>
      </c>
      <c r="W73" s="140">
        <v>1.9673592415481271</v>
      </c>
      <c r="X73" s="140">
        <v>1.8345870470281784</v>
      </c>
      <c r="Y73" s="146">
        <v>1.8588013979140503</v>
      </c>
      <c r="Z73" s="140">
        <v>1.791260586065361</v>
      </c>
      <c r="AA73" s="146">
        <v>1.9877583846680353</v>
      </c>
      <c r="AB73" s="140">
        <v>1.868058632406558</v>
      </c>
      <c r="AC73" s="146">
        <v>1.8555862063559254</v>
      </c>
      <c r="AD73" s="146">
        <v>1.8937422856762918</v>
      </c>
      <c r="AE73" s="146">
        <v>1.7900717502814962</v>
      </c>
      <c r="AF73" s="146">
        <v>1.7218945173849041</v>
      </c>
      <c r="AG73" s="140">
        <v>1.7917007302694332</v>
      </c>
      <c r="AH73" s="146">
        <v>1.8466117884633257</v>
      </c>
      <c r="AI73" s="140">
        <v>1.7814014050620728</v>
      </c>
      <c r="AJ73" s="145">
        <v>1.7530198781908248</v>
      </c>
      <c r="AK73" s="184">
        <v>1.8068955963038817</v>
      </c>
      <c r="AL73" s="140">
        <v>1.8068955963038817</v>
      </c>
      <c r="AM73" s="140">
        <v>2.0509970572237486</v>
      </c>
      <c r="AN73" s="140">
        <v>2.0057520149557728</v>
      </c>
      <c r="AO73" s="140">
        <v>1.8816035215965312</v>
      </c>
      <c r="AP73" s="140">
        <v>1.9655973625221974</v>
      </c>
      <c r="AQ73" s="140">
        <v>2.1655675992047922</v>
      </c>
      <c r="AR73" s="140">
        <v>2.1660748607704039</v>
      </c>
      <c r="AS73" s="140">
        <v>2.4813889439083976</v>
      </c>
      <c r="AT73" s="140">
        <v>2.4518884472708002</v>
      </c>
      <c r="AU73" s="146">
        <v>2.6329047388892723</v>
      </c>
      <c r="AV73" s="140">
        <v>3.1747698660193673</v>
      </c>
      <c r="AW73" s="140">
        <v>3.1778358707264962</v>
      </c>
      <c r="AX73" s="140">
        <v>3.0315044381264089</v>
      </c>
      <c r="AY73" s="140">
        <v>3.5277345343778816</v>
      </c>
      <c r="AZ73" s="146">
        <v>3.605192665128865</v>
      </c>
      <c r="BA73" s="140">
        <v>3.9255716082197267</v>
      </c>
      <c r="BB73" s="145">
        <v>3.7938595438175273</v>
      </c>
      <c r="BC73" s="146">
        <v>3.4209405589575947</v>
      </c>
      <c r="BD73" s="145">
        <v>3.1066444125218684</v>
      </c>
      <c r="BE73" s="140"/>
    </row>
    <row r="74" spans="3:57" x14ac:dyDescent="0.2">
      <c r="C74" s="157" t="s">
        <v>70</v>
      </c>
      <c r="D74" s="158" t="s">
        <v>58</v>
      </c>
      <c r="E74" s="146">
        <v>3.9675245564608237</v>
      </c>
      <c r="F74" s="140">
        <v>3.9277535116890849</v>
      </c>
      <c r="G74" s="146">
        <v>4.1666870385762476</v>
      </c>
      <c r="H74" s="146">
        <v>3.9803038408045368</v>
      </c>
      <c r="I74" s="146">
        <v>3.8901125114300483</v>
      </c>
      <c r="J74" s="140">
        <v>4.2632239569209318</v>
      </c>
      <c r="K74" s="146">
        <v>3.9282864028798925</v>
      </c>
      <c r="L74" s="146">
        <v>4.1944521195792364</v>
      </c>
      <c r="M74" s="146">
        <v>4.0082215596522905</v>
      </c>
      <c r="N74" s="146">
        <v>3.3005281264989499</v>
      </c>
      <c r="O74" s="146">
        <v>2.9344864065963985</v>
      </c>
      <c r="P74" s="146">
        <v>1.8713282458103369</v>
      </c>
      <c r="Q74" s="146">
        <v>2.2453640347505188</v>
      </c>
      <c r="R74" s="146">
        <v>2.1182974893593083</v>
      </c>
      <c r="S74" s="146">
        <v>2.0625748329907503</v>
      </c>
      <c r="T74" s="140">
        <v>2.2620990411138839</v>
      </c>
      <c r="U74" s="140">
        <v>2.5470691380585651</v>
      </c>
      <c r="V74" s="140">
        <v>2.842410201844328</v>
      </c>
      <c r="W74" s="140">
        <v>3.0962771467682857</v>
      </c>
      <c r="X74" s="140">
        <v>3.4174343855612279</v>
      </c>
      <c r="Y74" s="146">
        <v>3.8038775108310361</v>
      </c>
      <c r="Z74" s="140">
        <v>3.6265280796596633</v>
      </c>
      <c r="AA74" s="146">
        <v>3.9105130404941661</v>
      </c>
      <c r="AB74" s="140">
        <v>4.1290728234728231</v>
      </c>
      <c r="AC74" s="146">
        <v>3.8745907852659007</v>
      </c>
      <c r="AD74" s="146">
        <v>3.8966486161251503</v>
      </c>
      <c r="AE74" s="146">
        <v>4.1360543416839333</v>
      </c>
      <c r="AF74" s="146">
        <v>4.1101902831210122</v>
      </c>
      <c r="AG74" s="140">
        <v>4.1988382464308751</v>
      </c>
      <c r="AH74" s="146">
        <v>4.2275822199383351</v>
      </c>
      <c r="AI74" s="140">
        <v>3.650863289944021</v>
      </c>
      <c r="AJ74" s="145">
        <v>3.9717160758360683</v>
      </c>
      <c r="AK74" s="140">
        <v>3.519017143615081</v>
      </c>
      <c r="AL74" s="140">
        <v>3.519017143615081</v>
      </c>
      <c r="AM74" s="140">
        <v>3.9253353751914242</v>
      </c>
      <c r="AN74" s="140">
        <v>4.2025613009782745</v>
      </c>
      <c r="AO74" s="140">
        <v>4.0728911618148436</v>
      </c>
      <c r="AP74" s="140">
        <v>3.9171049372290718</v>
      </c>
      <c r="AQ74" s="140">
        <v>4.0343806587858344</v>
      </c>
      <c r="AR74" s="140">
        <v>3.8944849086795785</v>
      </c>
      <c r="AS74" s="140">
        <v>3.7434104081139821</v>
      </c>
      <c r="AT74" s="140">
        <v>3.6143105995008411</v>
      </c>
      <c r="AU74" s="146">
        <v>3.8323710484395681</v>
      </c>
      <c r="AV74" s="140">
        <v>3.8595373834550744</v>
      </c>
      <c r="AW74" s="140">
        <v>3.7688252612983955</v>
      </c>
      <c r="AX74" s="140">
        <v>3.8433885241221812</v>
      </c>
      <c r="AY74" s="140">
        <v>3.8903185963292164</v>
      </c>
      <c r="AZ74" s="146">
        <v>4.1078193154410627</v>
      </c>
      <c r="BA74" s="140">
        <v>5.1933952936523626</v>
      </c>
      <c r="BB74" s="145">
        <v>4.8456985919851459</v>
      </c>
      <c r="BC74" s="146">
        <v>4.3480450522928402</v>
      </c>
      <c r="BD74" s="145">
        <v>5.5062751781840715</v>
      </c>
      <c r="BE74" s="140"/>
    </row>
    <row r="75" spans="3:57" x14ac:dyDescent="0.2">
      <c r="C75" s="157" t="s">
        <v>101</v>
      </c>
      <c r="D75" s="158" t="s">
        <v>58</v>
      </c>
      <c r="E75" s="146">
        <v>7.2795294016800964</v>
      </c>
      <c r="F75" s="140">
        <v>6.8436000849076635</v>
      </c>
      <c r="G75" s="146">
        <v>6.8494673586451791</v>
      </c>
      <c r="H75" s="146">
        <v>7.0380167219393712</v>
      </c>
      <c r="I75" s="146">
        <v>7.4235591306802151</v>
      </c>
      <c r="J75" s="140">
        <v>8.0143596688075522</v>
      </c>
      <c r="K75" s="146">
        <v>7.8112968905610272</v>
      </c>
      <c r="L75" s="146">
        <v>7.7412822377992319</v>
      </c>
      <c r="M75" s="146">
        <v>8.1964244663382591</v>
      </c>
      <c r="N75" s="146">
        <v>7.2933743409490335</v>
      </c>
      <c r="O75" s="146">
        <v>6.3001117169836416</v>
      </c>
      <c r="P75" s="146">
        <v>6.3708892500580454</v>
      </c>
      <c r="Q75" s="146">
        <v>7.8448451078621808</v>
      </c>
      <c r="R75" s="146">
        <v>7.1487266709570667</v>
      </c>
      <c r="S75" s="146">
        <v>7.567836711632177</v>
      </c>
      <c r="T75" s="140">
        <v>7.9107939710908868</v>
      </c>
      <c r="U75" s="140">
        <v>8.0140451762369675</v>
      </c>
      <c r="V75" s="140">
        <v>7.8502644702419877</v>
      </c>
      <c r="W75" s="140">
        <v>7.5911163122010779</v>
      </c>
      <c r="X75" s="140">
        <v>8.999467312348667</v>
      </c>
      <c r="Y75" s="146">
        <v>9.6083039106145254</v>
      </c>
      <c r="Z75" s="140">
        <v>9.0648504297148751</v>
      </c>
      <c r="AA75" s="146">
        <v>8.925027751719826</v>
      </c>
      <c r="AB75" s="140">
        <v>10.306417651992749</v>
      </c>
      <c r="AC75" s="146">
        <v>8.1354674274966321</v>
      </c>
      <c r="AD75" s="146">
        <v>6.3081164172986259</v>
      </c>
      <c r="AE75" s="146">
        <v>5.4572187197705064</v>
      </c>
      <c r="AF75" s="146">
        <v>5.5148913838502045</v>
      </c>
      <c r="AG75" s="140">
        <v>5.3546737370701765</v>
      </c>
      <c r="AH75" s="146">
        <v>5.9305484776034678</v>
      </c>
      <c r="AI75" s="140">
        <v>5.3260193585581215</v>
      </c>
      <c r="AJ75" s="145">
        <v>5.4845962346351333</v>
      </c>
      <c r="AK75" s="140">
        <v>6.0744976727986568</v>
      </c>
      <c r="AL75" s="140">
        <v>6.0744976727986568</v>
      </c>
      <c r="AM75" s="140">
        <v>5.7518227208284536</v>
      </c>
      <c r="AN75" s="140">
        <v>5.9167994180144818</v>
      </c>
      <c r="AO75" s="140">
        <v>5.9482118093973595</v>
      </c>
      <c r="AP75" s="140">
        <v>5.5615260646870164</v>
      </c>
      <c r="AQ75" s="140">
        <v>5.8588532718362636</v>
      </c>
      <c r="AR75" s="140">
        <v>7.2637013288458183</v>
      </c>
      <c r="AS75" s="140">
        <v>7.2900581321339155</v>
      </c>
      <c r="AT75" s="140">
        <v>6.2102103446550947</v>
      </c>
      <c r="AU75" s="146">
        <v>7.0126703499079186</v>
      </c>
      <c r="AV75" s="140">
        <v>7.7082934033475556</v>
      </c>
      <c r="AW75" s="140">
        <v>7.8016827039311449</v>
      </c>
      <c r="AX75" s="140">
        <v>9.6081905166220363</v>
      </c>
      <c r="AY75" s="140">
        <v>7.7418011849261843</v>
      </c>
      <c r="AZ75" s="146">
        <v>9.0388112047369624</v>
      </c>
      <c r="BA75" s="140">
        <v>8.6752955627207111</v>
      </c>
      <c r="BB75" s="145">
        <v>7.0281152412612071</v>
      </c>
      <c r="BC75" s="146">
        <v>6.9356494522691694</v>
      </c>
      <c r="BD75" s="145">
        <v>6.884491216964709</v>
      </c>
      <c r="BE75" s="140"/>
    </row>
    <row r="76" spans="3:57" x14ac:dyDescent="0.2">
      <c r="C76" s="157" t="s">
        <v>71</v>
      </c>
      <c r="D76" s="158" t="s">
        <v>58</v>
      </c>
      <c r="E76" s="146">
        <v>4.3608470444850704</v>
      </c>
      <c r="F76" s="140">
        <v>4.3428760370325845</v>
      </c>
      <c r="G76" s="146">
        <v>4.3194964691433846</v>
      </c>
      <c r="H76" s="146">
        <v>4.3271015243451245</v>
      </c>
      <c r="I76" s="146">
        <v>4.3332503797550181</v>
      </c>
      <c r="J76" s="140">
        <v>4.3351920199501244</v>
      </c>
      <c r="K76" s="146">
        <v>4.3246893332492276</v>
      </c>
      <c r="L76" s="146">
        <v>4.3761717082142733</v>
      </c>
      <c r="M76" s="146">
        <v>4.3885355157291341</v>
      </c>
      <c r="N76" s="146">
        <v>4.3695716644761227</v>
      </c>
      <c r="O76" s="146">
        <v>4.3841355900240435</v>
      </c>
      <c r="P76" s="146">
        <v>4.3425206823142632</v>
      </c>
      <c r="Q76" s="146">
        <v>4.3888101168806291</v>
      </c>
      <c r="R76" s="146">
        <v>4.3785607142857144</v>
      </c>
      <c r="S76" s="146">
        <v>4.4304010259609719</v>
      </c>
      <c r="T76" s="140">
        <v>4.4235268223969948</v>
      </c>
      <c r="U76" s="140">
        <v>4.4231248692742104</v>
      </c>
      <c r="V76" s="140">
        <v>4.4038249111223973</v>
      </c>
      <c r="W76" s="140">
        <v>4.4227298178584364</v>
      </c>
      <c r="X76" s="140">
        <v>4.4429893889498722</v>
      </c>
      <c r="Y76" s="146">
        <v>4.4402360173833166</v>
      </c>
      <c r="Z76" s="140">
        <v>4.4038870848471214</v>
      </c>
      <c r="AA76" s="146">
        <v>4.3732421198475926</v>
      </c>
      <c r="AB76" s="140">
        <v>4.4553404699203121</v>
      </c>
      <c r="AC76" s="146">
        <v>4.3929037119549195</v>
      </c>
      <c r="AD76" s="146">
        <v>4.440694757565173</v>
      </c>
      <c r="AE76" s="146">
        <v>4.4716492854383931</v>
      </c>
      <c r="AF76" s="146">
        <v>4.4382909815645233</v>
      </c>
      <c r="AG76" s="140">
        <v>4.4767863367026841</v>
      </c>
      <c r="AH76" s="146">
        <v>4.3186655823491975</v>
      </c>
      <c r="AI76" s="140">
        <v>4.4401823797617297</v>
      </c>
      <c r="AJ76" s="145">
        <v>4.3353460741782941</v>
      </c>
      <c r="AK76" s="140">
        <v>4.2423986326084888</v>
      </c>
      <c r="AL76" s="140">
        <v>4.2423986326084888</v>
      </c>
      <c r="AM76" s="140">
        <v>4.3816845399132962</v>
      </c>
      <c r="AN76" s="140">
        <v>4.3145534386777769</v>
      </c>
      <c r="AO76" s="140">
        <v>4.3309663555598323</v>
      </c>
      <c r="AP76" s="140">
        <v>4.3309925878182405</v>
      </c>
      <c r="AQ76" s="140">
        <v>4.4489134046653822</v>
      </c>
      <c r="AR76" s="140">
        <v>4.4503473096994783</v>
      </c>
      <c r="AS76" s="140">
        <v>4.431065733623953</v>
      </c>
      <c r="AT76" s="140">
        <v>4.4517895771878067</v>
      </c>
      <c r="AU76" s="146">
        <v>4.482797072521624</v>
      </c>
      <c r="AV76" s="140">
        <v>4.4860013227096651</v>
      </c>
      <c r="AW76" s="140">
        <v>4.4935232464391293</v>
      </c>
      <c r="AX76" s="140">
        <v>4.4572420001161506</v>
      </c>
      <c r="AY76" s="140">
        <v>4.5006773595756924</v>
      </c>
      <c r="AZ76" s="146">
        <v>4.4828358761664937</v>
      </c>
      <c r="BA76" s="140">
        <v>4.3235676604097657</v>
      </c>
      <c r="BB76" s="145">
        <v>4.5587255215228009</v>
      </c>
      <c r="BC76" s="146">
        <v>4.4741337873022227</v>
      </c>
      <c r="BD76" s="145">
        <v>4.3712209743511909</v>
      </c>
      <c r="BE76" s="140"/>
    </row>
    <row r="77" spans="3:57" x14ac:dyDescent="0.2">
      <c r="C77" s="157" t="s">
        <v>102</v>
      </c>
      <c r="D77" s="158" t="s">
        <v>58</v>
      </c>
      <c r="E77" s="146">
        <v>4.8473358104223196</v>
      </c>
      <c r="F77" s="140">
        <v>4.8918094520429189</v>
      </c>
      <c r="G77" s="146">
        <v>4.6322458681740102</v>
      </c>
      <c r="H77" s="146">
        <v>4.696779782455228</v>
      </c>
      <c r="I77" s="146">
        <v>4.7448519780708249</v>
      </c>
      <c r="J77" s="140">
        <v>4.7693109461886314</v>
      </c>
      <c r="K77" s="146">
        <v>4.8761407816378863</v>
      </c>
      <c r="L77" s="146">
        <v>4.8118296576891044</v>
      </c>
      <c r="M77" s="146">
        <v>4.8621956011248031</v>
      </c>
      <c r="N77" s="146">
        <v>4.8944511637201193</v>
      </c>
      <c r="O77" s="146">
        <v>4.9753504222193765</v>
      </c>
      <c r="P77" s="146">
        <v>5.019283454014416</v>
      </c>
      <c r="Q77" s="146">
        <v>4.9734546955406849</v>
      </c>
      <c r="R77" s="146">
        <v>4.9972948784374305</v>
      </c>
      <c r="S77" s="146">
        <v>5.1461795130786108</v>
      </c>
      <c r="T77" s="140">
        <v>5.1139687164370091</v>
      </c>
      <c r="U77" s="140">
        <v>5.2313693287583689</v>
      </c>
      <c r="V77" s="140">
        <v>5.2102267100977198</v>
      </c>
      <c r="W77" s="140">
        <v>5.2488439542755305</v>
      </c>
      <c r="X77" s="140">
        <v>5.194258191180011</v>
      </c>
      <c r="Y77" s="146">
        <v>5.2351675975359333</v>
      </c>
      <c r="Z77" s="140">
        <v>5.1939431103059146</v>
      </c>
      <c r="AA77" s="146">
        <v>5.1806928636848877</v>
      </c>
      <c r="AB77" s="140">
        <v>5.206591446371208</v>
      </c>
      <c r="AC77" s="146">
        <v>5.1245579095986713</v>
      </c>
      <c r="AD77" s="146">
        <v>5.2058058701305852</v>
      </c>
      <c r="AE77" s="146">
        <v>5.1609674471359108</v>
      </c>
      <c r="AF77" s="146">
        <v>5.1386546921109586</v>
      </c>
      <c r="AG77" s="140">
        <v>5.2836963612702599</v>
      </c>
      <c r="AH77" s="146">
        <v>5.4887094355632113</v>
      </c>
      <c r="AI77" s="140">
        <v>5.382828543130171</v>
      </c>
      <c r="AJ77" s="145">
        <v>5.4231326808605127</v>
      </c>
      <c r="AK77" s="140">
        <v>5.3468793070675966</v>
      </c>
      <c r="AL77" s="140">
        <v>5.3468793070675966</v>
      </c>
      <c r="AM77" s="140">
        <v>5.2178017290448739</v>
      </c>
      <c r="AN77" s="140">
        <v>5.1304318713310728</v>
      </c>
      <c r="AO77" s="140">
        <v>5.1264066592040063</v>
      </c>
      <c r="AP77" s="140">
        <v>5.0641540107210421</v>
      </c>
      <c r="AQ77" s="140">
        <v>5.2999551489781247</v>
      </c>
      <c r="AR77" s="140">
        <v>5.1056248299952767</v>
      </c>
      <c r="AS77" s="140">
        <v>5.1248408659930149</v>
      </c>
      <c r="AT77" s="140">
        <v>5.1456257237761607</v>
      </c>
      <c r="AU77" s="146">
        <v>5.3947680386032113</v>
      </c>
      <c r="AV77" s="140">
        <v>5.1216796969682576</v>
      </c>
      <c r="AW77" s="140">
        <v>5.1079460619432737</v>
      </c>
      <c r="AX77" s="140">
        <v>5.0729011824161416</v>
      </c>
      <c r="AY77" s="140">
        <v>5.1167578674541518</v>
      </c>
      <c r="AZ77" s="146">
        <v>5.0990019916762641</v>
      </c>
      <c r="BA77" s="140">
        <v>5.2034383971103191</v>
      </c>
      <c r="BB77" s="145">
        <v>5.2112261565222555</v>
      </c>
      <c r="BC77" s="146">
        <v>5.2270548715353913</v>
      </c>
      <c r="BD77" s="145">
        <v>5.1949671752105617</v>
      </c>
      <c r="BE77" s="140"/>
    </row>
    <row r="78" spans="3:57" x14ac:dyDescent="0.2">
      <c r="C78" s="157" t="s">
        <v>72</v>
      </c>
      <c r="D78" s="158" t="s">
        <v>58</v>
      </c>
      <c r="E78" s="146">
        <v>5.8313146109554586</v>
      </c>
      <c r="F78" s="140">
        <v>5.5625315364274197</v>
      </c>
      <c r="G78" s="146">
        <v>5.5860196624721183</v>
      </c>
      <c r="H78" s="146">
        <v>5.5401987474834966</v>
      </c>
      <c r="I78" s="146">
        <v>5.4593266869813295</v>
      </c>
      <c r="J78" s="140">
        <v>5.3461280128433391</v>
      </c>
      <c r="K78" s="146">
        <v>5.7699922381165276</v>
      </c>
      <c r="L78" s="146">
        <v>5.9476880473409919</v>
      </c>
      <c r="M78" s="146">
        <v>6.4930128727045409</v>
      </c>
      <c r="N78" s="146">
        <v>7.278455810615915</v>
      </c>
      <c r="O78" s="146">
        <v>7.4059814984607666</v>
      </c>
      <c r="P78" s="146">
        <v>7.0296510304233442</v>
      </c>
      <c r="Q78" s="146">
        <v>7.2448466015029096</v>
      </c>
      <c r="R78" s="146">
        <v>7.8152204212236605</v>
      </c>
      <c r="S78" s="146">
        <v>7.9214304705196144</v>
      </c>
      <c r="T78" s="140">
        <v>7.472428006977986</v>
      </c>
      <c r="U78" s="140">
        <v>7.2647600258241622</v>
      </c>
      <c r="V78" s="140">
        <v>8.0009858141038652</v>
      </c>
      <c r="W78" s="140">
        <v>8.1029567778844118</v>
      </c>
      <c r="X78" s="140">
        <v>8.6215573087811421</v>
      </c>
      <c r="Y78" s="146">
        <v>8.2818620299012622</v>
      </c>
      <c r="Z78" s="140">
        <v>7.9067514174861921</v>
      </c>
      <c r="AA78" s="146">
        <v>7.0037281566098208</v>
      </c>
      <c r="AB78" s="140">
        <v>6.9507027624826661</v>
      </c>
      <c r="AC78" s="146">
        <v>7.437878141140172</v>
      </c>
      <c r="AD78" s="146">
        <v>7.268917006207829</v>
      </c>
      <c r="AE78" s="146">
        <v>6.9720924383213765</v>
      </c>
      <c r="AF78" s="146">
        <v>6.8514458993849026</v>
      </c>
      <c r="AG78" s="140">
        <v>7.3565587688978109</v>
      </c>
      <c r="AH78" s="146">
        <v>7.8653518552222392</v>
      </c>
      <c r="AI78" s="140">
        <v>7.4224905284890292</v>
      </c>
      <c r="AJ78" s="145">
        <v>7.319358277972845</v>
      </c>
      <c r="AK78" s="140">
        <v>7.1262108554553638</v>
      </c>
      <c r="AL78" s="140">
        <v>7.1262108554553638</v>
      </c>
      <c r="AM78" s="140">
        <v>6.6486288041993156</v>
      </c>
      <c r="AN78" s="140">
        <v>6.3721075046997964</v>
      </c>
      <c r="AO78" s="140">
        <v>6.1803112055858707</v>
      </c>
      <c r="AP78" s="140">
        <v>6.2438446279935649</v>
      </c>
      <c r="AQ78" s="140">
        <v>6.37887727764946</v>
      </c>
      <c r="AR78" s="140">
        <v>6.3662570411069002</v>
      </c>
      <c r="AS78" s="140">
        <v>6.8663050493936844</v>
      </c>
      <c r="AT78" s="140">
        <v>7.0957299015978315</v>
      </c>
      <c r="AU78" s="146">
        <v>7.1687267712433922</v>
      </c>
      <c r="AV78" s="140">
        <v>7.0019802022910369</v>
      </c>
      <c r="AW78" s="140">
        <v>6.8069526270634215</v>
      </c>
      <c r="AX78" s="140">
        <v>6.476375551200392</v>
      </c>
      <c r="AY78" s="140">
        <v>6.7295536158743587</v>
      </c>
      <c r="AZ78" s="146">
        <v>7.0603343711650179</v>
      </c>
      <c r="BA78" s="140">
        <v>6.8793471116282641</v>
      </c>
      <c r="BB78" s="145">
        <v>7.4569709700565951</v>
      </c>
      <c r="BC78" s="146">
        <v>8.4044194824244745</v>
      </c>
      <c r="BD78" s="145">
        <v>7.7030772634475815</v>
      </c>
      <c r="BE78" s="140"/>
    </row>
    <row r="79" spans="3:57" x14ac:dyDescent="0.2">
      <c r="C79" s="157" t="s">
        <v>73</v>
      </c>
      <c r="D79" s="158" t="s">
        <v>58</v>
      </c>
      <c r="E79" s="146">
        <v>5.6083022408444387</v>
      </c>
      <c r="F79" s="140">
        <v>5.5204565563335448</v>
      </c>
      <c r="G79" s="146">
        <v>5.4969744242688936</v>
      </c>
      <c r="H79" s="146">
        <v>5.4659163006899414</v>
      </c>
      <c r="I79" s="146">
        <v>5.5384814698001987</v>
      </c>
      <c r="J79" s="140">
        <v>5.4890694994332909</v>
      </c>
      <c r="K79" s="146">
        <v>5.5565067211427506</v>
      </c>
      <c r="L79" s="146">
        <v>5.5461618414926166</v>
      </c>
      <c r="M79" s="146">
        <v>5.3678035816595457</v>
      </c>
      <c r="N79" s="146">
        <v>5.2121021789936757</v>
      </c>
      <c r="O79" s="146">
        <v>5.2652932101093919</v>
      </c>
      <c r="P79" s="146">
        <v>5.1658516680038069</v>
      </c>
      <c r="Q79" s="146">
        <v>5.1231089752570966</v>
      </c>
      <c r="R79" s="146">
        <v>5.3856451953231206</v>
      </c>
      <c r="S79" s="146">
        <v>5.3357520655909161</v>
      </c>
      <c r="T79" s="140">
        <v>5.3193484857051319</v>
      </c>
      <c r="U79" s="140">
        <v>5.3382054728936854</v>
      </c>
      <c r="V79" s="140">
        <v>5.5481889370620756</v>
      </c>
      <c r="W79" s="140">
        <v>5.5450833755369242</v>
      </c>
      <c r="X79" s="140">
        <v>5.5908151218976494</v>
      </c>
      <c r="Y79" s="146">
        <v>5.5752519267986278</v>
      </c>
      <c r="Z79" s="140">
        <v>5.6053251887838158</v>
      </c>
      <c r="AA79" s="146">
        <v>5.5576667522207295</v>
      </c>
      <c r="AB79" s="140">
        <v>5.4921933647743719</v>
      </c>
      <c r="AC79" s="146">
        <v>5.7409471997813277</v>
      </c>
      <c r="AD79" s="146">
        <v>5.5751282043487951</v>
      </c>
      <c r="AE79" s="146">
        <v>5.6506180904522614</v>
      </c>
      <c r="AF79" s="146">
        <v>5.6214491785471825</v>
      </c>
      <c r="AG79" s="140">
        <v>5.4772256752175377</v>
      </c>
      <c r="AH79" s="146">
        <v>5.2223232023448318</v>
      </c>
      <c r="AI79" s="140">
        <v>5.0879408583631847</v>
      </c>
      <c r="AJ79" s="145">
        <v>5.0392834659287447</v>
      </c>
      <c r="AK79" s="140">
        <v>5.2329871288011658</v>
      </c>
      <c r="AL79" s="140">
        <v>5.2329871288011658</v>
      </c>
      <c r="AM79" s="140">
        <v>5.2160462974234125</v>
      </c>
      <c r="AN79" s="140">
        <v>5.0939132094994095</v>
      </c>
      <c r="AO79" s="140">
        <v>4.9838405640643408</v>
      </c>
      <c r="AP79" s="140">
        <v>5.0845294414920037</v>
      </c>
      <c r="AQ79" s="140">
        <v>5.1637613372655187</v>
      </c>
      <c r="AR79" s="140">
        <v>5.1998489682889764</v>
      </c>
      <c r="AS79" s="140">
        <v>5.8145292907137227</v>
      </c>
      <c r="AT79" s="140">
        <v>5.7573995211125926</v>
      </c>
      <c r="AU79" s="146">
        <v>5.6283367086397664</v>
      </c>
      <c r="AV79" s="140">
        <v>5.6672339545754165</v>
      </c>
      <c r="AW79" s="140">
        <v>5.6291115467553414</v>
      </c>
      <c r="AX79" s="140">
        <v>5.664614331335577</v>
      </c>
      <c r="AY79" s="140">
        <v>5.6186823092180012</v>
      </c>
      <c r="AZ79" s="146">
        <v>5.4739112181408522</v>
      </c>
      <c r="BA79" s="140">
        <v>5.6256357217832438</v>
      </c>
      <c r="BB79" s="145">
        <v>5.688966437763499</v>
      </c>
      <c r="BC79" s="146">
        <v>5.9084552536939396</v>
      </c>
      <c r="BD79" s="145">
        <v>5.7309568024452622</v>
      </c>
      <c r="BE79" s="140"/>
    </row>
    <row r="80" spans="3:57" x14ac:dyDescent="0.2">
      <c r="C80" s="157" t="s">
        <v>74</v>
      </c>
      <c r="D80" s="158" t="s">
        <v>58</v>
      </c>
      <c r="E80" s="146">
        <v>1.6088649597497666</v>
      </c>
      <c r="F80" s="140">
        <v>1.6122242563563269</v>
      </c>
      <c r="G80" s="146">
        <v>1.6126666459827887</v>
      </c>
      <c r="H80" s="146">
        <v>1.6094598506149869</v>
      </c>
      <c r="I80" s="146">
        <v>1.6124543502192326</v>
      </c>
      <c r="J80" s="140">
        <v>1.6123859663870344</v>
      </c>
      <c r="K80" s="146">
        <v>1.6147382179582501</v>
      </c>
      <c r="L80" s="146">
        <v>1.6022011577641428</v>
      </c>
      <c r="M80" s="146">
        <v>1.5956144578313254</v>
      </c>
      <c r="N80" s="146">
        <v>1.5967255652473447</v>
      </c>
      <c r="O80" s="146">
        <v>1.5909109139642639</v>
      </c>
      <c r="P80" s="146">
        <v>1.6157635070059342</v>
      </c>
      <c r="Q80" s="146">
        <v>1.6339352576975819</v>
      </c>
      <c r="R80" s="146">
        <v>1.638267991808525</v>
      </c>
      <c r="S80" s="146">
        <v>1.6448007493899273</v>
      </c>
      <c r="T80" s="140">
        <v>1.6377463753747765</v>
      </c>
      <c r="U80" s="140">
        <v>1.6313804322225109</v>
      </c>
      <c r="V80" s="140">
        <v>1.6387033155930513</v>
      </c>
      <c r="W80" s="140">
        <v>1.6439292051184851</v>
      </c>
      <c r="X80" s="140">
        <v>1.6443173341407757</v>
      </c>
      <c r="Y80" s="146">
        <v>1.6438030008033728</v>
      </c>
      <c r="Z80" s="140">
        <v>1.6354820890103783</v>
      </c>
      <c r="AA80" s="146">
        <v>1.6277400721429598</v>
      </c>
      <c r="AB80" s="140">
        <v>1.6236608099667593</v>
      </c>
      <c r="AC80" s="146">
        <v>1.6271457856880474</v>
      </c>
      <c r="AD80" s="146">
        <v>1.6223724361300074</v>
      </c>
      <c r="AE80" s="146">
        <v>1.622815260440102</v>
      </c>
      <c r="AF80" s="146">
        <v>1.6181966915106345</v>
      </c>
      <c r="AG80" s="140">
        <v>1.6180724096849395</v>
      </c>
      <c r="AH80" s="146">
        <v>1.6210373391057766</v>
      </c>
      <c r="AI80" s="140">
        <v>1.6293240430511515</v>
      </c>
      <c r="AJ80" s="145">
        <v>1.6012201710267422</v>
      </c>
      <c r="AK80" s="140">
        <v>1.5590906390746939</v>
      </c>
      <c r="AL80" s="140">
        <v>1.5590906390746939</v>
      </c>
      <c r="AM80" s="140">
        <v>1.5562570171788939</v>
      </c>
      <c r="AN80" s="140">
        <v>1.5780361802390681</v>
      </c>
      <c r="AO80" s="140">
        <v>1.5669167388102736</v>
      </c>
      <c r="AP80" s="140">
        <v>1.5717034440377522</v>
      </c>
      <c r="AQ80" s="140">
        <v>1.5814768448398322</v>
      </c>
      <c r="AR80" s="140">
        <v>1.5959474514970209</v>
      </c>
      <c r="AS80" s="140">
        <v>1.5570280734353916</v>
      </c>
      <c r="AT80" s="140">
        <v>1.5776183110637005</v>
      </c>
      <c r="AU80" s="146">
        <v>1.5804047579708087</v>
      </c>
      <c r="AV80" s="140">
        <v>1.6117741870285529</v>
      </c>
      <c r="AW80" s="140">
        <v>1.5904213805187906</v>
      </c>
      <c r="AX80" s="140">
        <v>1.5788368054944761</v>
      </c>
      <c r="AY80" s="140">
        <v>1.5847506186683531</v>
      </c>
      <c r="AZ80" s="146">
        <v>1.6145478130838526</v>
      </c>
      <c r="BA80" s="140">
        <v>1.5964922726051656</v>
      </c>
      <c r="BB80" s="145">
        <v>1.6239869379890552</v>
      </c>
      <c r="BC80" s="146">
        <v>1.733025923722723</v>
      </c>
      <c r="BD80" s="145">
        <v>1.7090591497308836</v>
      </c>
      <c r="BE80" s="140"/>
    </row>
    <row r="81" spans="3:57" x14ac:dyDescent="0.2">
      <c r="C81" s="126" t="s">
        <v>78</v>
      </c>
      <c r="D81" s="158" t="s">
        <v>58</v>
      </c>
      <c r="E81" s="146">
        <v>0.26734757268214698</v>
      </c>
      <c r="F81" s="140">
        <v>0.27255240990713619</v>
      </c>
      <c r="G81" s="146">
        <v>0.26708455066461095</v>
      </c>
      <c r="H81" s="146">
        <v>0.27517171446741717</v>
      </c>
      <c r="I81" s="146">
        <v>0.28166442255955465</v>
      </c>
      <c r="J81" s="140">
        <v>0.28653666070106476</v>
      </c>
      <c r="K81" s="146">
        <v>0.28462219173232839</v>
      </c>
      <c r="L81" s="146">
        <v>0.25786401150784588</v>
      </c>
      <c r="M81" s="146">
        <v>0.27208040900387154</v>
      </c>
      <c r="N81" s="146">
        <v>0.27057057241100918</v>
      </c>
      <c r="O81" s="146">
        <v>0.28847267997674392</v>
      </c>
      <c r="P81" s="146">
        <v>0.29045280001654561</v>
      </c>
      <c r="Q81" s="198">
        <v>0.26603751518576901</v>
      </c>
      <c r="R81" s="146">
        <v>0.27304809914623873</v>
      </c>
      <c r="S81" s="198">
        <v>0.27655631535155323</v>
      </c>
      <c r="T81" s="184">
        <v>0.30014790103944672</v>
      </c>
      <c r="U81" s="184">
        <v>0.30820104381789509</v>
      </c>
      <c r="V81" s="140">
        <v>0.31315065053337648</v>
      </c>
      <c r="W81" s="140">
        <v>0.33642612874460182</v>
      </c>
      <c r="X81" s="140">
        <v>0.32653765557212378</v>
      </c>
      <c r="Y81" s="146">
        <v>0.30619211080236841</v>
      </c>
      <c r="Z81" s="140">
        <v>0.28801434398076459</v>
      </c>
      <c r="AA81" s="146">
        <v>0.30098896238227446</v>
      </c>
      <c r="AB81" s="140">
        <v>0.30336504243528056</v>
      </c>
      <c r="AC81" s="146">
        <v>0.29928316923084169</v>
      </c>
      <c r="AD81" s="146">
        <v>0.30859571383955453</v>
      </c>
      <c r="AE81" s="146">
        <v>0.30282800392891485</v>
      </c>
      <c r="AF81" s="146">
        <v>0.31305873944273566</v>
      </c>
      <c r="AG81" s="140">
        <v>0.32804777469644941</v>
      </c>
      <c r="AH81" s="146">
        <v>0.29722229882889006</v>
      </c>
      <c r="AI81" s="140">
        <v>0.28830928712455667</v>
      </c>
      <c r="AJ81" s="145">
        <v>0.28368438279969682</v>
      </c>
      <c r="AK81" s="140">
        <v>0.28962296081022693</v>
      </c>
      <c r="AL81" s="140">
        <v>0.28962296081022693</v>
      </c>
      <c r="AM81" s="140">
        <v>0.32143600372953623</v>
      </c>
      <c r="AN81" s="140">
        <v>0.30202953890457884</v>
      </c>
      <c r="AO81" s="140">
        <v>0.30957627816717753</v>
      </c>
      <c r="AP81" s="140">
        <v>0.29419766356934102</v>
      </c>
      <c r="AQ81" s="140">
        <v>0.2985856281773045</v>
      </c>
      <c r="AR81" s="140">
        <v>0.27079138543564035</v>
      </c>
      <c r="AS81" s="140">
        <v>0.24915164678885141</v>
      </c>
      <c r="AT81" s="140">
        <v>0.27021450932224694</v>
      </c>
      <c r="AU81" s="146">
        <v>0.30967163727691271</v>
      </c>
      <c r="AV81" s="140">
        <v>0.28999999999999998</v>
      </c>
      <c r="AW81" s="140">
        <v>0.2929035203632892</v>
      </c>
      <c r="AX81" s="140">
        <v>0.29555837207305707</v>
      </c>
      <c r="AY81" s="140">
        <v>0.29902536625129528</v>
      </c>
      <c r="AZ81" s="146">
        <v>0.31123377718837386</v>
      </c>
      <c r="BA81" s="140">
        <v>0.31267601728432642</v>
      </c>
      <c r="BB81" s="145">
        <v>0.31880368615316662</v>
      </c>
      <c r="BC81" s="146">
        <v>0.31184475882290336</v>
      </c>
      <c r="BD81" s="145">
        <v>0.31192918200839642</v>
      </c>
      <c r="BE81" s="140"/>
    </row>
    <row r="82" spans="3:57" x14ac:dyDescent="0.2">
      <c r="C82" s="126" t="s">
        <v>79</v>
      </c>
      <c r="D82" s="158" t="s">
        <v>58</v>
      </c>
      <c r="E82" s="146">
        <v>0.89111244883216956</v>
      </c>
      <c r="F82" s="140">
        <v>1.0987788758867398</v>
      </c>
      <c r="G82" s="146">
        <v>0.88512333965844392</v>
      </c>
      <c r="H82" s="146">
        <v>0.89356036381723869</v>
      </c>
      <c r="I82" s="146">
        <v>0.81442215663381123</v>
      </c>
      <c r="J82" s="140">
        <v>0.74609225086219577</v>
      </c>
      <c r="K82" s="146">
        <v>0.84361574910311776</v>
      </c>
      <c r="L82" s="146">
        <v>0.66853445092838193</v>
      </c>
      <c r="M82" s="146">
        <v>0.65021616198922938</v>
      </c>
      <c r="N82" s="146">
        <v>0.65537562862283616</v>
      </c>
      <c r="O82" s="146">
        <v>0.61922444999892268</v>
      </c>
      <c r="P82" s="146">
        <v>0.65321688727014304</v>
      </c>
      <c r="Q82" s="146">
        <v>0.78201396536189804</v>
      </c>
      <c r="R82" s="146">
        <v>0.803249268301232</v>
      </c>
      <c r="S82" s="146">
        <v>0.79033518551711779</v>
      </c>
      <c r="T82" s="140">
        <v>0.80020956385357223</v>
      </c>
      <c r="U82" s="140">
        <v>0.74417480611250131</v>
      </c>
      <c r="V82" s="140">
        <v>0.79566732751784297</v>
      </c>
      <c r="W82" s="140">
        <v>0.78725563547739508</v>
      </c>
      <c r="X82" s="140">
        <v>0.68125984930032291</v>
      </c>
      <c r="Y82" s="146">
        <v>0.67616538612528743</v>
      </c>
      <c r="Z82" s="140">
        <v>0.68364895165414419</v>
      </c>
      <c r="AA82" s="146">
        <v>0.69435005708486619</v>
      </c>
      <c r="AB82" s="140">
        <v>0.77515962984384035</v>
      </c>
      <c r="AC82" s="153">
        <v>0.77709236242010238</v>
      </c>
      <c r="AD82" s="146">
        <v>0.80454738993442898</v>
      </c>
      <c r="AE82" s="146">
        <v>0.73224404586886216</v>
      </c>
      <c r="AF82" s="146">
        <v>0.65881646617090683</v>
      </c>
      <c r="AG82" s="140">
        <v>0.7128782732080664</v>
      </c>
      <c r="AH82" s="146">
        <v>0.6089711193560714</v>
      </c>
      <c r="AI82" s="140">
        <v>0.54192481676591842</v>
      </c>
      <c r="AJ82" s="145">
        <v>0.5384276873255387</v>
      </c>
      <c r="AK82" s="140">
        <v>0.59360406380284303</v>
      </c>
      <c r="AL82" s="140">
        <v>0.59360406380284303</v>
      </c>
      <c r="AM82" s="140">
        <v>0.64604333450409968</v>
      </c>
      <c r="AN82" s="140">
        <v>0.59468032519641156</v>
      </c>
      <c r="AO82" s="140">
        <v>0.61715650003453004</v>
      </c>
      <c r="AP82" s="140">
        <v>0.69652667053196116</v>
      </c>
      <c r="AQ82" s="140">
        <v>0.64938473670897368</v>
      </c>
      <c r="AR82" s="140">
        <v>0.6696534863945578</v>
      </c>
      <c r="AS82" s="140">
        <v>0.66451941770591305</v>
      </c>
      <c r="AT82" s="140">
        <v>0.69223553682378269</v>
      </c>
      <c r="AU82" s="146">
        <v>0.64607342854302652</v>
      </c>
      <c r="AV82" s="140">
        <v>0.54697332106715735</v>
      </c>
      <c r="AW82" s="140">
        <v>0.53044214202353701</v>
      </c>
      <c r="AX82" s="140">
        <v>0.52937124793364465</v>
      </c>
      <c r="AY82" s="140">
        <v>0.53341067265496434</v>
      </c>
      <c r="AZ82" s="146">
        <v>0.48094976554508201</v>
      </c>
      <c r="BA82" s="140">
        <v>0.6960772833723653</v>
      </c>
      <c r="BB82" s="145">
        <v>0.65222290590180221</v>
      </c>
      <c r="BC82" s="146">
        <v>0.65321589545705117</v>
      </c>
      <c r="BD82" s="145">
        <v>0.64514182650288432</v>
      </c>
      <c r="BE82" s="140"/>
    </row>
    <row r="83" spans="3:57" x14ac:dyDescent="0.2">
      <c r="C83" s="126" t="s">
        <v>80</v>
      </c>
      <c r="D83" s="158" t="s">
        <v>58</v>
      </c>
      <c r="E83" s="146">
        <v>1.896581544165028</v>
      </c>
      <c r="F83" s="140">
        <v>1.7806629092660839</v>
      </c>
      <c r="G83" s="146">
        <v>2.0296763754407321</v>
      </c>
      <c r="H83" s="146">
        <v>1.0669751652910908</v>
      </c>
      <c r="I83" s="146">
        <v>0.93342890172419524</v>
      </c>
      <c r="J83" s="140">
        <v>0.91056049874294609</v>
      </c>
      <c r="K83" s="146">
        <v>0.69627769451512089</v>
      </c>
      <c r="L83" s="146">
        <v>0.64870755130732771</v>
      </c>
      <c r="M83" s="146">
        <v>0.64069836738233255</v>
      </c>
      <c r="N83" s="146">
        <v>0.70930686486925976</v>
      </c>
      <c r="O83" s="146">
        <v>0.84345832608242055</v>
      </c>
      <c r="P83" s="146">
        <v>0.74349701798281087</v>
      </c>
      <c r="Q83" s="146">
        <v>0.82131979258812027</v>
      </c>
      <c r="R83" s="146">
        <v>0.4598414804180917</v>
      </c>
      <c r="S83" s="146">
        <v>0.45736901794905038</v>
      </c>
      <c r="T83" s="140">
        <v>0.50014561378032263</v>
      </c>
      <c r="U83" s="140">
        <v>0.46989895617846755</v>
      </c>
      <c r="V83" s="140">
        <v>0.4922992213973269</v>
      </c>
      <c r="W83" s="140">
        <v>0.46318528225699052</v>
      </c>
      <c r="X83" s="140">
        <v>0.53534794368967853</v>
      </c>
      <c r="Y83" s="146">
        <v>0.78418803070915255</v>
      </c>
      <c r="Z83" s="140">
        <v>0.83945397805723299</v>
      </c>
      <c r="AA83" s="146">
        <v>0.71177519051804272</v>
      </c>
      <c r="AB83" s="140">
        <v>0.59009693592860957</v>
      </c>
      <c r="AC83" s="146">
        <v>0.52740459505710602</v>
      </c>
      <c r="AD83" s="146">
        <v>0.53432178171786371</v>
      </c>
      <c r="AE83" s="146">
        <v>0.53145967139534667</v>
      </c>
      <c r="AF83" s="146">
        <v>0.56286067357344682</v>
      </c>
      <c r="AG83" s="140">
        <v>0.5406138965454802</v>
      </c>
      <c r="AH83" s="146">
        <v>0.46161065332177192</v>
      </c>
      <c r="AI83" s="140">
        <v>0.53777546293556189</v>
      </c>
      <c r="AJ83" s="145">
        <v>0.62787201018454164</v>
      </c>
      <c r="AK83" s="140">
        <v>0.62043127460315206</v>
      </c>
      <c r="AL83" s="140">
        <v>0.62043127460315206</v>
      </c>
      <c r="AM83" s="140">
        <v>0.86386594968718633</v>
      </c>
      <c r="AN83" s="140">
        <v>0.83164441995776051</v>
      </c>
      <c r="AO83" s="140">
        <v>0.66883417852872262</v>
      </c>
      <c r="AP83" s="140">
        <v>0.57142590364258206</v>
      </c>
      <c r="AQ83" s="140">
        <v>0.59750232317466745</v>
      </c>
      <c r="AR83" s="140">
        <v>0.60477383163584186</v>
      </c>
      <c r="AS83" s="184">
        <v>0.56075513163104396</v>
      </c>
      <c r="AT83" s="140">
        <v>0.65647334969452387</v>
      </c>
      <c r="AU83" s="146">
        <v>0.7325093354816532</v>
      </c>
      <c r="AV83" s="140">
        <v>1.0163189278797016</v>
      </c>
      <c r="AW83" s="140">
        <v>1.3199925995350366</v>
      </c>
      <c r="AX83" s="140">
        <v>1.3833994276572701</v>
      </c>
      <c r="AY83" s="140">
        <v>1.3212613369447674</v>
      </c>
      <c r="AZ83" s="146">
        <v>1.3307077823039417</v>
      </c>
      <c r="BA83" s="140">
        <v>1.8372949992374537</v>
      </c>
      <c r="BB83" s="145">
        <v>2.0805046245656618</v>
      </c>
      <c r="BC83" s="146">
        <v>2.175530781655616</v>
      </c>
      <c r="BD83" s="145">
        <v>1.3070384232467529</v>
      </c>
      <c r="BE83" s="140"/>
    </row>
    <row r="84" spans="3:57" x14ac:dyDescent="0.2">
      <c r="C84" s="126" t="s">
        <v>122</v>
      </c>
      <c r="D84" s="158" t="s">
        <v>58</v>
      </c>
      <c r="E84" s="146">
        <v>0.37826509372597722</v>
      </c>
      <c r="F84" s="140">
        <v>0.37114631174631529</v>
      </c>
      <c r="G84" s="146">
        <v>0.32996218146676587</v>
      </c>
      <c r="H84" s="146">
        <v>0.37739027332067149</v>
      </c>
      <c r="I84" s="146">
        <v>0.36673223546515421</v>
      </c>
      <c r="J84" s="140">
        <v>0.36223115411976781</v>
      </c>
      <c r="K84" s="146">
        <v>0.37497303009886507</v>
      </c>
      <c r="L84" s="146">
        <v>0.38182076801535408</v>
      </c>
      <c r="M84" s="146">
        <v>0.4310170007741651</v>
      </c>
      <c r="N84" s="146">
        <v>0.38586176210466305</v>
      </c>
      <c r="O84" s="146">
        <v>0.38311573862929638</v>
      </c>
      <c r="P84" s="146">
        <v>0.38627291298226002</v>
      </c>
      <c r="Q84" s="146">
        <v>0.45447143697441872</v>
      </c>
      <c r="R84" s="146">
        <v>0.43351188160401838</v>
      </c>
      <c r="S84" s="146">
        <v>0.42155575608688961</v>
      </c>
      <c r="T84" s="140">
        <v>0.42522931374842693</v>
      </c>
      <c r="U84" s="140">
        <v>0.47823424816227977</v>
      </c>
      <c r="V84" s="140">
        <v>0.47532716602018982</v>
      </c>
      <c r="W84" s="140">
        <v>0.42241330359494456</v>
      </c>
      <c r="X84" s="140">
        <v>0.3791121298339265</v>
      </c>
      <c r="Y84" s="146">
        <v>0.34730957000364571</v>
      </c>
      <c r="Z84" s="140">
        <v>0.31215432518663777</v>
      </c>
      <c r="AA84" s="146">
        <v>0.28625871437152195</v>
      </c>
      <c r="AB84" s="140">
        <v>0.26296592675878183</v>
      </c>
      <c r="AC84" s="146">
        <v>0.27914531923277608</v>
      </c>
      <c r="AD84" s="146">
        <v>0.35269872306490868</v>
      </c>
      <c r="AE84" s="146">
        <v>0.2716509889553203</v>
      </c>
      <c r="AF84" s="146">
        <v>0.27317292147065186</v>
      </c>
      <c r="AG84" s="140">
        <v>0.26875408762848552</v>
      </c>
      <c r="AH84" s="146">
        <v>0.27552018732459843</v>
      </c>
      <c r="AI84" s="140">
        <v>0.27613493807004202</v>
      </c>
      <c r="AJ84" s="145">
        <v>0.27230973407422115</v>
      </c>
      <c r="AK84" s="140">
        <v>0.36489492440486837</v>
      </c>
      <c r="AL84" s="140">
        <v>0.36489492440486837</v>
      </c>
      <c r="AM84" s="140">
        <v>0.26410670253125795</v>
      </c>
      <c r="AN84" s="140">
        <v>0.28095803251303664</v>
      </c>
      <c r="AO84" s="140">
        <v>0.28981892104061618</v>
      </c>
      <c r="AP84" s="140">
        <v>0.2945833140881407</v>
      </c>
      <c r="AQ84" s="140">
        <v>0.27404288095029555</v>
      </c>
      <c r="AR84" s="140">
        <v>0.26928836924786692</v>
      </c>
      <c r="AS84" s="140">
        <v>0.25836086041926226</v>
      </c>
      <c r="AT84" s="140">
        <v>0.25440302752436161</v>
      </c>
      <c r="AU84" s="146">
        <v>0.25538021894232338</v>
      </c>
      <c r="AV84" s="140">
        <v>0.2522707112564343</v>
      </c>
      <c r="AW84" s="140">
        <v>0.25837499368841121</v>
      </c>
      <c r="AX84" s="140">
        <v>0.2602225296628054</v>
      </c>
      <c r="AY84" s="140">
        <v>0.26447414777430184</v>
      </c>
      <c r="AZ84" s="146">
        <v>0.26139327069337259</v>
      </c>
      <c r="BA84" s="140">
        <v>0.25985460672565885</v>
      </c>
      <c r="BB84" s="145">
        <v>0.28207756385954486</v>
      </c>
      <c r="BC84" s="146">
        <v>0.27401514714999875</v>
      </c>
      <c r="BD84" s="145">
        <v>0.27681092552767633</v>
      </c>
      <c r="BE84" s="140"/>
    </row>
    <row r="85" spans="3:57" x14ac:dyDescent="0.2">
      <c r="C85" s="126" t="s">
        <v>82</v>
      </c>
      <c r="D85" s="158" t="s">
        <v>58</v>
      </c>
      <c r="E85" s="146">
        <v>2.3764812346394497</v>
      </c>
      <c r="F85" s="140">
        <v>2.6423505663218045</v>
      </c>
      <c r="G85" s="146">
        <v>2.5427660635717362</v>
      </c>
      <c r="H85" s="146">
        <v>1.8760598981108305</v>
      </c>
      <c r="I85" s="146">
        <v>1.9115917420007085</v>
      </c>
      <c r="J85" s="140">
        <v>1.952240307674814</v>
      </c>
      <c r="K85" s="146">
        <v>2.3149269271268289</v>
      </c>
      <c r="L85" s="146">
        <v>2.2895561373183888</v>
      </c>
      <c r="M85" s="146">
        <v>2.1193370493491379</v>
      </c>
      <c r="N85" s="146">
        <v>2.1634259584284035</v>
      </c>
      <c r="O85" s="146">
        <v>2.1067323621488989</v>
      </c>
      <c r="P85" s="146">
        <v>2.4388175921477107</v>
      </c>
      <c r="Q85" s="146">
        <v>2.1973439311225449</v>
      </c>
      <c r="R85" s="146">
        <v>1.8668985696791354</v>
      </c>
      <c r="S85" s="146">
        <v>1.4857377558059324</v>
      </c>
      <c r="T85" s="140">
        <v>1.8843165372317763</v>
      </c>
      <c r="U85" s="140">
        <v>2.644687443607276</v>
      </c>
      <c r="V85" s="140">
        <v>2.5017491503529308</v>
      </c>
      <c r="W85" s="140">
        <v>2.2695815177627487</v>
      </c>
      <c r="X85" s="140">
        <v>1.751477096396409</v>
      </c>
      <c r="Y85" s="146">
        <v>1.8193480057460052</v>
      </c>
      <c r="Z85" s="140">
        <v>1.9038166948707818</v>
      </c>
      <c r="AA85" s="146">
        <v>2.5595416686054624</v>
      </c>
      <c r="AB85" s="140">
        <v>2.6953094755743821</v>
      </c>
      <c r="AC85" s="146">
        <v>2.4925819492343306</v>
      </c>
      <c r="AD85" s="146">
        <v>1.9167229779416346</v>
      </c>
      <c r="AE85" s="146">
        <v>1.9430229317620831</v>
      </c>
      <c r="AF85" s="146">
        <v>1.8784182470115516</v>
      </c>
      <c r="AG85" s="140">
        <v>1.7283281310266996</v>
      </c>
      <c r="AH85" s="146">
        <v>1.9252843922024137</v>
      </c>
      <c r="AI85" s="140">
        <v>2.466840380031996</v>
      </c>
      <c r="AJ85" s="145">
        <v>2.6275634376664923</v>
      </c>
      <c r="AK85" s="140">
        <v>2.5712036126751476</v>
      </c>
      <c r="AL85" s="140">
        <v>2.5712036126751476</v>
      </c>
      <c r="AM85" s="140">
        <v>2.9769021310294765</v>
      </c>
      <c r="AN85" s="140">
        <v>3.5925258041974066</v>
      </c>
      <c r="AO85" s="140">
        <v>3.3040522296802761</v>
      </c>
      <c r="AP85" s="140">
        <v>1.9913379986891195</v>
      </c>
      <c r="AQ85" s="140">
        <v>1.5623447167326581</v>
      </c>
      <c r="AR85" s="140">
        <v>2.5975083717122938</v>
      </c>
      <c r="AS85" s="140">
        <v>2.754622465792679</v>
      </c>
      <c r="AT85" s="140">
        <v>2.4293734518679382</v>
      </c>
      <c r="AU85" s="146">
        <v>2.5352283359656278</v>
      </c>
      <c r="AV85" s="140">
        <v>2.3911066888843604</v>
      </c>
      <c r="AW85" s="140">
        <v>2.7857374035307818</v>
      </c>
      <c r="AX85" s="140">
        <v>2.6387332116549471</v>
      </c>
      <c r="AY85" s="140">
        <v>2.4514551514736436</v>
      </c>
      <c r="AZ85" s="146">
        <v>2.2275291129534671</v>
      </c>
      <c r="BA85" s="140">
        <v>2.4859760262097166</v>
      </c>
      <c r="BB85" s="145">
        <v>2.7668911600001418</v>
      </c>
      <c r="BC85" s="146">
        <v>3.3078686015993797</v>
      </c>
      <c r="BD85" s="145">
        <v>3.0082925617601508</v>
      </c>
      <c r="BE85" s="140"/>
    </row>
    <row r="86" spans="3:57" x14ac:dyDescent="0.2">
      <c r="C86" s="126" t="s">
        <v>84</v>
      </c>
      <c r="D86" s="158" t="s">
        <v>85</v>
      </c>
      <c r="E86" s="146">
        <v>0.43515520268204005</v>
      </c>
      <c r="F86" s="140">
        <v>0.51569698431223832</v>
      </c>
      <c r="G86" s="146">
        <v>0.55219769113249628</v>
      </c>
      <c r="H86" s="146">
        <v>0.54802501669263304</v>
      </c>
      <c r="I86" s="146">
        <v>0.56260360058796988</v>
      </c>
      <c r="J86" s="140">
        <v>0.57241369263471842</v>
      </c>
      <c r="K86" s="146">
        <v>0.54532636470686524</v>
      </c>
      <c r="L86" s="146">
        <v>0.56001247407342258</v>
      </c>
      <c r="M86" s="146">
        <v>0.5053174002856009</v>
      </c>
      <c r="N86" s="146">
        <v>0.550372291592234</v>
      </c>
      <c r="O86" s="146">
        <v>0.54862598943971663</v>
      </c>
      <c r="P86" s="146">
        <v>0.515355460772983</v>
      </c>
      <c r="Q86" s="146">
        <v>0.52950983510712979</v>
      </c>
      <c r="R86" s="146">
        <v>0.49897456302281068</v>
      </c>
      <c r="S86" s="146">
        <v>0.51368588113984859</v>
      </c>
      <c r="T86" s="140">
        <v>0.50915532400070174</v>
      </c>
      <c r="U86" s="140">
        <v>0.50088092632431624</v>
      </c>
      <c r="V86" s="140">
        <v>0.49912371134020622</v>
      </c>
      <c r="W86" s="140">
        <v>0.46174655576816837</v>
      </c>
      <c r="X86" s="140">
        <v>0.48261669296922249</v>
      </c>
      <c r="Y86" s="146">
        <v>0.52651141983548833</v>
      </c>
      <c r="Z86" s="140">
        <v>0.49524640438773204</v>
      </c>
      <c r="AA86" s="146">
        <v>0.47198637549061895</v>
      </c>
      <c r="AB86" s="140">
        <v>0.4927036849911175</v>
      </c>
      <c r="AC86" s="146">
        <v>0.50599923316011464</v>
      </c>
      <c r="AD86" s="146">
        <v>0.55639343834238275</v>
      </c>
      <c r="AE86" s="146">
        <v>0.48479346666414685</v>
      </c>
      <c r="AF86" s="146">
        <v>0.47264561277307782</v>
      </c>
      <c r="AG86" s="140">
        <v>0.4926252328639002</v>
      </c>
      <c r="AH86" s="146">
        <v>0.4906583341143046</v>
      </c>
      <c r="AI86" s="140">
        <v>0.51758539422444749</v>
      </c>
      <c r="AJ86" s="145">
        <v>0.48702905538995472</v>
      </c>
      <c r="AK86" s="140">
        <v>0.51325793546534781</v>
      </c>
      <c r="AL86" s="140">
        <v>0.51325793546534781</v>
      </c>
      <c r="AM86" s="140">
        <v>0.55323036427705385</v>
      </c>
      <c r="AN86" s="140">
        <v>0.6659391585570319</v>
      </c>
      <c r="AO86" s="140">
        <v>0.77513388430474073</v>
      </c>
      <c r="AP86" s="140">
        <v>0.66896647534941645</v>
      </c>
      <c r="AQ86" s="140">
        <v>0.68393673252064613</v>
      </c>
      <c r="AR86" s="140">
        <v>0.67398971992027701</v>
      </c>
      <c r="AS86" s="140">
        <v>0.63368059994388393</v>
      </c>
      <c r="AT86" s="140">
        <v>0.64404284268008338</v>
      </c>
      <c r="AU86" s="146">
        <v>0.59797119559396283</v>
      </c>
      <c r="AV86" s="140">
        <v>0.61238317039463586</v>
      </c>
      <c r="AW86" s="140">
        <v>0.54666269472120232</v>
      </c>
      <c r="AX86" s="140">
        <v>0.51964109040985917</v>
      </c>
      <c r="AY86" s="140">
        <v>0.5032609740251559</v>
      </c>
      <c r="AZ86" s="146">
        <v>0.52832447202702848</v>
      </c>
      <c r="BA86" s="140">
        <v>0.57433876344161006</v>
      </c>
      <c r="BB86" s="145">
        <v>0.57348428642973326</v>
      </c>
      <c r="BC86" s="146">
        <v>0.56036792732117091</v>
      </c>
      <c r="BD86" s="145">
        <v>0.53214914769025357</v>
      </c>
      <c r="BE86" s="140"/>
    </row>
    <row r="87" spans="3:57" x14ac:dyDescent="0.2">
      <c r="C87" s="126" t="s">
        <v>118</v>
      </c>
      <c r="D87" s="158" t="s">
        <v>58</v>
      </c>
      <c r="E87" s="146">
        <v>1.5220970402933673</v>
      </c>
      <c r="F87" s="140">
        <v>1.5512576745600251</v>
      </c>
      <c r="G87" s="146">
        <v>1.7331696143737136</v>
      </c>
      <c r="H87" s="146">
        <v>1.5177234723757222</v>
      </c>
      <c r="I87" s="146">
        <v>1.4620779937668074</v>
      </c>
      <c r="J87" s="140">
        <v>1.4097604164518449</v>
      </c>
      <c r="K87" s="146">
        <v>1.1575994398658496</v>
      </c>
      <c r="L87" s="146">
        <v>1.2819580595397553</v>
      </c>
      <c r="M87" s="146">
        <v>1.2996037435620351</v>
      </c>
      <c r="N87" s="146">
        <v>1.4265172888546622</v>
      </c>
      <c r="O87" s="146">
        <v>1.4181453454795714</v>
      </c>
      <c r="P87" s="146">
        <v>1.7078076789472609</v>
      </c>
      <c r="Q87" s="146">
        <v>2.1607157573705607</v>
      </c>
      <c r="R87" s="146">
        <v>2.0779019861202106</v>
      </c>
      <c r="S87" s="146">
        <v>1.9924744418563636</v>
      </c>
      <c r="T87" s="140">
        <v>1.754950873919024</v>
      </c>
      <c r="U87" s="140">
        <v>1.4453771408376319</v>
      </c>
      <c r="V87" s="140">
        <v>1.2930526392470534</v>
      </c>
      <c r="W87" s="140">
        <v>1.0058963161908137</v>
      </c>
      <c r="X87" s="140">
        <v>0.88638357515142974</v>
      </c>
      <c r="Y87" s="146">
        <v>0.99166409079682372</v>
      </c>
      <c r="Z87" s="140">
        <v>1.0477347416261329</v>
      </c>
      <c r="AA87" s="146">
        <v>0.8952705464525319</v>
      </c>
      <c r="AB87" s="140">
        <v>0.9046585690512321</v>
      </c>
      <c r="AC87" s="146">
        <v>0.96856201457361379</v>
      </c>
      <c r="AD87" s="146">
        <v>1.1966565276930494</v>
      </c>
      <c r="AE87" s="146">
        <v>1.3954202875987205</v>
      </c>
      <c r="AF87" s="146">
        <v>1.2731274063982589</v>
      </c>
      <c r="AG87" s="140">
        <v>1.155243426074871</v>
      </c>
      <c r="AH87" s="146">
        <v>0.95986037499595211</v>
      </c>
      <c r="AI87" s="140">
        <v>0.88209355262133626</v>
      </c>
      <c r="AJ87" s="145">
        <v>0.81210338443192698</v>
      </c>
      <c r="AK87" s="140">
        <v>0.78993527297823707</v>
      </c>
      <c r="AL87" s="140">
        <v>0.78993527297823707</v>
      </c>
      <c r="AM87" s="140">
        <v>0.93195710707369794</v>
      </c>
      <c r="AN87" s="140">
        <v>0.84292470116437335</v>
      </c>
      <c r="AO87" s="140">
        <v>0.96842440250500561</v>
      </c>
      <c r="AP87" s="140">
        <v>1.0375881511344351</v>
      </c>
      <c r="AQ87" s="140">
        <v>1.185148139916848</v>
      </c>
      <c r="AR87" s="140">
        <v>1.1919019442871521</v>
      </c>
      <c r="AS87" s="140">
        <v>1.2731802396272001</v>
      </c>
      <c r="AT87" s="140">
        <v>1.0105000265162083</v>
      </c>
      <c r="AU87" s="146">
        <v>1.105432802840129</v>
      </c>
      <c r="AV87" s="140">
        <v>1.1370960140503297</v>
      </c>
      <c r="AW87" s="140">
        <v>0.97852548350529645</v>
      </c>
      <c r="AX87" s="140">
        <v>1.0697826726958879</v>
      </c>
      <c r="AY87" s="140">
        <v>1.0685161492684707</v>
      </c>
      <c r="AZ87" s="146">
        <v>1.1136975025168645</v>
      </c>
      <c r="BA87" s="140">
        <v>1.4397316302250425</v>
      </c>
      <c r="BB87" s="145">
        <v>1.5490867338777485</v>
      </c>
      <c r="BC87" s="146">
        <v>1.1116636153948469</v>
      </c>
      <c r="BD87" s="145">
        <v>1.0862073543665207</v>
      </c>
      <c r="BE87" s="140"/>
    </row>
    <row r="88" spans="3:57" x14ac:dyDescent="0.2">
      <c r="C88" s="126" t="s">
        <v>104</v>
      </c>
      <c r="D88" s="158" t="s">
        <v>58</v>
      </c>
      <c r="E88" s="146">
        <v>1.126156708219376</v>
      </c>
      <c r="F88" s="140">
        <v>1.1289747309914664</v>
      </c>
      <c r="G88" s="146">
        <v>1.2459620263054103</v>
      </c>
      <c r="H88" s="146">
        <v>1.1213079410989264</v>
      </c>
      <c r="I88" s="146">
        <v>1.0732282791879273</v>
      </c>
      <c r="J88" s="140">
        <v>0.92439665964977202</v>
      </c>
      <c r="K88" s="146">
        <v>0.90672886538859754</v>
      </c>
      <c r="L88" s="146">
        <v>0.98986929979904947</v>
      </c>
      <c r="M88" s="146">
        <v>1.0560632304817665</v>
      </c>
      <c r="N88" s="146">
        <v>1.2922568303700841</v>
      </c>
      <c r="O88" s="146">
        <v>1.4337521328386518</v>
      </c>
      <c r="P88" s="146">
        <v>1.3753124827756649</v>
      </c>
      <c r="Q88" s="146">
        <v>1.4454144259154966</v>
      </c>
      <c r="R88" s="146">
        <v>1.4144969309632951</v>
      </c>
      <c r="S88" s="146">
        <v>1.4154451630684428</v>
      </c>
      <c r="T88" s="140">
        <v>1.4360510549898071</v>
      </c>
      <c r="U88" s="140">
        <v>1.5097102407822243</v>
      </c>
      <c r="V88" s="140">
        <v>1.2598351094687716</v>
      </c>
      <c r="W88" s="140">
        <v>1.0756469606962156</v>
      </c>
      <c r="X88" s="140">
        <v>0.94828495975682159</v>
      </c>
      <c r="Y88" s="146">
        <v>0.99894085179678982</v>
      </c>
      <c r="Z88" s="140">
        <v>0.99465490167636772</v>
      </c>
      <c r="AA88" s="146">
        <v>0.99907584263410543</v>
      </c>
      <c r="AB88" s="140">
        <v>0.9501921707399209</v>
      </c>
      <c r="AC88" s="146">
        <v>0.80729338662839434</v>
      </c>
      <c r="AD88" s="146">
        <v>0.86332051878521898</v>
      </c>
      <c r="AE88" s="146">
        <v>0.97593235017741686</v>
      </c>
      <c r="AF88" s="146">
        <v>1.0356375624651892</v>
      </c>
      <c r="AG88" s="140">
        <v>1.0251024468576444</v>
      </c>
      <c r="AH88" s="146">
        <v>0.92155684302194552</v>
      </c>
      <c r="AI88" s="140">
        <v>0.93161464187519449</v>
      </c>
      <c r="AJ88" s="145">
        <v>0.95001432557198873</v>
      </c>
      <c r="AK88" s="140">
        <v>0.89018750108077271</v>
      </c>
      <c r="AL88" s="140">
        <v>0.89018750108077271</v>
      </c>
      <c r="AM88" s="140">
        <v>0.84773655177356977</v>
      </c>
      <c r="AN88" s="140">
        <v>0.84919116013602425</v>
      </c>
      <c r="AO88" s="140">
        <v>1.0104719555573771</v>
      </c>
      <c r="AP88" s="140">
        <v>1.0071587295490263</v>
      </c>
      <c r="AQ88" s="140">
        <v>1.0954323380606426</v>
      </c>
      <c r="AR88" s="140">
        <v>1.2906627740263092</v>
      </c>
      <c r="AS88" s="140">
        <v>1.3508759982462462</v>
      </c>
      <c r="AT88" s="140">
        <v>1.0937232473854619</v>
      </c>
      <c r="AU88" s="146">
        <v>1.0742811579279687</v>
      </c>
      <c r="AV88" s="140">
        <v>1.0613128316693468</v>
      </c>
      <c r="AW88" s="140">
        <v>1.1551817018287265</v>
      </c>
      <c r="AX88" s="140">
        <v>1.153159775977552</v>
      </c>
      <c r="AY88" s="140">
        <v>1.1317501155946961</v>
      </c>
      <c r="AZ88" s="146">
        <v>1.2404688336805199</v>
      </c>
      <c r="BA88" s="140">
        <v>1.3393674506409334</v>
      </c>
      <c r="BB88" s="145">
        <v>1.3407019194860281</v>
      </c>
      <c r="BC88" s="146">
        <v>1.3640340182071575</v>
      </c>
      <c r="BD88" s="145">
        <v>1.3242453865197661</v>
      </c>
      <c r="BE88" s="140"/>
    </row>
    <row r="89" spans="3:57" x14ac:dyDescent="0.2">
      <c r="C89" s="126" t="s">
        <v>87</v>
      </c>
      <c r="D89" s="158" t="s">
        <v>58</v>
      </c>
      <c r="E89" s="146">
        <v>0.50671922325910357</v>
      </c>
      <c r="F89" s="140">
        <v>0.50244154324399992</v>
      </c>
      <c r="G89" s="146">
        <v>0.54491094208862867</v>
      </c>
      <c r="H89" s="146">
        <v>0.44896805147994628</v>
      </c>
      <c r="I89" s="146">
        <v>0.46750410324631569</v>
      </c>
      <c r="J89" s="140">
        <v>0.48601071296223508</v>
      </c>
      <c r="K89" s="146">
        <v>0.48052813287753315</v>
      </c>
      <c r="L89" s="146">
        <v>0.47866169899314631</v>
      </c>
      <c r="M89" s="146">
        <v>0.50511484451599575</v>
      </c>
      <c r="N89" s="146">
        <v>0.48096300565308336</v>
      </c>
      <c r="O89" s="146">
        <v>0.53315196166203915</v>
      </c>
      <c r="P89" s="146">
        <v>0.51331421027853208</v>
      </c>
      <c r="Q89" s="146">
        <v>0.627468400050186</v>
      </c>
      <c r="R89" s="146">
        <v>0.6385503076381599</v>
      </c>
      <c r="S89" s="146">
        <v>0.63274703883225614</v>
      </c>
      <c r="T89" s="140">
        <v>0.62046599273726555</v>
      </c>
      <c r="U89" s="140">
        <v>0.61389127791394382</v>
      </c>
      <c r="V89" s="140">
        <v>0.61922768818397733</v>
      </c>
      <c r="W89" s="140">
        <v>0.59955432561840849</v>
      </c>
      <c r="X89" s="140">
        <v>0.61082065663351337</v>
      </c>
      <c r="Y89" s="146">
        <v>0.59579016735168078</v>
      </c>
      <c r="Z89" s="140">
        <v>0.60365989575832191</v>
      </c>
      <c r="AA89" s="146">
        <v>0.59788845989063077</v>
      </c>
      <c r="AB89" s="140">
        <v>0.61201117859370202</v>
      </c>
      <c r="AC89" s="146">
        <v>0.56570504571540314</v>
      </c>
      <c r="AD89" s="146">
        <v>0.53684672365013375</v>
      </c>
      <c r="AE89" s="146">
        <v>0.5256468265561639</v>
      </c>
      <c r="AF89" s="146">
        <v>0.52550081345612853</v>
      </c>
      <c r="AG89" s="140">
        <v>0.52911959319174251</v>
      </c>
      <c r="AH89" s="146">
        <v>0.5034200257068665</v>
      </c>
      <c r="AI89" s="140">
        <v>0.50377155751619107</v>
      </c>
      <c r="AJ89" s="145">
        <v>0.46968909992314894</v>
      </c>
      <c r="AK89" s="140">
        <v>0.52698817845109902</v>
      </c>
      <c r="AL89" s="140">
        <v>0.52698817845109902</v>
      </c>
      <c r="AM89" s="140">
        <v>0.53656764632758247</v>
      </c>
      <c r="AN89" s="140">
        <v>0.52333469326853699</v>
      </c>
      <c r="AO89" s="140">
        <v>0.56137183812721092</v>
      </c>
      <c r="AP89" s="140">
        <v>0.5474389231086223</v>
      </c>
      <c r="AQ89" s="140">
        <v>0.48201488280793736</v>
      </c>
      <c r="AR89" s="140">
        <v>0.46842543683029308</v>
      </c>
      <c r="AS89" s="140">
        <v>0.44995959312878325</v>
      </c>
      <c r="AT89" s="140">
        <v>0.46118586109142445</v>
      </c>
      <c r="AU89" s="146">
        <v>0.4561468870391634</v>
      </c>
      <c r="AV89" s="140">
        <v>0.48025568466294144</v>
      </c>
      <c r="AW89" s="140">
        <v>0.49161737074392364</v>
      </c>
      <c r="AX89" s="140">
        <v>0.47924450565793186</v>
      </c>
      <c r="AY89" s="140">
        <v>0.49796505929471796</v>
      </c>
      <c r="AZ89" s="146">
        <v>0.48428175336781404</v>
      </c>
      <c r="BA89" s="140">
        <v>0.47565294010015574</v>
      </c>
      <c r="BB89" s="145">
        <v>0.46754230525247786</v>
      </c>
      <c r="BC89" s="146">
        <v>0.46456692823547691</v>
      </c>
      <c r="BD89" s="145">
        <v>0.47301151205129222</v>
      </c>
      <c r="BE89" s="140"/>
    </row>
    <row r="90" spans="3:57" x14ac:dyDescent="0.2">
      <c r="C90" s="126" t="s">
        <v>88</v>
      </c>
      <c r="D90" s="158" t="s">
        <v>58</v>
      </c>
      <c r="E90" s="140">
        <v>0.84254335720618223</v>
      </c>
      <c r="F90" s="140">
        <v>0.84954851548105625</v>
      </c>
      <c r="G90" s="140">
        <v>0.87154248012442159</v>
      </c>
      <c r="H90" s="140">
        <v>0.8701680894465843</v>
      </c>
      <c r="I90" s="140">
        <v>0.90385621402230698</v>
      </c>
      <c r="J90" s="140">
        <v>0.9042895699843787</v>
      </c>
      <c r="K90" s="140">
        <v>0.68305852543363832</v>
      </c>
      <c r="L90" s="140">
        <v>0.65568130498960064</v>
      </c>
      <c r="M90" s="140">
        <v>0.93737625222848686</v>
      </c>
      <c r="N90" s="140">
        <v>0.73703849231729901</v>
      </c>
      <c r="O90" s="140">
        <v>0.60319348811721829</v>
      </c>
      <c r="P90" s="146">
        <v>0.72686560620094709</v>
      </c>
      <c r="Q90" s="140">
        <v>0.89977873314315682</v>
      </c>
      <c r="R90" s="146">
        <v>0.78018400261121679</v>
      </c>
      <c r="S90" s="140">
        <v>0.64221615485177574</v>
      </c>
      <c r="T90" s="140">
        <v>0.8620903000331529</v>
      </c>
      <c r="U90" s="140">
        <v>0.82848105219552604</v>
      </c>
      <c r="V90" s="140">
        <v>0.77612586459231336</v>
      </c>
      <c r="W90" s="140">
        <v>0.75771893350445918</v>
      </c>
      <c r="X90" s="140">
        <v>0.74075330368628245</v>
      </c>
      <c r="Y90" s="140">
        <v>1.0092018312795739</v>
      </c>
      <c r="Z90" s="140">
        <v>0.77655011029736176</v>
      </c>
      <c r="AA90" s="140">
        <v>0.70223098166105369</v>
      </c>
      <c r="AB90" s="140">
        <v>0.75028921130302495</v>
      </c>
      <c r="AC90" s="140">
        <v>0.79714885630985932</v>
      </c>
      <c r="AD90" s="140">
        <v>0.76854786620843063</v>
      </c>
      <c r="AE90" s="140">
        <v>0.91299053962951093</v>
      </c>
      <c r="AF90" s="140">
        <v>1.1997838081045931</v>
      </c>
      <c r="AG90" s="140">
        <v>1.1374973099304104</v>
      </c>
      <c r="AH90" s="140">
        <v>1.3115494567728798</v>
      </c>
      <c r="AI90" s="140">
        <v>1.3657432517396613</v>
      </c>
      <c r="AJ90" s="194">
        <v>1.2421012289532181</v>
      </c>
      <c r="AK90" s="140">
        <v>1.1453867604648582</v>
      </c>
      <c r="AL90" s="140">
        <v>1.1453867604648582</v>
      </c>
      <c r="AM90" s="140">
        <v>1.3852106255927914</v>
      </c>
      <c r="AN90" s="140">
        <v>1.3888704086265209</v>
      </c>
      <c r="AO90" s="140">
        <v>1.3408792919917543</v>
      </c>
      <c r="AP90" s="140">
        <v>1.3798484695374877</v>
      </c>
      <c r="AQ90" s="140">
        <v>1.050143456687332</v>
      </c>
      <c r="AR90" s="140">
        <v>1.1216375066477304</v>
      </c>
      <c r="AS90" s="140">
        <v>1.0861966802615812</v>
      </c>
      <c r="AT90" s="140">
        <v>1.1161046875018461</v>
      </c>
      <c r="AU90" s="140">
        <v>1.122274877214595</v>
      </c>
      <c r="AV90" s="140">
        <v>1.0196775055269707</v>
      </c>
      <c r="AW90" s="140">
        <v>0.92025463494667759</v>
      </c>
      <c r="AX90" s="140">
        <v>0.97551661732029393</v>
      </c>
      <c r="AY90" s="140">
        <v>0.95375571975638473</v>
      </c>
      <c r="AZ90" s="140">
        <v>0.77899152755735768</v>
      </c>
      <c r="BA90" s="140">
        <v>0.69415253997132165</v>
      </c>
      <c r="BB90" s="194">
        <v>0.59939141247462435</v>
      </c>
      <c r="BC90" s="140">
        <v>0.58046971663796532</v>
      </c>
      <c r="BD90" s="194">
        <v>0.56749774500680084</v>
      </c>
      <c r="BE90" s="140"/>
    </row>
    <row r="91" spans="3:57" x14ac:dyDescent="0.2">
      <c r="C91" s="166" t="s">
        <v>123</v>
      </c>
      <c r="D91" s="158" t="s">
        <v>58</v>
      </c>
      <c r="E91" s="140">
        <v>1.132146412489857</v>
      </c>
      <c r="F91" s="140">
        <v>1.1822346210110839</v>
      </c>
      <c r="G91" s="140">
        <v>1.3689113472684633</v>
      </c>
      <c r="H91" s="140">
        <v>1.434614070942859</v>
      </c>
      <c r="I91" s="140">
        <v>1.1410471437879546</v>
      </c>
      <c r="J91" s="140">
        <v>0.89544312280402538</v>
      </c>
      <c r="K91" s="140">
        <v>1.8630750435110486</v>
      </c>
      <c r="L91" s="140">
        <v>1.8487576824513354</v>
      </c>
      <c r="M91" s="140">
        <v>1.5121402535643069</v>
      </c>
      <c r="N91" s="140">
        <v>1.5952343699864626</v>
      </c>
      <c r="O91" s="140">
        <v>1.6919293678271938</v>
      </c>
      <c r="P91" s="146">
        <v>1.7993808018797679</v>
      </c>
      <c r="Q91" s="140">
        <v>1.7158621748979548</v>
      </c>
      <c r="R91" s="146">
        <v>1.8371695995099697</v>
      </c>
      <c r="S91" s="140">
        <v>2.0088223323268863</v>
      </c>
      <c r="T91" s="140">
        <v>1.7726614877650337</v>
      </c>
      <c r="U91" s="140">
        <v>1.7129565737536063</v>
      </c>
      <c r="V91" s="140">
        <v>1.7154553662055303</v>
      </c>
      <c r="W91" s="140">
        <v>2.2371240118174898</v>
      </c>
      <c r="X91" s="140">
        <v>2.2864724012328383</v>
      </c>
      <c r="Y91" s="140">
        <v>1.6961953167978185</v>
      </c>
      <c r="Z91" s="140">
        <v>1.7129694362283767</v>
      </c>
      <c r="AA91" s="140">
        <v>1.6659311562224182</v>
      </c>
      <c r="AB91" s="140">
        <v>2.25</v>
      </c>
      <c r="AC91" s="140">
        <v>1.5860908120535349</v>
      </c>
      <c r="AD91" s="140">
        <v>1.55659908978072</v>
      </c>
      <c r="AE91" s="140">
        <v>1.5640498519249755</v>
      </c>
      <c r="AF91" s="140">
        <v>1.5</v>
      </c>
      <c r="AG91" s="140">
        <v>1.4342500932541389</v>
      </c>
      <c r="AH91" s="140">
        <v>1.2752269955278492</v>
      </c>
      <c r="AI91" s="140">
        <v>1.3274650867541262</v>
      </c>
      <c r="AJ91" s="194">
        <v>1.390414004600051</v>
      </c>
      <c r="AK91" s="140">
        <v>1.3280180933556334</v>
      </c>
      <c r="AL91" s="140">
        <v>1.3280180933556334</v>
      </c>
      <c r="AM91" s="140">
        <v>1.6859430306295851</v>
      </c>
      <c r="AN91" s="140">
        <v>1.5481963535700651</v>
      </c>
      <c r="AO91" s="140">
        <v>1.5943276621348588</v>
      </c>
      <c r="AP91" s="140">
        <v>1.6061759451858586</v>
      </c>
      <c r="AQ91" s="140">
        <v>1.2809350435932272</v>
      </c>
      <c r="AR91" s="140">
        <v>1.2079410264954777</v>
      </c>
      <c r="AS91" s="140">
        <v>1.1968076894400281</v>
      </c>
      <c r="AT91" s="140">
        <v>1.3010524667853907</v>
      </c>
      <c r="AU91" s="140">
        <v>1.2639585147437331</v>
      </c>
      <c r="AV91" s="140">
        <v>1.0011397477564579</v>
      </c>
      <c r="AW91" s="140">
        <v>1.0925132122168566</v>
      </c>
      <c r="AX91" s="140">
        <v>0.99448588218864764</v>
      </c>
      <c r="AY91" s="140">
        <v>1.0404779927568877</v>
      </c>
      <c r="AZ91" s="140">
        <v>0.92238094966845485</v>
      </c>
      <c r="BA91" s="140">
        <v>0.98022796279070812</v>
      </c>
      <c r="BB91" s="194">
        <v>1.0468179739483416</v>
      </c>
      <c r="BC91" s="140">
        <v>1.1974262755230161</v>
      </c>
      <c r="BD91" s="194">
        <v>1.0722558098357489</v>
      </c>
      <c r="BE91" s="140"/>
    </row>
    <row r="92" spans="3:57" x14ac:dyDescent="0.2">
      <c r="C92" s="166" t="s">
        <v>100</v>
      </c>
      <c r="D92" s="158" t="s">
        <v>58</v>
      </c>
      <c r="E92" s="146">
        <v>0.54604675268205927</v>
      </c>
      <c r="F92" s="140">
        <v>0.61473433091827734</v>
      </c>
      <c r="G92" s="146">
        <v>0.58766261213644599</v>
      </c>
      <c r="H92" s="146">
        <v>0.78806471259195043</v>
      </c>
      <c r="I92" s="146">
        <v>0.87289906686859531</v>
      </c>
      <c r="J92" s="140">
        <v>0.758102298241493</v>
      </c>
      <c r="K92" s="146">
        <v>0.76312786433448243</v>
      </c>
      <c r="L92" s="146">
        <v>0.67598591901968474</v>
      </c>
      <c r="M92" s="146">
        <v>0.75215715713478604</v>
      </c>
      <c r="N92" s="146">
        <v>0.66158806190125274</v>
      </c>
      <c r="O92" s="146">
        <v>0.74420254066179392</v>
      </c>
      <c r="P92" s="146">
        <v>0.80331394092748254</v>
      </c>
      <c r="Q92" s="146">
        <v>0.90860940537532808</v>
      </c>
      <c r="R92" s="146">
        <v>0.94207230082449833</v>
      </c>
      <c r="S92" s="146">
        <v>0.85894357896594109</v>
      </c>
      <c r="T92" s="140">
        <v>0.89829064521519131</v>
      </c>
      <c r="U92" s="140">
        <v>0.96226389255543821</v>
      </c>
      <c r="V92" s="140">
        <v>0.88489171455721982</v>
      </c>
      <c r="W92" s="140">
        <v>0.87563482345766663</v>
      </c>
      <c r="X92" s="140">
        <v>0.93221620235539304</v>
      </c>
      <c r="Y92" s="146">
        <v>1.1877150419494211</v>
      </c>
      <c r="Z92" s="140">
        <v>0.92693344355542295</v>
      </c>
      <c r="AA92" s="146">
        <v>0.87914014407806318</v>
      </c>
      <c r="AB92" s="140">
        <v>0.88287380025220441</v>
      </c>
      <c r="AC92" s="146">
        <v>0.87501713480679089</v>
      </c>
      <c r="AD92" s="146">
        <v>0.9739020758178818</v>
      </c>
      <c r="AE92" s="146">
        <v>0.98496053706108189</v>
      </c>
      <c r="AF92" s="146">
        <v>0.86999612933658554</v>
      </c>
      <c r="AG92" s="140">
        <v>0.82512052775442124</v>
      </c>
      <c r="AH92" s="146">
        <v>0.83787342632232253</v>
      </c>
      <c r="AI92" s="140">
        <v>0.82257815288275793</v>
      </c>
      <c r="AJ92" s="145">
        <v>0.8328274621070243</v>
      </c>
      <c r="AK92" s="140">
        <v>0.77332010789114103</v>
      </c>
      <c r="AL92" s="140">
        <v>0.77332010789114103</v>
      </c>
      <c r="AM92" s="140">
        <v>0.86745505184183536</v>
      </c>
      <c r="AN92" s="140">
        <v>0.8973988381407072</v>
      </c>
      <c r="AO92" s="140">
        <v>0.89737493927986411</v>
      </c>
      <c r="AP92" s="140">
        <v>0.95024352685600821</v>
      </c>
      <c r="AQ92" s="140">
        <v>0.94828509786085058</v>
      </c>
      <c r="AR92" s="140">
        <v>0.95284704245846774</v>
      </c>
      <c r="AS92" s="140">
        <v>0.97090229202552447</v>
      </c>
      <c r="AT92" s="140">
        <v>0.86431772013530195</v>
      </c>
      <c r="AU92" s="146">
        <v>0.84052262389303389</v>
      </c>
      <c r="AV92" s="140">
        <v>0.84975882848764783</v>
      </c>
      <c r="AW92" s="140">
        <v>0.83966606315496461</v>
      </c>
      <c r="AX92" s="140">
        <v>0.92492630036354395</v>
      </c>
      <c r="AY92" s="140">
        <v>0.90997559838858666</v>
      </c>
      <c r="AZ92" s="146">
        <v>0.83679415182466088</v>
      </c>
      <c r="BA92" s="140">
        <v>1.0086135272179981</v>
      </c>
      <c r="BB92" s="145">
        <v>0.89948494452601391</v>
      </c>
      <c r="BC92" s="146">
        <v>0.82494634297903935</v>
      </c>
      <c r="BD92" s="145">
        <v>0.82239781879577456</v>
      </c>
      <c r="BE92" s="140"/>
    </row>
    <row r="93" spans="3:57" x14ac:dyDescent="0.2">
      <c r="C93" s="126" t="s">
        <v>89</v>
      </c>
      <c r="D93" s="158" t="s">
        <v>58</v>
      </c>
      <c r="E93" s="146">
        <v>1.0167578253290555</v>
      </c>
      <c r="F93" s="140">
        <v>1.1788875843518742</v>
      </c>
      <c r="G93" s="146">
        <v>1.2490654646546029</v>
      </c>
      <c r="H93" s="146">
        <v>1.2825737381545408</v>
      </c>
      <c r="I93" s="146">
        <v>1.3184246717650443</v>
      </c>
      <c r="J93" s="140">
        <v>1.2815730465837711</v>
      </c>
      <c r="K93" s="146">
        <v>1.3294898726062299</v>
      </c>
      <c r="L93" s="146">
        <v>1.1521542671099281</v>
      </c>
      <c r="M93" s="146">
        <v>1.0993267714797212</v>
      </c>
      <c r="N93" s="146">
        <v>1.043676462269757</v>
      </c>
      <c r="O93" s="146">
        <v>1.276162946309779</v>
      </c>
      <c r="P93" s="146">
        <v>1.2743510106029159</v>
      </c>
      <c r="Q93" s="146">
        <v>1.1157128790684647</v>
      </c>
      <c r="R93" s="146">
        <v>1.1603188231447532</v>
      </c>
      <c r="S93" s="146">
        <v>1.1582708549414729</v>
      </c>
      <c r="T93" s="140">
        <v>1.3035032385448329</v>
      </c>
      <c r="U93" s="140">
        <v>1.2934416166852778</v>
      </c>
      <c r="V93" s="140">
        <v>1.1581236958000529</v>
      </c>
      <c r="W93" s="140">
        <v>1.0528969910273189</v>
      </c>
      <c r="X93" s="140">
        <v>1.0912896482228349</v>
      </c>
      <c r="Y93" s="146">
        <v>1.2573823081354603</v>
      </c>
      <c r="Z93" s="140">
        <v>1.2815272629956684</v>
      </c>
      <c r="AA93" s="146">
        <v>1.2198415075069304</v>
      </c>
      <c r="AB93" s="140">
        <v>1.2820958431816849</v>
      </c>
      <c r="AC93" s="146">
        <v>1.2958290807978623</v>
      </c>
      <c r="AD93" s="146">
        <v>1.32395228036188</v>
      </c>
      <c r="AE93" s="146">
        <v>1.2380205087218548</v>
      </c>
      <c r="AF93" s="146">
        <v>1.1929682918600433</v>
      </c>
      <c r="AG93" s="140">
        <v>1.1966459178794442</v>
      </c>
      <c r="AH93" s="146">
        <v>1.218610790897714</v>
      </c>
      <c r="AI93" s="140">
        <v>1.1305307910656013</v>
      </c>
      <c r="AJ93" s="145">
        <v>1.0166017283629136</v>
      </c>
      <c r="AK93" s="140">
        <v>1.1012253413892545</v>
      </c>
      <c r="AL93" s="140">
        <v>1.1012253413892545</v>
      </c>
      <c r="AM93" s="140">
        <v>1.1021720503745422</v>
      </c>
      <c r="AN93" s="140">
        <v>1.066376525980834</v>
      </c>
      <c r="AO93" s="140">
        <v>1.1534168959152158</v>
      </c>
      <c r="AP93" s="140">
        <v>1.1437228526710763</v>
      </c>
      <c r="AQ93" s="140">
        <v>1.1060678941065334</v>
      </c>
      <c r="AR93" s="140">
        <v>1.0255518555046048</v>
      </c>
      <c r="AS93" s="140">
        <v>0.99357767180073997</v>
      </c>
      <c r="AT93" s="140">
        <v>0.9416461350731532</v>
      </c>
      <c r="AU93" s="146">
        <v>0.97693856360050124</v>
      </c>
      <c r="AV93" s="140">
        <v>1.0121503852110443</v>
      </c>
      <c r="AW93" s="140">
        <v>0.95225558953275169</v>
      </c>
      <c r="AX93" s="140">
        <v>0.95366330687238843</v>
      </c>
      <c r="AY93" s="140">
        <v>0.95704434772612568</v>
      </c>
      <c r="AZ93" s="146">
        <v>0.93136952619838642</v>
      </c>
      <c r="BA93" s="140">
        <v>0.91747781830634212</v>
      </c>
      <c r="BB93" s="145">
        <v>1.19306539377309</v>
      </c>
      <c r="BC93" s="146">
        <v>0.9755039126222369</v>
      </c>
      <c r="BD93" s="145">
        <v>0.97971177732512016</v>
      </c>
      <c r="BE93" s="140"/>
    </row>
    <row r="94" spans="3:57" x14ac:dyDescent="0.2">
      <c r="C94" s="126" t="s">
        <v>95</v>
      </c>
      <c r="D94" s="158" t="s">
        <v>58</v>
      </c>
      <c r="E94" s="146">
        <v>1.2590698081398068</v>
      </c>
      <c r="F94" s="140">
        <v>1.2840097243220039</v>
      </c>
      <c r="G94" s="146">
        <v>1.2289636064989811</v>
      </c>
      <c r="H94" s="146">
        <v>1.2931207301638916</v>
      </c>
      <c r="I94" s="146">
        <v>1.2982450329094668</v>
      </c>
      <c r="J94" s="140">
        <v>1.2159240777861497</v>
      </c>
      <c r="K94" s="146">
        <v>1.2198016106206133</v>
      </c>
      <c r="L94" s="146">
        <v>1.0049527256267292</v>
      </c>
      <c r="M94" s="146">
        <v>1.0522650321259732</v>
      </c>
      <c r="N94" s="146">
        <v>1.0790969776703991</v>
      </c>
      <c r="O94" s="146">
        <v>1.1196594877054185</v>
      </c>
      <c r="P94" s="146">
        <v>1.2121526598579793</v>
      </c>
      <c r="Q94" s="146">
        <v>1.0130675821249608</v>
      </c>
      <c r="R94" s="146">
        <v>1.3832368048714236</v>
      </c>
      <c r="S94" s="146">
        <v>1.3983401126824504</v>
      </c>
      <c r="T94" s="140">
        <v>1.1438621575921541</v>
      </c>
      <c r="U94" s="140">
        <v>1.0803787470299291</v>
      </c>
      <c r="V94" s="140">
        <v>1.1531427978903794</v>
      </c>
      <c r="W94" s="140">
        <v>1.2080341776602903</v>
      </c>
      <c r="X94" s="140">
        <v>1.2187314057136263</v>
      </c>
      <c r="Y94" s="146">
        <v>1.2025102937581833</v>
      </c>
      <c r="Z94" s="140">
        <v>1.239319359161132</v>
      </c>
      <c r="AA94" s="146">
        <v>1.2952695938215104</v>
      </c>
      <c r="AB94" s="140">
        <v>1.2008779799991625</v>
      </c>
      <c r="AC94" s="146">
        <v>1.1764667074854216</v>
      </c>
      <c r="AD94" s="146">
        <v>1.20328942439594</v>
      </c>
      <c r="AE94" s="146">
        <v>1.0672563258565499</v>
      </c>
      <c r="AF94" s="146">
        <v>1.0641500744100083</v>
      </c>
      <c r="AG94" s="140">
        <v>1.1664470242665399</v>
      </c>
      <c r="AH94" s="146">
        <v>1.1694678581409457</v>
      </c>
      <c r="AI94" s="140">
        <v>1.1679232524202001</v>
      </c>
      <c r="AJ94" s="145">
        <v>1.1752492367902385</v>
      </c>
      <c r="AK94" s="140">
        <v>1.2390193459552497</v>
      </c>
      <c r="AL94" s="140">
        <v>1.2390193459552497</v>
      </c>
      <c r="AM94" s="140">
        <v>1.4112372072920365</v>
      </c>
      <c r="AN94" s="140">
        <v>1.4679586406102862</v>
      </c>
      <c r="AO94" s="140">
        <v>1.430254906190767</v>
      </c>
      <c r="AP94" s="140">
        <v>1.2603029251856022</v>
      </c>
      <c r="AQ94" s="140">
        <v>1.1853825664681878</v>
      </c>
      <c r="AR94" s="140">
        <v>1.1611027274123016</v>
      </c>
      <c r="AS94" s="140">
        <v>1.1935648396241465</v>
      </c>
      <c r="AT94" s="140">
        <v>1.1506922084259883</v>
      </c>
      <c r="AU94" s="146">
        <v>1.23345264819491</v>
      </c>
      <c r="AV94" s="140">
        <v>1.2389081974918281</v>
      </c>
      <c r="AW94" s="140">
        <v>1.3640493686186139</v>
      </c>
      <c r="AX94" s="140">
        <v>1.3700377820421978</v>
      </c>
      <c r="AY94" s="140">
        <v>1.149699661983564</v>
      </c>
      <c r="AZ94" s="146">
        <v>1.1772851673803231</v>
      </c>
      <c r="BA94" s="140">
        <v>1.1629057676283818</v>
      </c>
      <c r="BB94" s="145">
        <v>1.3318486728198013</v>
      </c>
      <c r="BC94" s="146">
        <v>1.1484828858077472</v>
      </c>
      <c r="BD94" s="145">
        <v>1.2054096700501635</v>
      </c>
      <c r="BE94" s="140"/>
    </row>
    <row r="95" spans="3:57" x14ac:dyDescent="0.2">
      <c r="C95" s="100" t="s">
        <v>96</v>
      </c>
      <c r="D95" s="158" t="s">
        <v>58</v>
      </c>
      <c r="E95" s="140">
        <v>0.91183767122330583</v>
      </c>
      <c r="F95" s="140">
        <v>1.056372311195851</v>
      </c>
      <c r="G95" s="140">
        <v>1.0401400942353571</v>
      </c>
      <c r="H95" s="140">
        <v>1.0976324868372558</v>
      </c>
      <c r="I95" s="140">
        <v>1.0250759368932705</v>
      </c>
      <c r="J95" s="140">
        <v>1.077025610159112</v>
      </c>
      <c r="K95" s="140">
        <v>1.1592652635821932</v>
      </c>
      <c r="L95" s="140">
        <v>1.0679844706075381</v>
      </c>
      <c r="M95" s="140">
        <v>1.0747653015432852</v>
      </c>
      <c r="N95" s="140">
        <v>1.0495441379523829</v>
      </c>
      <c r="O95" s="140">
        <v>1.0818691754166279</v>
      </c>
      <c r="P95" s="146">
        <v>1.1437207412499011</v>
      </c>
      <c r="Q95" s="140">
        <v>1.1724081726177538</v>
      </c>
      <c r="R95" s="146">
        <v>1.2283238205398568</v>
      </c>
      <c r="S95" s="140">
        <v>1.2194397925719649</v>
      </c>
      <c r="T95" s="140">
        <v>1.210818564562345</v>
      </c>
      <c r="U95" s="140">
        <v>1.1794390934832668</v>
      </c>
      <c r="V95" s="140">
        <v>1.1453563889562255</v>
      </c>
      <c r="W95" s="140">
        <v>1.1088675712841927</v>
      </c>
      <c r="X95" s="140">
        <v>1.1356595758424608</v>
      </c>
      <c r="Y95" s="140">
        <v>1.1082057313904679</v>
      </c>
      <c r="Z95" s="140">
        <v>1.1382117854459595</v>
      </c>
      <c r="AA95" s="140">
        <v>1.1909212290389257</v>
      </c>
      <c r="AB95" s="140">
        <v>1.2360415671343061</v>
      </c>
      <c r="AC95" s="140">
        <v>1.3294092332875938</v>
      </c>
      <c r="AD95" s="140">
        <v>1.3781058996168489</v>
      </c>
      <c r="AE95" s="140">
        <v>1.5421318650403868</v>
      </c>
      <c r="AF95" s="140">
        <v>1.6173738791099694</v>
      </c>
      <c r="AG95" s="140">
        <v>1.6583252800495734</v>
      </c>
      <c r="AH95" s="140">
        <v>1.6368325725744008</v>
      </c>
      <c r="AI95" s="140">
        <v>1.6771772182326929</v>
      </c>
      <c r="AJ95" s="194">
        <v>1.5506010722944712</v>
      </c>
      <c r="AK95" s="140">
        <v>1.440155546826928</v>
      </c>
      <c r="AL95" s="140">
        <v>1.440155546826928</v>
      </c>
      <c r="AM95" s="140">
        <v>1.2000425854405143</v>
      </c>
      <c r="AN95" s="140">
        <v>1.073548687870427</v>
      </c>
      <c r="AO95" s="140">
        <v>1.1170793753611485</v>
      </c>
      <c r="AP95" s="140">
        <v>1.1170416881990068</v>
      </c>
      <c r="AQ95" s="140">
        <v>1.0750170683794065</v>
      </c>
      <c r="AR95" s="140">
        <v>1.2567871591742639</v>
      </c>
      <c r="AS95" s="140">
        <v>1.4400439436460057</v>
      </c>
      <c r="AT95" s="140">
        <v>1.6051378086227319</v>
      </c>
      <c r="AU95" s="140">
        <v>1.828637358905858</v>
      </c>
      <c r="AV95" s="140">
        <v>1.9439659277680372</v>
      </c>
      <c r="AW95" s="140">
        <v>1.7841729155103903</v>
      </c>
      <c r="AX95" s="140">
        <v>1.4546894581234937</v>
      </c>
      <c r="AY95" s="140">
        <v>1.4349694457928011</v>
      </c>
      <c r="AZ95" s="140">
        <v>1.4873141071359355</v>
      </c>
      <c r="BA95" s="140">
        <v>1.4303327238108325</v>
      </c>
      <c r="BB95" s="194">
        <v>1.3422739162728399</v>
      </c>
      <c r="BC95" s="140">
        <v>1.4229950634707598</v>
      </c>
      <c r="BD95" s="194">
        <v>1.3451070517170995</v>
      </c>
      <c r="BE95" s="140"/>
    </row>
    <row r="96" spans="3:57" x14ac:dyDescent="0.2">
      <c r="C96" s="102"/>
      <c r="D96" s="168"/>
      <c r="E96" s="169"/>
      <c r="F96" s="169"/>
      <c r="G96" s="169"/>
      <c r="H96" s="169"/>
      <c r="J96" s="121"/>
      <c r="K96" s="169"/>
      <c r="L96" s="169"/>
      <c r="M96" s="169"/>
      <c r="N96" s="169"/>
      <c r="O96" s="169"/>
      <c r="P96" s="169"/>
      <c r="Q96" s="169"/>
      <c r="R96" s="169"/>
      <c r="S96" s="169"/>
      <c r="T96" s="169"/>
      <c r="U96" s="169"/>
      <c r="V96" s="169"/>
      <c r="W96" s="169"/>
      <c r="X96" s="169"/>
      <c r="Y96" s="169"/>
      <c r="Z96" s="169"/>
      <c r="AA96" s="169"/>
      <c r="AB96" s="169"/>
      <c r="AC96" s="169"/>
      <c r="AD96" s="169"/>
      <c r="AE96" s="169"/>
      <c r="AG96" s="169"/>
      <c r="AH96" s="169"/>
      <c r="AO96" s="169"/>
      <c r="AQ96" s="169"/>
      <c r="AR96" s="169"/>
      <c r="AS96" s="169"/>
      <c r="AT96" s="169"/>
      <c r="AU96" s="169"/>
      <c r="AV96" s="169"/>
      <c r="AW96" s="169"/>
      <c r="AX96" s="169"/>
      <c r="AY96" s="169"/>
      <c r="AZ96" s="169"/>
      <c r="BA96" s="169"/>
      <c r="BB96" s="169"/>
      <c r="BC96" s="169"/>
    </row>
    <row r="97" spans="3:57" x14ac:dyDescent="0.2">
      <c r="D97" s="168"/>
      <c r="E97" s="169"/>
      <c r="F97" s="169"/>
      <c r="G97" s="169"/>
      <c r="H97" s="169"/>
      <c r="M97" s="169"/>
      <c r="N97" s="169"/>
      <c r="O97" s="186"/>
      <c r="P97" s="169"/>
      <c r="Q97" s="169"/>
      <c r="R97" s="169"/>
      <c r="S97" s="169"/>
      <c r="T97" s="169"/>
      <c r="U97" s="169"/>
      <c r="V97" s="169"/>
      <c r="W97" s="169"/>
      <c r="X97" s="169"/>
      <c r="Y97" s="169"/>
      <c r="Z97" s="169"/>
      <c r="AA97" s="169"/>
      <c r="AB97" s="169"/>
      <c r="AC97" s="169"/>
      <c r="AD97" s="169"/>
      <c r="AE97" s="169"/>
      <c r="AG97" s="169"/>
      <c r="AH97" s="169"/>
      <c r="AO97" s="169"/>
      <c r="AQ97" s="169"/>
      <c r="AR97" s="169"/>
      <c r="AS97" s="169"/>
      <c r="AT97" s="169"/>
      <c r="AU97" s="169"/>
      <c r="AV97" s="169"/>
      <c r="AW97" s="169"/>
      <c r="AX97" s="169"/>
      <c r="AY97" s="169"/>
      <c r="AZ97" s="169"/>
      <c r="BA97" s="169"/>
      <c r="BB97" s="169"/>
      <c r="BC97" s="169"/>
    </row>
    <row r="98" spans="3:57" x14ac:dyDescent="0.2">
      <c r="D98" s="168"/>
      <c r="E98" s="169"/>
      <c r="F98" s="169"/>
      <c r="G98" s="169"/>
      <c r="K98" s="169"/>
      <c r="M98" s="169"/>
      <c r="N98" s="169"/>
      <c r="P98" s="169"/>
      <c r="Q98" s="169"/>
      <c r="R98" s="169"/>
      <c r="S98" s="169"/>
      <c r="T98" s="169"/>
      <c r="U98" s="169"/>
      <c r="V98" s="169"/>
      <c r="W98" s="169"/>
      <c r="X98" s="169"/>
      <c r="Y98" s="169"/>
      <c r="Z98" s="169"/>
      <c r="AA98" s="169"/>
      <c r="AB98" s="169"/>
      <c r="AC98" s="169"/>
      <c r="AD98" s="169"/>
      <c r="AE98" s="169"/>
      <c r="AF98" s="169"/>
      <c r="AG98" s="169"/>
      <c r="AH98" s="169"/>
      <c r="AI98" s="169"/>
      <c r="AJ98" s="169"/>
      <c r="AK98" s="169"/>
      <c r="AL98" s="169"/>
      <c r="AM98" s="169"/>
      <c r="AN98" s="169"/>
      <c r="AO98" s="169"/>
      <c r="AP98" s="169"/>
      <c r="AQ98" s="169"/>
      <c r="AR98" s="169"/>
      <c r="AS98" s="169"/>
      <c r="AT98" s="169"/>
      <c r="AU98" s="169"/>
      <c r="AV98" s="169"/>
      <c r="AW98" s="169"/>
      <c r="AX98" s="169"/>
      <c r="AY98" s="169"/>
      <c r="AZ98" s="169"/>
      <c r="BA98" s="169"/>
      <c r="BB98" s="169"/>
      <c r="BC98" s="169"/>
    </row>
    <row r="99" spans="3:57" x14ac:dyDescent="0.2">
      <c r="C99" s="100" t="s">
        <v>106</v>
      </c>
      <c r="D99" s="158" t="s">
        <v>58</v>
      </c>
      <c r="E99" s="176">
        <v>7.21</v>
      </c>
      <c r="F99" s="140">
        <v>6.77</v>
      </c>
      <c r="G99" s="140">
        <v>6.8</v>
      </c>
      <c r="H99" s="140">
        <v>6.79</v>
      </c>
      <c r="I99" s="140">
        <v>7.12</v>
      </c>
      <c r="J99" s="140">
        <v>7.19</v>
      </c>
      <c r="K99" s="140">
        <v>7.17</v>
      </c>
      <c r="L99" s="140">
        <v>7.48</v>
      </c>
      <c r="M99" s="140">
        <v>7.28</v>
      </c>
      <c r="N99" s="140">
        <v>6.97</v>
      </c>
      <c r="O99" s="140">
        <v>7.19</v>
      </c>
      <c r="P99" s="140">
        <v>6.51</v>
      </c>
      <c r="Q99" s="140">
        <v>6.95</v>
      </c>
      <c r="R99" s="140">
        <v>7.84</v>
      </c>
      <c r="S99" s="140">
        <v>6.59</v>
      </c>
      <c r="T99" s="140">
        <v>7.22</v>
      </c>
      <c r="U99" s="140">
        <v>7.32</v>
      </c>
      <c r="V99" s="140">
        <v>6.67</v>
      </c>
      <c r="W99" s="140">
        <v>6.51</v>
      </c>
      <c r="X99" s="140">
        <v>7.05</v>
      </c>
      <c r="Y99" s="140">
        <v>6.82</v>
      </c>
      <c r="Z99" s="140">
        <v>7.21</v>
      </c>
      <c r="AA99" s="140">
        <v>7.13</v>
      </c>
      <c r="AB99" s="140">
        <v>6.78</v>
      </c>
      <c r="AC99" s="140">
        <v>6.68</v>
      </c>
      <c r="AD99" s="140">
        <v>6.98</v>
      </c>
      <c r="AE99" s="140">
        <v>6.51</v>
      </c>
      <c r="AF99" s="140">
        <v>6.67</v>
      </c>
      <c r="AG99" s="140">
        <v>6.57</v>
      </c>
      <c r="AH99" s="140">
        <v>6.71</v>
      </c>
      <c r="AI99" s="140">
        <v>6.89</v>
      </c>
      <c r="AJ99" s="140">
        <v>6.77</v>
      </c>
      <c r="AK99" s="140">
        <v>7.5</v>
      </c>
      <c r="AL99" s="187">
        <v>7.81</v>
      </c>
      <c r="AM99" s="140">
        <v>6.6</v>
      </c>
      <c r="AN99" s="140">
        <v>8.91</v>
      </c>
      <c r="AO99" s="140">
        <v>7.17</v>
      </c>
      <c r="AP99" s="140">
        <v>6.88</v>
      </c>
      <c r="AQ99" s="140">
        <v>7.26</v>
      </c>
      <c r="AR99" s="140">
        <v>7.63</v>
      </c>
      <c r="AS99" s="140">
        <v>7.33</v>
      </c>
      <c r="AT99" s="140">
        <v>7.26</v>
      </c>
      <c r="AU99" s="140">
        <v>7.79</v>
      </c>
      <c r="AV99" s="140">
        <v>6.68</v>
      </c>
      <c r="AW99" s="140">
        <v>6.51</v>
      </c>
      <c r="AX99" s="140">
        <v>7.37</v>
      </c>
      <c r="AY99" s="140">
        <v>9.7799999999999994</v>
      </c>
      <c r="AZ99" s="140">
        <v>8.2799999999999994</v>
      </c>
      <c r="BA99" s="140">
        <v>6.52</v>
      </c>
      <c r="BB99" s="140">
        <v>7.81</v>
      </c>
      <c r="BC99" s="140">
        <v>6.69</v>
      </c>
      <c r="BD99" s="140">
        <v>7.72</v>
      </c>
      <c r="BE99" s="100"/>
    </row>
    <row r="100" spans="3:57" x14ac:dyDescent="0.2">
      <c r="D100" s="168"/>
      <c r="E100" s="169"/>
      <c r="F100" s="169"/>
      <c r="G100" s="169"/>
      <c r="H100" s="169"/>
      <c r="K100" s="169"/>
      <c r="L100" s="169"/>
      <c r="M100" s="169"/>
      <c r="N100" s="169"/>
      <c r="O100" s="169"/>
      <c r="P100" s="169"/>
      <c r="Q100" s="169"/>
      <c r="R100" s="169"/>
      <c r="S100" s="169"/>
      <c r="T100" s="169"/>
      <c r="U100" s="169"/>
      <c r="V100" s="169"/>
      <c r="W100" s="169"/>
      <c r="X100" s="169"/>
      <c r="Y100" s="169"/>
      <c r="Z100" s="169"/>
      <c r="AA100" s="169"/>
      <c r="AB100" s="169"/>
      <c r="AC100" s="169"/>
      <c r="AD100" s="169"/>
      <c r="AE100" s="169"/>
      <c r="AF100" s="169"/>
      <c r="AG100" s="169"/>
      <c r="AH100" s="169"/>
      <c r="AI100" s="169"/>
      <c r="AJ100" s="169"/>
      <c r="AK100" s="169"/>
      <c r="AL100" s="169"/>
      <c r="AM100" s="169"/>
      <c r="AN100" s="169"/>
      <c r="AO100" s="169"/>
      <c r="AP100" s="169"/>
      <c r="AQ100" s="169"/>
      <c r="AR100" s="169"/>
      <c r="AS100" s="169"/>
      <c r="AT100" s="169"/>
      <c r="AU100" s="169"/>
      <c r="AV100" s="169"/>
      <c r="AW100" s="169"/>
      <c r="AX100" s="169"/>
      <c r="AY100" s="169"/>
      <c r="AZ100" s="169"/>
      <c r="BA100" s="169"/>
      <c r="BB100" s="169"/>
      <c r="BC100" s="169"/>
    </row>
    <row r="104" spans="3:57" x14ac:dyDescent="0.2">
      <c r="C104" s="1"/>
      <c r="E104" s="2"/>
      <c r="F104" s="1"/>
      <c r="G104" s="1"/>
      <c r="H104" s="1"/>
      <c r="I104" s="1"/>
      <c r="J104" s="1"/>
      <c r="K104" s="1"/>
      <c r="L104" s="1"/>
      <c r="M104" s="1"/>
    </row>
    <row r="105" spans="3:57" x14ac:dyDescent="0.2">
      <c r="C105" s="188"/>
      <c r="D105" s="188"/>
      <c r="E105" s="2"/>
      <c r="F105" s="2"/>
      <c r="G105" s="2"/>
      <c r="H105" s="2"/>
      <c r="I105" s="2"/>
      <c r="J105" s="2"/>
      <c r="K105" s="2"/>
      <c r="L105" s="2"/>
      <c r="M105" s="2"/>
      <c r="N105" s="2"/>
      <c r="O105" s="2"/>
      <c r="P105" s="2"/>
      <c r="Q105" s="2"/>
      <c r="R105" s="2"/>
      <c r="S105" s="2"/>
      <c r="T105" s="2"/>
      <c r="U105" s="2"/>
      <c r="V105" s="2"/>
      <c r="W105" s="2"/>
      <c r="X105" s="2"/>
      <c r="Y105" s="2"/>
      <c r="Z105" s="2"/>
      <c r="AA105" s="2"/>
      <c r="AB105" s="2"/>
      <c r="AC105" s="189"/>
      <c r="AD105" s="2"/>
      <c r="AE105" s="2"/>
      <c r="AF105" s="2"/>
      <c r="AG105" s="2"/>
      <c r="AH105" s="2"/>
      <c r="AI105" s="2"/>
      <c r="AJ105" s="2"/>
      <c r="AK105" s="2"/>
      <c r="AL105" s="2"/>
      <c r="AM105" s="2"/>
      <c r="AN105" s="2"/>
      <c r="AO105" s="2"/>
      <c r="AP105" s="2"/>
      <c r="AQ105" s="2"/>
      <c r="AR105" s="2"/>
      <c r="AS105" s="2"/>
      <c r="AT105" s="2"/>
      <c r="AU105" s="2"/>
      <c r="AV105" s="2"/>
      <c r="AW105" s="2"/>
      <c r="AX105" s="2"/>
      <c r="AY105" s="2"/>
      <c r="AZ105" s="2"/>
      <c r="BA105" s="2"/>
      <c r="BB105" s="2"/>
      <c r="BC105" s="2"/>
      <c r="BD105" s="2"/>
    </row>
    <row r="106" spans="3:57" x14ac:dyDescent="0.2">
      <c r="C106" s="190"/>
      <c r="D106" s="168"/>
      <c r="E106" s="169"/>
      <c r="F106" s="169"/>
      <c r="G106" s="169"/>
      <c r="H106" s="169"/>
      <c r="I106" s="169"/>
      <c r="J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  <c r="BD106" s="169"/>
    </row>
    <row r="107" spans="3:57" x14ac:dyDescent="0.2">
      <c r="C107" s="190"/>
      <c r="D107" s="168"/>
      <c r="E107" s="169"/>
      <c r="F107" s="169"/>
      <c r="G107" s="169"/>
      <c r="H107" s="169"/>
      <c r="I107" s="169"/>
      <c r="J107" s="169"/>
      <c r="K107" s="169"/>
      <c r="L107" s="169"/>
      <c r="M107" s="169"/>
      <c r="N107" s="169"/>
      <c r="O107" s="169"/>
      <c r="P107" s="169"/>
      <c r="Q107" s="169"/>
      <c r="R107" s="169"/>
      <c r="S107" s="169"/>
      <c r="T107" s="169"/>
      <c r="U107" s="169"/>
      <c r="V107" s="169"/>
      <c r="W107" s="169"/>
      <c r="X107" s="169"/>
      <c r="Y107" s="169"/>
      <c r="Z107" s="169"/>
      <c r="AA107" s="169"/>
      <c r="AB107" s="169"/>
      <c r="AC107" s="169"/>
      <c r="AD107" s="169"/>
      <c r="AE107" s="169"/>
      <c r="AF107" s="169"/>
      <c r="AG107" s="169"/>
      <c r="AH107" s="169"/>
      <c r="AI107" s="169"/>
      <c r="AJ107" s="169"/>
      <c r="AK107" s="169"/>
      <c r="AL107" s="169"/>
      <c r="AM107" s="169"/>
      <c r="AN107" s="169"/>
      <c r="AO107" s="169"/>
      <c r="AP107" s="169"/>
      <c r="AQ107" s="169"/>
      <c r="AR107" s="169"/>
      <c r="AS107" s="169"/>
      <c r="AT107" s="169"/>
      <c r="AU107" s="169"/>
      <c r="AV107" s="169"/>
      <c r="AW107" s="169"/>
      <c r="AX107" s="169"/>
      <c r="AY107" s="169"/>
      <c r="AZ107" s="169"/>
      <c r="BA107" s="169"/>
      <c r="BB107" s="169"/>
      <c r="BC107" s="169"/>
      <c r="BD107" s="169"/>
    </row>
    <row r="108" spans="3:57" x14ac:dyDescent="0.2">
      <c r="C108" s="190"/>
      <c r="D108" s="168"/>
      <c r="E108" s="169"/>
      <c r="F108" s="169"/>
      <c r="G108" s="169"/>
      <c r="H108" s="169"/>
      <c r="I108" s="169"/>
      <c r="J108" s="169"/>
      <c r="K108" s="169"/>
      <c r="L108" s="169"/>
      <c r="M108" s="169"/>
      <c r="N108" s="169"/>
      <c r="O108" s="169"/>
      <c r="P108" s="169"/>
      <c r="Q108" s="169"/>
      <c r="R108" s="169"/>
      <c r="S108" s="169"/>
      <c r="T108" s="169"/>
      <c r="U108" s="169"/>
      <c r="V108" s="169"/>
      <c r="W108" s="169"/>
      <c r="X108" s="169"/>
      <c r="Y108" s="169"/>
      <c r="Z108" s="169"/>
      <c r="AA108" s="169"/>
      <c r="AB108" s="169"/>
      <c r="AC108" s="169"/>
      <c r="AD108" s="169"/>
      <c r="AE108" s="169"/>
      <c r="AF108" s="169"/>
      <c r="AG108" s="169"/>
      <c r="AH108" s="169"/>
      <c r="AI108" s="169"/>
      <c r="AJ108" s="169"/>
      <c r="AK108" s="169"/>
      <c r="AL108" s="169"/>
      <c r="AM108" s="169"/>
      <c r="AN108" s="169"/>
      <c r="AO108" s="169"/>
      <c r="AP108" s="169"/>
      <c r="AQ108" s="169"/>
      <c r="AR108" s="169"/>
      <c r="AS108" s="169"/>
      <c r="AT108" s="169"/>
      <c r="AU108" s="169"/>
      <c r="AV108" s="169"/>
      <c r="AW108" s="169"/>
      <c r="AX108" s="169"/>
      <c r="AY108" s="169"/>
      <c r="AZ108" s="169"/>
      <c r="BA108" s="169"/>
      <c r="BB108" s="169"/>
      <c r="BC108" s="169"/>
      <c r="BD108" s="169"/>
    </row>
    <row r="109" spans="3:57" x14ac:dyDescent="0.2">
      <c r="C109" s="190"/>
      <c r="D109" s="168"/>
      <c r="E109" s="169"/>
      <c r="F109" s="169"/>
      <c r="G109" s="169"/>
      <c r="H109" s="169"/>
      <c r="I109" s="169"/>
      <c r="J109" s="169"/>
      <c r="K109" s="169"/>
      <c r="L109" s="169"/>
      <c r="M109" s="169"/>
      <c r="N109" s="169"/>
      <c r="O109" s="169"/>
      <c r="P109" s="169"/>
      <c r="Q109" s="169"/>
      <c r="R109" s="169"/>
      <c r="S109" s="169"/>
      <c r="T109" s="169"/>
      <c r="U109" s="169"/>
      <c r="V109" s="169"/>
      <c r="W109" s="169"/>
      <c r="X109" s="169"/>
      <c r="Y109" s="169"/>
      <c r="Z109" s="169"/>
      <c r="AA109" s="169"/>
      <c r="AB109" s="169"/>
      <c r="AC109" s="169"/>
      <c r="AD109" s="169"/>
      <c r="AE109" s="169"/>
      <c r="AF109" s="169"/>
      <c r="AG109" s="169"/>
      <c r="AH109" s="169"/>
      <c r="AI109" s="169"/>
      <c r="AJ109" s="169"/>
      <c r="AK109" s="169"/>
      <c r="AL109" s="169"/>
      <c r="AM109" s="169"/>
      <c r="AN109" s="169"/>
      <c r="AO109" s="169"/>
      <c r="AP109" s="169"/>
      <c r="AQ109" s="169"/>
      <c r="AR109" s="169"/>
      <c r="AS109" s="169"/>
      <c r="AT109" s="169"/>
      <c r="AU109" s="169"/>
      <c r="AV109" s="169"/>
      <c r="AW109" s="169"/>
      <c r="AX109" s="169"/>
      <c r="AY109" s="169"/>
      <c r="AZ109" s="169"/>
      <c r="BA109" s="169"/>
      <c r="BB109" s="169"/>
      <c r="BC109" s="169"/>
      <c r="BD109" s="169"/>
    </row>
    <row r="110" spans="3:57" x14ac:dyDescent="0.2">
      <c r="C110" s="190"/>
      <c r="D110" s="168"/>
      <c r="E110" s="169"/>
      <c r="F110" s="169"/>
      <c r="G110" s="169"/>
      <c r="H110" s="169"/>
      <c r="I110" s="169"/>
      <c r="J110" s="169"/>
      <c r="K110" s="169"/>
      <c r="L110" s="169"/>
      <c r="M110" s="169"/>
      <c r="N110" s="169"/>
      <c r="O110" s="169"/>
      <c r="P110" s="169"/>
      <c r="Q110" s="169"/>
      <c r="R110" s="169"/>
      <c r="S110" s="169"/>
      <c r="T110" s="169"/>
      <c r="U110" s="169"/>
      <c r="V110" s="169"/>
      <c r="W110" s="169"/>
      <c r="X110" s="169"/>
      <c r="Y110" s="169"/>
      <c r="Z110" s="169"/>
      <c r="AA110" s="169"/>
      <c r="AB110" s="169"/>
      <c r="AC110" s="169"/>
      <c r="AD110" s="169"/>
      <c r="AE110" s="169"/>
      <c r="AF110" s="169"/>
      <c r="AG110" s="169"/>
      <c r="AH110" s="169"/>
      <c r="AI110" s="169"/>
      <c r="AJ110" s="169"/>
      <c r="AK110" s="169"/>
      <c r="AL110" s="169"/>
      <c r="AM110" s="169"/>
      <c r="AN110" s="169"/>
      <c r="AO110" s="169"/>
      <c r="AP110" s="169"/>
      <c r="AQ110" s="169"/>
      <c r="AR110" s="169"/>
      <c r="AS110" s="169"/>
      <c r="AT110" s="169"/>
      <c r="AU110" s="169"/>
      <c r="AV110" s="169"/>
      <c r="AW110" s="169"/>
      <c r="AX110" s="169"/>
      <c r="AY110" s="169"/>
      <c r="AZ110" s="169"/>
      <c r="BA110" s="169"/>
      <c r="BB110" s="169"/>
      <c r="BC110" s="169"/>
      <c r="BD110" s="169"/>
    </row>
    <row r="111" spans="3:57" x14ac:dyDescent="0.2">
      <c r="C111" s="190"/>
      <c r="D111" s="168"/>
      <c r="E111" s="169"/>
      <c r="F111" s="169"/>
      <c r="G111" s="169"/>
      <c r="H111" s="169"/>
      <c r="I111" s="169"/>
      <c r="J111" s="169"/>
      <c r="K111" s="169"/>
      <c r="L111" s="169"/>
      <c r="M111" s="169"/>
      <c r="N111" s="169"/>
      <c r="O111" s="169"/>
      <c r="P111" s="169"/>
      <c r="Q111" s="169"/>
      <c r="R111" s="169"/>
      <c r="S111" s="169"/>
      <c r="T111" s="169"/>
      <c r="U111" s="169"/>
      <c r="V111" s="169"/>
      <c r="W111" s="169"/>
      <c r="X111" s="169"/>
      <c r="Y111" s="169"/>
      <c r="Z111" s="169"/>
      <c r="AA111" s="169"/>
      <c r="AB111" s="169"/>
      <c r="AC111" s="169"/>
      <c r="AD111" s="169"/>
      <c r="AE111" s="169"/>
      <c r="AF111" s="169"/>
      <c r="AG111" s="169"/>
      <c r="AH111" s="169"/>
      <c r="AI111" s="169"/>
      <c r="AJ111" s="169"/>
      <c r="AK111" s="169"/>
      <c r="AL111" s="169"/>
      <c r="AM111" s="169"/>
      <c r="AN111" s="169"/>
      <c r="AO111" s="169"/>
      <c r="AP111" s="169"/>
      <c r="AQ111" s="169"/>
      <c r="AR111" s="169"/>
      <c r="AS111" s="169"/>
      <c r="AT111" s="169"/>
      <c r="AU111" s="169"/>
      <c r="AV111" s="169"/>
      <c r="AW111" s="169"/>
      <c r="AX111" s="169"/>
      <c r="AY111" s="169"/>
      <c r="AZ111" s="169"/>
      <c r="BA111" s="169"/>
      <c r="BB111" s="169"/>
      <c r="BC111" s="169"/>
      <c r="BD111" s="169"/>
    </row>
    <row r="112" spans="3:57" x14ac:dyDescent="0.2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69"/>
      <c r="AJ114" s="169"/>
      <c r="AK114" s="169"/>
      <c r="AL114" s="169"/>
      <c r="AM114" s="169"/>
      <c r="AN114" s="169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69"/>
      <c r="AJ116" s="169"/>
      <c r="AK116" s="169"/>
      <c r="AL116" s="169"/>
      <c r="AM116" s="169"/>
      <c r="AN116" s="169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70"/>
      <c r="AJ118" s="170"/>
      <c r="AK118" s="170"/>
      <c r="AL118" s="170"/>
      <c r="AM118" s="170"/>
      <c r="AN118" s="170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">
      <c r="C119" s="190"/>
      <c r="D119" s="168"/>
      <c r="E119" s="169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69"/>
    </row>
    <row r="120" spans="3:56" x14ac:dyDescent="0.2">
      <c r="C120" s="190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">
      <c r="C121" s="190"/>
      <c r="D121" s="168"/>
      <c r="E121" s="169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69"/>
    </row>
    <row r="122" spans="3:56" x14ac:dyDescent="0.2">
      <c r="C122" s="190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">
      <c r="C123" s="190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">
      <c r="C124" s="190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69"/>
      <c r="AJ124" s="169"/>
      <c r="AK124" s="169"/>
      <c r="AL124" s="169"/>
      <c r="AM124" s="169"/>
      <c r="AN124" s="169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">
      <c r="C125" s="190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">
      <c r="C126" s="129"/>
      <c r="D126" s="168"/>
      <c r="E126" s="169"/>
      <c r="F126" s="169"/>
      <c r="G126" s="169"/>
      <c r="H126" s="191"/>
      <c r="I126" s="169"/>
      <c r="J126" s="191"/>
      <c r="K126" s="169"/>
      <c r="L126" s="191"/>
      <c r="M126" s="191"/>
      <c r="N126" s="191"/>
      <c r="O126" s="191"/>
      <c r="P126" s="169"/>
      <c r="Q126" s="169"/>
      <c r="R126" s="169"/>
      <c r="S126" s="169"/>
      <c r="T126" s="191"/>
      <c r="U126" s="191"/>
      <c r="V126" s="191"/>
      <c r="W126" s="169"/>
      <c r="X126" s="191"/>
      <c r="Y126" s="191"/>
      <c r="Z126" s="169"/>
      <c r="AA126" s="169"/>
      <c r="AB126" s="169"/>
      <c r="AC126" s="191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">
      <c r="C127" s="129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">
      <c r="C128" s="129"/>
      <c r="D128" s="168"/>
      <c r="E128" s="192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92"/>
    </row>
    <row r="129" spans="3:56" x14ac:dyDescent="0.2">
      <c r="C129" s="129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">
      <c r="C130" s="129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">
      <c r="C131" s="129"/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U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">
      <c r="C132" s="129"/>
      <c r="D132" s="168"/>
      <c r="E132" s="169"/>
      <c r="F132" s="169"/>
      <c r="G132" s="169"/>
      <c r="H132" s="169"/>
      <c r="I132" s="169"/>
      <c r="J132" s="169"/>
      <c r="K132" s="169"/>
      <c r="L132" s="169"/>
      <c r="M132" s="169"/>
      <c r="N132" s="169"/>
      <c r="O132" s="169"/>
      <c r="P132" s="169"/>
      <c r="Q132" s="169"/>
      <c r="R132" s="169"/>
      <c r="S132" s="169"/>
      <c r="T132" s="169"/>
      <c r="U132" s="169"/>
      <c r="V132" s="169"/>
      <c r="W132" s="169"/>
      <c r="X132" s="169"/>
      <c r="Y132" s="169"/>
      <c r="Z132" s="169"/>
      <c r="AA132" s="169"/>
      <c r="AB132" s="169"/>
      <c r="AC132" s="169"/>
      <c r="AD132" s="169"/>
      <c r="AE132" s="169"/>
      <c r="AF132" s="169"/>
      <c r="AG132" s="169"/>
      <c r="AH132" s="169"/>
      <c r="AI132" s="169"/>
      <c r="AJ132" s="169"/>
      <c r="AK132" s="169"/>
      <c r="AL132" s="169"/>
      <c r="AM132" s="169"/>
      <c r="AN132" s="169"/>
      <c r="AO132" s="169"/>
      <c r="AP132" s="169"/>
      <c r="AQ132" s="169"/>
      <c r="AR132" s="169"/>
      <c r="AS132" s="169"/>
      <c r="AT132" s="169"/>
      <c r="AU132" s="169"/>
      <c r="AV132" s="169"/>
      <c r="AW132" s="169"/>
      <c r="AX132" s="169"/>
      <c r="AY132" s="169"/>
      <c r="AZ132" s="169"/>
      <c r="BA132" s="169"/>
      <c r="BB132" s="169"/>
      <c r="BC132" s="169"/>
      <c r="BD132" s="169"/>
    </row>
    <row r="133" spans="3:56" x14ac:dyDescent="0.2">
      <c r="C133" s="129"/>
      <c r="D133" s="168"/>
      <c r="E133" s="169"/>
      <c r="F133" s="169"/>
      <c r="G133" s="169"/>
      <c r="H133" s="169"/>
      <c r="I133" s="169"/>
      <c r="J133" s="169"/>
      <c r="K133" s="169"/>
      <c r="L133" s="169"/>
      <c r="M133" s="169"/>
      <c r="N133" s="169"/>
      <c r="O133" s="169"/>
      <c r="P133" s="169"/>
      <c r="Q133" s="169"/>
      <c r="R133" s="169"/>
      <c r="S133" s="169"/>
      <c r="T133" s="169"/>
      <c r="U133" s="169"/>
      <c r="V133" s="169"/>
      <c r="W133" s="169"/>
      <c r="X133" s="169"/>
      <c r="Y133" s="169"/>
      <c r="Z133" s="169"/>
      <c r="AA133" s="169"/>
      <c r="AB133" s="169"/>
      <c r="AC133" s="169"/>
      <c r="AD133" s="169"/>
      <c r="AE133" s="169"/>
      <c r="AF133" s="169"/>
      <c r="AG133" s="169"/>
      <c r="AH133" s="169"/>
      <c r="AI133" s="169"/>
      <c r="AJ133" s="169"/>
      <c r="AK133" s="169"/>
      <c r="AL133" s="169"/>
      <c r="AM133" s="169"/>
      <c r="AN133" s="169"/>
      <c r="AO133" s="169"/>
      <c r="AP133" s="169"/>
      <c r="AQ133" s="169"/>
      <c r="AR133" s="169"/>
      <c r="AS133" s="169"/>
      <c r="AT133" s="169"/>
      <c r="AU133" s="169"/>
      <c r="AV133" s="169"/>
      <c r="AW133" s="169"/>
      <c r="AX133" s="169"/>
      <c r="AY133" s="169"/>
      <c r="AZ133" s="169"/>
      <c r="BA133" s="169"/>
      <c r="BB133" s="169"/>
      <c r="BC133" s="169"/>
      <c r="BD133" s="169"/>
    </row>
    <row r="134" spans="3:56" x14ac:dyDescent="0.2">
      <c r="C134" s="129"/>
      <c r="D134" s="168"/>
      <c r="E134" s="169"/>
      <c r="F134" s="169"/>
      <c r="G134" s="169"/>
      <c r="H134" s="169"/>
      <c r="I134" s="169"/>
      <c r="J134" s="169"/>
      <c r="K134" s="169"/>
      <c r="L134" s="169"/>
      <c r="M134" s="169"/>
      <c r="N134" s="169"/>
      <c r="O134" s="169"/>
      <c r="P134" s="169"/>
      <c r="Q134" s="169"/>
      <c r="R134" s="169"/>
      <c r="S134" s="169"/>
      <c r="T134" s="169"/>
      <c r="U134" s="169"/>
      <c r="V134" s="169"/>
      <c r="W134" s="169"/>
      <c r="X134" s="169"/>
      <c r="Y134" s="169"/>
      <c r="Z134" s="169"/>
      <c r="AA134" s="169"/>
      <c r="AB134" s="169"/>
      <c r="AC134" s="169"/>
      <c r="AD134" s="169"/>
      <c r="AE134" s="169"/>
      <c r="AF134" s="169"/>
      <c r="AG134" s="169"/>
      <c r="AH134" s="169"/>
      <c r="AI134" s="169"/>
      <c r="AJ134" s="169"/>
      <c r="AK134" s="169"/>
      <c r="AL134" s="169"/>
      <c r="AM134" s="169"/>
      <c r="AN134" s="169"/>
      <c r="AO134" s="169"/>
      <c r="AP134" s="169"/>
      <c r="AQ134" s="169"/>
      <c r="AR134" s="169"/>
      <c r="AS134" s="169"/>
      <c r="AT134" s="169"/>
      <c r="AU134" s="169"/>
      <c r="AV134" s="169"/>
      <c r="AW134" s="169"/>
      <c r="AX134" s="169"/>
      <c r="AY134" s="169"/>
      <c r="AZ134" s="169"/>
      <c r="BA134" s="169"/>
      <c r="BB134" s="169"/>
      <c r="BC134" s="169"/>
      <c r="BD134" s="169"/>
    </row>
    <row r="135" spans="3:56" x14ac:dyDescent="0.2">
      <c r="C135" s="129"/>
      <c r="D135" s="168"/>
      <c r="E135" s="169"/>
      <c r="F135" s="169"/>
      <c r="G135" s="169"/>
      <c r="H135" s="169"/>
      <c r="I135" s="169"/>
      <c r="J135" s="169"/>
      <c r="K135" s="169"/>
      <c r="L135" s="169"/>
      <c r="M135" s="169"/>
      <c r="N135" s="169"/>
      <c r="O135" s="169"/>
      <c r="P135" s="169"/>
      <c r="Q135" s="169"/>
      <c r="R135" s="169"/>
      <c r="S135" s="169"/>
      <c r="T135" s="169"/>
      <c r="U135" s="169"/>
      <c r="V135" s="169"/>
      <c r="W135" s="169"/>
      <c r="X135" s="169"/>
      <c r="Y135" s="169"/>
      <c r="Z135" s="169"/>
      <c r="AA135" s="169"/>
      <c r="AB135" s="169"/>
      <c r="AC135" s="169"/>
      <c r="AD135" s="169"/>
      <c r="AE135" s="169"/>
      <c r="AF135" s="169"/>
      <c r="AG135" s="169"/>
      <c r="AH135" s="169"/>
      <c r="AI135" s="169"/>
      <c r="AJ135" s="169"/>
      <c r="AK135" s="169"/>
      <c r="AL135" s="169"/>
      <c r="AM135" s="169"/>
      <c r="AN135" s="169"/>
      <c r="AO135" s="169"/>
      <c r="AP135" s="169"/>
      <c r="AQ135" s="169"/>
      <c r="AR135" s="169"/>
      <c r="AS135" s="169"/>
      <c r="AT135" s="169"/>
      <c r="AU135" s="169"/>
      <c r="AV135" s="169"/>
      <c r="AW135" s="169"/>
      <c r="AX135" s="169"/>
      <c r="AY135" s="169"/>
      <c r="AZ135" s="169"/>
      <c r="BA135" s="169"/>
      <c r="BB135" s="169"/>
      <c r="BC135" s="169"/>
      <c r="BD135" s="169"/>
    </row>
    <row r="136" spans="3:56" x14ac:dyDescent="0.2">
      <c r="C136" s="129"/>
      <c r="D136" s="168"/>
      <c r="E136" s="169"/>
      <c r="F136" s="169"/>
      <c r="G136" s="169"/>
      <c r="H136" s="169"/>
      <c r="I136" s="169"/>
      <c r="J136" s="169"/>
      <c r="K136" s="169"/>
      <c r="L136" s="169"/>
      <c r="M136" s="169"/>
      <c r="N136" s="169"/>
      <c r="O136" s="169"/>
      <c r="P136" s="169"/>
      <c r="Q136" s="169"/>
      <c r="R136" s="169"/>
      <c r="S136" s="169"/>
      <c r="T136" s="169"/>
      <c r="U136" s="169"/>
      <c r="V136" s="169"/>
      <c r="W136" s="169"/>
      <c r="X136" s="169"/>
      <c r="Y136" s="169"/>
      <c r="Z136" s="169"/>
      <c r="AA136" s="169"/>
      <c r="AB136" s="169"/>
      <c r="AC136" s="169"/>
      <c r="AD136" s="169"/>
      <c r="AE136" s="169"/>
      <c r="AF136" s="169"/>
      <c r="AG136" s="169"/>
      <c r="AH136" s="169"/>
      <c r="AI136" s="169"/>
      <c r="AJ136" s="169"/>
      <c r="AK136" s="169"/>
      <c r="AL136" s="169"/>
      <c r="AM136" s="169"/>
      <c r="AN136" s="169"/>
      <c r="AO136" s="169"/>
      <c r="AP136" s="169"/>
      <c r="AQ136" s="169"/>
      <c r="AR136" s="169"/>
      <c r="AS136" s="169"/>
      <c r="AT136" s="169"/>
      <c r="AU136" s="169"/>
      <c r="AV136" s="169"/>
      <c r="AW136" s="169"/>
      <c r="AX136" s="169"/>
      <c r="AY136" s="169"/>
      <c r="AZ136" s="169"/>
      <c r="BA136" s="169"/>
      <c r="BB136" s="169"/>
      <c r="BC136" s="169"/>
      <c r="BD136" s="169"/>
    </row>
    <row r="137" spans="3:56" x14ac:dyDescent="0.2">
      <c r="C137" s="129"/>
      <c r="D137" s="168"/>
      <c r="E137" s="169"/>
      <c r="F137" s="169"/>
      <c r="G137" s="169"/>
      <c r="H137" s="169"/>
      <c r="I137" s="169"/>
      <c r="J137" s="169"/>
      <c r="K137" s="169"/>
      <c r="L137" s="169"/>
      <c r="M137" s="169"/>
      <c r="N137" s="169"/>
      <c r="O137" s="169"/>
      <c r="P137" s="169"/>
      <c r="Q137" s="169"/>
      <c r="R137" s="169"/>
      <c r="S137" s="169"/>
      <c r="T137" s="169"/>
      <c r="U137" s="169"/>
      <c r="V137" s="169"/>
      <c r="W137" s="169"/>
      <c r="X137" s="169"/>
      <c r="Y137" s="169"/>
      <c r="Z137" s="169"/>
      <c r="AA137" s="169"/>
      <c r="AB137" s="169"/>
      <c r="AC137" s="169"/>
      <c r="AD137" s="169"/>
      <c r="AE137" s="169"/>
      <c r="AF137" s="169"/>
      <c r="AG137" s="169"/>
      <c r="AH137" s="169"/>
      <c r="AI137" s="169"/>
      <c r="AJ137" s="169"/>
      <c r="AK137" s="169"/>
      <c r="AL137" s="169"/>
      <c r="AM137" s="169"/>
      <c r="AN137" s="169"/>
      <c r="AO137" s="169"/>
      <c r="AP137" s="169"/>
      <c r="AQ137" s="169"/>
      <c r="AR137" s="169"/>
      <c r="AS137" s="169"/>
      <c r="AT137" s="169"/>
      <c r="AU137" s="169"/>
      <c r="AV137" s="169"/>
      <c r="AW137" s="169"/>
      <c r="AX137" s="169"/>
      <c r="AY137" s="169"/>
      <c r="AZ137" s="169"/>
      <c r="BA137" s="169"/>
      <c r="BB137" s="169"/>
      <c r="BC137" s="169"/>
      <c r="BD137" s="169"/>
    </row>
    <row r="138" spans="3:56" x14ac:dyDescent="0.2">
      <c r="C138" s="129"/>
      <c r="D138" s="168"/>
      <c r="E138" s="169"/>
      <c r="F138" s="169"/>
      <c r="G138" s="169"/>
      <c r="H138" s="169"/>
      <c r="I138" s="169"/>
      <c r="J138" s="169"/>
      <c r="K138" s="169"/>
      <c r="L138" s="169"/>
      <c r="M138" s="169"/>
      <c r="N138" s="169"/>
      <c r="O138" s="169"/>
      <c r="P138" s="169"/>
      <c r="Q138" s="169"/>
      <c r="R138" s="169"/>
      <c r="S138" s="169"/>
      <c r="T138" s="169"/>
      <c r="U138" s="169"/>
      <c r="V138" s="169"/>
      <c r="W138" s="169"/>
      <c r="X138" s="169"/>
      <c r="Y138" s="169"/>
      <c r="Z138" s="169"/>
      <c r="AA138" s="169"/>
      <c r="AB138" s="169"/>
      <c r="AC138" s="169"/>
      <c r="AD138" s="169"/>
      <c r="AE138" s="169"/>
      <c r="AF138" s="169"/>
      <c r="AG138" s="169"/>
      <c r="AH138" s="169"/>
      <c r="AI138" s="169"/>
      <c r="AJ138" s="169"/>
      <c r="AK138" s="169"/>
      <c r="AL138" s="169"/>
      <c r="AM138" s="169"/>
      <c r="AN138" s="169"/>
      <c r="AO138" s="169"/>
      <c r="AP138" s="169"/>
      <c r="AQ138" s="169"/>
      <c r="AR138" s="169"/>
      <c r="AS138" s="169"/>
      <c r="AT138" s="169"/>
      <c r="AU138" s="169"/>
      <c r="AV138" s="169"/>
      <c r="AW138" s="169"/>
      <c r="AX138" s="169"/>
      <c r="AY138" s="169"/>
      <c r="AZ138" s="169"/>
      <c r="BA138" s="169"/>
      <c r="BB138" s="169"/>
      <c r="BC138" s="169"/>
      <c r="BD138" s="169"/>
    </row>
    <row r="139" spans="3:56" x14ac:dyDescent="0.2">
      <c r="C139" s="129"/>
      <c r="D139" s="168"/>
      <c r="E139" s="169"/>
      <c r="F139" s="169"/>
      <c r="G139" s="169"/>
      <c r="H139" s="169"/>
      <c r="I139" s="169"/>
      <c r="J139" s="169"/>
      <c r="K139" s="169"/>
      <c r="L139" s="169"/>
      <c r="M139" s="169"/>
      <c r="N139" s="169"/>
      <c r="O139" s="169"/>
      <c r="P139" s="169"/>
      <c r="Q139" s="169"/>
      <c r="R139" s="169"/>
      <c r="S139" s="169"/>
      <c r="T139" s="169"/>
      <c r="U139" s="169"/>
      <c r="V139" s="169"/>
      <c r="W139" s="169"/>
      <c r="X139" s="169"/>
      <c r="Y139" s="169"/>
      <c r="Z139" s="169"/>
      <c r="AA139" s="169"/>
      <c r="AB139" s="169"/>
      <c r="AC139" s="169"/>
      <c r="AD139" s="169"/>
      <c r="AE139" s="169"/>
      <c r="AF139" s="169"/>
      <c r="AG139" s="169"/>
      <c r="AH139" s="169"/>
      <c r="AI139" s="169"/>
      <c r="AJ139" s="169"/>
      <c r="AK139" s="169"/>
      <c r="AL139" s="169"/>
      <c r="AM139" s="169"/>
      <c r="AN139" s="169"/>
      <c r="AO139" s="169"/>
      <c r="AP139" s="169"/>
      <c r="AQ139" s="169"/>
      <c r="AR139" s="169"/>
      <c r="AS139" s="169"/>
      <c r="AT139" s="169"/>
      <c r="AU139" s="169"/>
      <c r="AV139" s="169"/>
      <c r="AW139" s="169"/>
      <c r="AX139" s="169"/>
      <c r="AY139" s="169"/>
      <c r="AZ139" s="169"/>
      <c r="BA139" s="169"/>
      <c r="BB139" s="169"/>
      <c r="BC139" s="169"/>
      <c r="BD139" s="169"/>
    </row>
    <row r="140" spans="3:56" x14ac:dyDescent="0.2">
      <c r="D140" s="168"/>
      <c r="E140" s="169"/>
      <c r="F140" s="169"/>
      <c r="G140" s="169"/>
      <c r="H140" s="169"/>
      <c r="I140" s="169"/>
      <c r="J140" s="169"/>
      <c r="K140" s="169"/>
      <c r="L140" s="169"/>
      <c r="M140" s="169"/>
      <c r="N140" s="169"/>
      <c r="O140" s="169"/>
      <c r="P140" s="169"/>
      <c r="Q140" s="169"/>
      <c r="R140" s="169"/>
      <c r="S140" s="169"/>
      <c r="T140" s="169"/>
      <c r="U140" s="169"/>
      <c r="V140" s="169"/>
      <c r="W140" s="169"/>
      <c r="X140" s="169"/>
      <c r="Y140" s="169"/>
      <c r="Z140" s="169"/>
      <c r="AA140" s="169"/>
      <c r="AB140" s="169"/>
      <c r="AC140" s="169"/>
      <c r="AD140" s="169"/>
      <c r="AE140" s="169"/>
      <c r="AF140" s="169"/>
      <c r="AG140" s="169"/>
      <c r="AH140" s="169"/>
      <c r="AI140" s="169"/>
      <c r="AJ140" s="169"/>
      <c r="AK140" s="169"/>
      <c r="AL140" s="169"/>
      <c r="AM140" s="169"/>
      <c r="AN140" s="169"/>
      <c r="AO140" s="169"/>
      <c r="AP140" s="169"/>
      <c r="AQ140" s="169"/>
      <c r="AR140" s="169"/>
      <c r="AS140" s="169"/>
      <c r="AT140" s="169"/>
      <c r="AU140" s="169"/>
      <c r="AV140" s="169"/>
      <c r="AW140" s="169"/>
      <c r="AX140" s="169"/>
      <c r="AY140" s="169"/>
      <c r="AZ140" s="169"/>
      <c r="BA140" s="169"/>
      <c r="BB140" s="169"/>
      <c r="BC140" s="169"/>
      <c r="BD140" s="169"/>
    </row>
    <row r="141" spans="3:56" x14ac:dyDescent="0.2">
      <c r="E141" s="169"/>
      <c r="F141" s="169"/>
      <c r="H141" s="169"/>
      <c r="J141" s="169"/>
      <c r="L141" s="169"/>
      <c r="O141" s="169"/>
    </row>
    <row r="142" spans="3:56" x14ac:dyDescent="0.2">
      <c r="E142" s="169"/>
      <c r="F142" s="169"/>
      <c r="H142" s="169"/>
    </row>
    <row r="143" spans="3:56" x14ac:dyDescent="0.2">
      <c r="E143" s="169"/>
      <c r="F143" s="169"/>
    </row>
    <row r="144" spans="3:56" x14ac:dyDescent="0.2">
      <c r="D144" s="168"/>
      <c r="E144" s="169"/>
      <c r="F144" s="169"/>
      <c r="G144" s="169"/>
      <c r="H144" s="169"/>
      <c r="I144" s="169"/>
      <c r="J144" s="169"/>
      <c r="K144" s="169"/>
      <c r="L144" s="169"/>
      <c r="M144" s="169"/>
      <c r="N144" s="169"/>
      <c r="O144" s="169"/>
      <c r="P144" s="169"/>
      <c r="Q144" s="169"/>
      <c r="R144" s="169"/>
      <c r="S144" s="169"/>
      <c r="T144" s="169"/>
      <c r="U144" s="169"/>
      <c r="V144" s="169"/>
      <c r="W144" s="169"/>
      <c r="X144" s="169"/>
      <c r="Y144" s="169"/>
      <c r="Z144" s="169"/>
      <c r="AA144" s="169"/>
      <c r="AB144" s="169"/>
      <c r="AC144" s="169"/>
      <c r="AD144" s="169"/>
      <c r="AE144" s="169"/>
      <c r="AF144" s="169"/>
      <c r="AG144" s="169"/>
      <c r="AH144" s="169"/>
      <c r="AI144" s="169"/>
      <c r="AJ144" s="169"/>
      <c r="AK144" s="169"/>
      <c r="AL144" s="191"/>
      <c r="AM144" s="169"/>
      <c r="AN144" s="169"/>
      <c r="AO144" s="169"/>
      <c r="AP144" s="169"/>
      <c r="AQ144" s="169"/>
      <c r="AR144" s="169"/>
      <c r="AS144" s="169"/>
      <c r="AT144" s="169"/>
      <c r="AU144" s="169"/>
      <c r="AV144" s="169"/>
      <c r="AW144" s="169"/>
      <c r="AX144" s="169"/>
      <c r="AY144" s="169"/>
      <c r="AZ144" s="169"/>
      <c r="BA144" s="169"/>
      <c r="BB144" s="169"/>
      <c r="BC144" s="169"/>
      <c r="BD144" s="169"/>
    </row>
    <row r="147" spans="3:14" x14ac:dyDescent="0.2">
      <c r="C147" s="229"/>
      <c r="D147" s="230"/>
      <c r="E147" s="230"/>
      <c r="F147" s="230"/>
      <c r="G147" s="230"/>
      <c r="H147" s="230"/>
      <c r="I147" s="230"/>
      <c r="J147" s="230"/>
      <c r="K147" s="230"/>
      <c r="L147" s="230"/>
      <c r="M147" s="230"/>
      <c r="N147" s="230"/>
    </row>
    <row r="149" spans="3:14" ht="25.5" customHeight="1" x14ac:dyDescent="0.2">
      <c r="C149" s="226"/>
      <c r="D149" s="226"/>
      <c r="E149" s="226"/>
      <c r="F149" s="226"/>
      <c r="G149" s="226"/>
      <c r="H149" s="226"/>
      <c r="I149" s="226"/>
      <c r="J149" s="226"/>
      <c r="K149" s="226"/>
    </row>
    <row r="150" spans="3:14" x14ac:dyDescent="0.2">
      <c r="C150" s="231"/>
      <c r="D150" s="231"/>
      <c r="E150" s="231"/>
      <c r="F150" s="231"/>
      <c r="G150" s="231"/>
      <c r="H150" s="231"/>
      <c r="I150" s="231"/>
      <c r="J150" s="231"/>
      <c r="K150" s="231"/>
    </row>
  </sheetData>
  <mergeCells count="7">
    <mergeCell ref="C2:AE6"/>
    <mergeCell ref="C147:N147"/>
    <mergeCell ref="C149:K150"/>
    <mergeCell ref="C50:C51"/>
    <mergeCell ref="D50:Q51"/>
    <mergeCell ref="D52:Q52"/>
    <mergeCell ref="C53:R53"/>
  </mergeCells>
  <pageMargins left="0.7" right="0.7" top="0.75" bottom="0.75" header="0.3" footer="0.3"/>
  <pageSetup paperSize="9" orientation="portrait" r:id="rId1"/>
  <drawing r:id="rId2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dimension ref="C2:BE137"/>
  <sheetViews>
    <sheetView topLeftCell="H53" zoomScale="86" zoomScaleNormal="86" workbookViewId="0">
      <selection activeCell="AS81" sqref="AS81"/>
    </sheetView>
  </sheetViews>
  <sheetFormatPr baseColWidth="10" defaultColWidth="11.42578125" defaultRowHeight="12.75" x14ac:dyDescent="0.2"/>
  <cols>
    <col min="1" max="2" width="11.42578125" style="138"/>
    <col min="3" max="3" width="22.7109375" style="138" customWidth="1"/>
    <col min="4" max="4" width="8.5703125" style="138" bestFit="1" customWidth="1"/>
    <col min="5" max="13" width="5.42578125" style="138" customWidth="1"/>
    <col min="14" max="21" width="5.42578125" style="138" bestFit="1" customWidth="1"/>
    <col min="22" max="22" width="5.7109375" style="138" customWidth="1"/>
    <col min="23" max="55" width="5.42578125" style="138" bestFit="1" customWidth="1"/>
    <col min="56" max="57" width="7.140625" style="138" customWidth="1"/>
    <col min="58" max="58" width="23.7109375" style="138" customWidth="1"/>
    <col min="59" max="16384" width="11.42578125" style="138"/>
  </cols>
  <sheetData>
    <row r="2" spans="3:57" ht="18" customHeight="1" x14ac:dyDescent="0.2">
      <c r="C2" s="228"/>
      <c r="D2" s="228"/>
      <c r="E2" s="228"/>
      <c r="F2" s="228"/>
      <c r="G2" s="228"/>
      <c r="H2" s="228"/>
      <c r="I2" s="228"/>
      <c r="J2" s="228"/>
      <c r="K2" s="228"/>
      <c r="L2" s="228"/>
      <c r="M2" s="228"/>
      <c r="N2" s="228"/>
      <c r="O2" s="228"/>
      <c r="P2" s="228"/>
      <c r="Q2" s="228"/>
      <c r="R2" s="228"/>
      <c r="S2" s="228"/>
      <c r="T2" s="228"/>
      <c r="U2" s="228"/>
      <c r="V2" s="228"/>
      <c r="W2" s="228"/>
      <c r="X2" s="228"/>
      <c r="Y2" s="228"/>
      <c r="Z2" s="228"/>
      <c r="AA2" s="228"/>
      <c r="AB2" s="228"/>
      <c r="AC2" s="228"/>
      <c r="AD2" s="228"/>
      <c r="AE2" s="228"/>
    </row>
    <row r="3" spans="3:57" ht="21" customHeight="1" x14ac:dyDescent="0.2">
      <c r="C3" s="228"/>
      <c r="D3" s="228"/>
      <c r="E3" s="228"/>
      <c r="F3" s="228"/>
      <c r="G3" s="228"/>
      <c r="H3" s="228"/>
      <c r="I3" s="228"/>
      <c r="J3" s="228"/>
      <c r="K3" s="228"/>
      <c r="L3" s="228"/>
      <c r="M3" s="228"/>
      <c r="N3" s="228"/>
      <c r="O3" s="228"/>
      <c r="P3" s="228"/>
      <c r="Q3" s="228"/>
      <c r="R3" s="228"/>
      <c r="S3" s="228"/>
      <c r="T3" s="228"/>
      <c r="U3" s="228"/>
      <c r="V3" s="228"/>
      <c r="W3" s="228"/>
      <c r="X3" s="228"/>
      <c r="Y3" s="228"/>
      <c r="Z3" s="228"/>
      <c r="AA3" s="228"/>
      <c r="AB3" s="228"/>
      <c r="AC3" s="228"/>
      <c r="AD3" s="228"/>
      <c r="AE3" s="228"/>
    </row>
    <row r="4" spans="3:57" ht="32.25" customHeight="1" x14ac:dyDescent="0.2">
      <c r="C4" s="228"/>
      <c r="D4" s="228"/>
      <c r="E4" s="228"/>
      <c r="F4" s="228"/>
      <c r="G4" s="228"/>
      <c r="H4" s="228"/>
      <c r="I4" s="228"/>
      <c r="J4" s="228"/>
      <c r="K4" s="228"/>
      <c r="L4" s="228"/>
      <c r="M4" s="228"/>
      <c r="N4" s="228"/>
      <c r="O4" s="228"/>
      <c r="P4" s="228"/>
      <c r="Q4" s="228"/>
      <c r="R4" s="228"/>
      <c r="S4" s="228"/>
      <c r="T4" s="228"/>
      <c r="U4" s="228"/>
      <c r="V4" s="228"/>
      <c r="W4" s="228"/>
      <c r="X4" s="228"/>
      <c r="Y4" s="228"/>
      <c r="Z4" s="228"/>
      <c r="AA4" s="228"/>
      <c r="AB4" s="228"/>
      <c r="AC4" s="228"/>
      <c r="AD4" s="228"/>
      <c r="AE4" s="228"/>
    </row>
    <row r="5" spans="3:57" x14ac:dyDescent="0.2">
      <c r="C5" s="228"/>
      <c r="D5" s="228"/>
      <c r="E5" s="228"/>
      <c r="F5" s="228"/>
      <c r="G5" s="228"/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28"/>
      <c r="U5" s="228"/>
      <c r="V5" s="228"/>
      <c r="W5" s="228"/>
      <c r="X5" s="228"/>
      <c r="Y5" s="228"/>
      <c r="Z5" s="228"/>
      <c r="AA5" s="228"/>
      <c r="AB5" s="228"/>
      <c r="AC5" s="228"/>
      <c r="AD5" s="228"/>
      <c r="AE5" s="228"/>
    </row>
    <row r="6" spans="3:57" ht="24.95" customHeight="1" x14ac:dyDescent="0.2">
      <c r="C6" s="228"/>
      <c r="D6" s="228"/>
      <c r="E6" s="228"/>
      <c r="F6" s="228"/>
      <c r="G6" s="228"/>
      <c r="H6" s="228"/>
      <c r="I6" s="228"/>
      <c r="J6" s="228"/>
      <c r="K6" s="228"/>
      <c r="L6" s="228"/>
      <c r="M6" s="228"/>
      <c r="N6" s="228"/>
      <c r="O6" s="228"/>
      <c r="P6" s="228"/>
      <c r="Q6" s="228"/>
      <c r="R6" s="228"/>
      <c r="S6" s="228"/>
      <c r="T6" s="228"/>
      <c r="U6" s="228"/>
      <c r="V6" s="228"/>
      <c r="W6" s="228"/>
      <c r="X6" s="228"/>
      <c r="Y6" s="228"/>
      <c r="Z6" s="228"/>
      <c r="AA6" s="228"/>
      <c r="AB6" s="228"/>
      <c r="AC6" s="228"/>
      <c r="AD6" s="228"/>
      <c r="AE6" s="228"/>
    </row>
    <row r="7" spans="3:57" ht="24.95" customHeight="1" x14ac:dyDescent="0.2">
      <c r="C7" s="154" t="s">
        <v>167</v>
      </c>
    </row>
    <row r="8" spans="3:57" x14ac:dyDescent="0.2">
      <c r="C8" s="154" t="s">
        <v>99</v>
      </c>
    </row>
    <row r="10" spans="3:57" x14ac:dyDescent="0.2">
      <c r="M10" s="155"/>
    </row>
    <row r="12" spans="3:57" ht="15" customHeight="1" x14ac:dyDescent="0.2">
      <c r="C12" s="139" t="s">
        <v>171</v>
      </c>
      <c r="E12" s="2">
        <v>2022</v>
      </c>
      <c r="F12" s="2"/>
      <c r="G12" s="2"/>
      <c r="H12" s="2"/>
      <c r="I12" s="2"/>
      <c r="J12" s="2"/>
      <c r="K12" s="2"/>
      <c r="L12" s="2"/>
      <c r="M12" s="2"/>
    </row>
    <row r="13" spans="3:57" ht="13.5" thickBot="1" x14ac:dyDescent="0.25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5" thickTop="1" x14ac:dyDescent="0.2">
      <c r="C14" s="157" t="s">
        <v>57</v>
      </c>
      <c r="D14" s="158" t="s">
        <v>58</v>
      </c>
      <c r="E14" s="146">
        <v>4.3986999999999998</v>
      </c>
      <c r="F14" s="111">
        <v>4.4241999999999999</v>
      </c>
      <c r="G14" s="111">
        <v>4.4291</v>
      </c>
      <c r="H14" s="111">
        <v>4.4177</v>
      </c>
      <c r="I14" s="111">
        <v>4.4532999999999996</v>
      </c>
      <c r="J14" s="140">
        <v>4.4806999999999997</v>
      </c>
      <c r="K14" s="140">
        <v>4.5045999999999999</v>
      </c>
      <c r="L14" s="140">
        <v>4.6072000000000006</v>
      </c>
      <c r="M14" s="140">
        <v>4.7172000000000001</v>
      </c>
      <c r="N14" s="140">
        <v>4.8336000000000006</v>
      </c>
      <c r="O14" s="140">
        <v>4.9985999999999997</v>
      </c>
      <c r="P14" s="140">
        <v>4.9269999999999996</v>
      </c>
      <c r="Q14" s="140">
        <v>4.8580000000000005</v>
      </c>
      <c r="R14" s="140">
        <v>4.9764999999999997</v>
      </c>
      <c r="S14" s="140">
        <v>5.0255999999999998</v>
      </c>
      <c r="T14" s="140">
        <v>5.0280000000000005</v>
      </c>
      <c r="U14" s="150">
        <v>4.9870999999999999</v>
      </c>
      <c r="V14" s="150">
        <v>4.9832999999999998</v>
      </c>
      <c r="W14" s="140">
        <v>4.9672000000000001</v>
      </c>
      <c r="X14" s="140">
        <v>5.0239000000000003</v>
      </c>
      <c r="Y14" s="146">
        <v>4.8956999999999997</v>
      </c>
      <c r="Z14" s="146">
        <v>4.9672999999999998</v>
      </c>
      <c r="AA14" s="111">
        <v>4.9093</v>
      </c>
      <c r="AB14" s="140">
        <v>4.9812000000000003</v>
      </c>
      <c r="AC14" s="140">
        <v>4.9897</v>
      </c>
      <c r="AD14" s="111">
        <v>4.8925999999999998</v>
      </c>
      <c r="AE14" s="140">
        <v>4.9907000000000004</v>
      </c>
      <c r="AF14" s="140">
        <v>4.9449000000000005</v>
      </c>
      <c r="AG14" s="140">
        <v>4.9724000000000004</v>
      </c>
      <c r="AH14" s="140">
        <v>4.9062999999999999</v>
      </c>
      <c r="AI14" s="140">
        <v>4.8837000000000002</v>
      </c>
      <c r="AJ14" s="140">
        <v>4.7581999999999995</v>
      </c>
      <c r="AK14" s="140">
        <v>4.9097</v>
      </c>
      <c r="AL14" s="140">
        <v>4.9097</v>
      </c>
      <c r="AM14" s="140">
        <v>4.8819999999999997</v>
      </c>
      <c r="AN14" s="140">
        <v>4.8947000000000003</v>
      </c>
      <c r="AO14" s="140">
        <v>4.9813000000000001</v>
      </c>
      <c r="AP14" s="140">
        <v>4.9657</v>
      </c>
      <c r="AQ14" s="204">
        <v>4.9615</v>
      </c>
      <c r="AR14" s="140">
        <v>5.1082999999999998</v>
      </c>
      <c r="AS14" s="140">
        <v>5.1133999999999995</v>
      </c>
      <c r="AT14" s="140">
        <v>5.0980999999999996</v>
      </c>
      <c r="AU14" s="140">
        <v>5.1234999999999999</v>
      </c>
      <c r="AV14" s="140">
        <v>5.1319000000000008</v>
      </c>
      <c r="AW14" s="140">
        <v>5.2271000000000001</v>
      </c>
      <c r="AX14" s="146">
        <v>5.1602999999999994</v>
      </c>
      <c r="AY14" s="144">
        <v>5.2295000000000007</v>
      </c>
      <c r="AZ14" s="150">
        <v>5.1800999999999995</v>
      </c>
      <c r="BA14" s="144">
        <v>5.4150999999999998</v>
      </c>
      <c r="BB14" s="150">
        <v>5.3437000000000001</v>
      </c>
      <c r="BC14" s="150">
        <v>5.3649000000000004</v>
      </c>
      <c r="BD14" s="150">
        <v>5.4203999999999999</v>
      </c>
      <c r="BE14" s="111"/>
    </row>
    <row r="15" spans="3:57" x14ac:dyDescent="0.2">
      <c r="C15" s="157" t="s">
        <v>59</v>
      </c>
      <c r="D15" s="158" t="s">
        <v>58</v>
      </c>
      <c r="E15" s="146">
        <v>7.6189999999999998</v>
      </c>
      <c r="F15" s="111">
        <v>7.2917999999999994</v>
      </c>
      <c r="G15" s="111">
        <v>7.1354999999999995</v>
      </c>
      <c r="H15" s="111">
        <v>7.0617999999999999</v>
      </c>
      <c r="I15" s="111">
        <v>7.0612000000000004</v>
      </c>
      <c r="J15" s="140">
        <v>7.0760000000000005</v>
      </c>
      <c r="K15" s="140">
        <v>7.109</v>
      </c>
      <c r="L15" s="146">
        <v>7.1923000000000004</v>
      </c>
      <c r="M15" s="146">
        <v>7.2478999999999996</v>
      </c>
      <c r="N15" s="140">
        <v>7.2857000000000003</v>
      </c>
      <c r="O15" s="140">
        <v>7.2805</v>
      </c>
      <c r="P15" s="140">
        <v>7.2824</v>
      </c>
      <c r="Q15" s="146">
        <v>7.2832000000000008</v>
      </c>
      <c r="R15" s="146">
        <v>7.2265999999999995</v>
      </c>
      <c r="S15" s="140">
        <v>7.1815999999999995</v>
      </c>
      <c r="T15" s="140">
        <v>7.1105999999999998</v>
      </c>
      <c r="U15" s="150">
        <v>7.1069000000000004</v>
      </c>
      <c r="V15" s="150">
        <v>7.1113999999999997</v>
      </c>
      <c r="W15" s="140">
        <v>7.1036000000000001</v>
      </c>
      <c r="X15" s="146">
        <v>7.1036999999999999</v>
      </c>
      <c r="Y15" s="146">
        <v>7.1391999999999998</v>
      </c>
      <c r="Z15" s="146">
        <v>7.1379999999999999</v>
      </c>
      <c r="AA15" s="111">
        <v>7.1349999999999998</v>
      </c>
      <c r="AB15" s="140">
        <v>7.1889000000000003</v>
      </c>
      <c r="AC15" s="140">
        <v>7.1844000000000001</v>
      </c>
      <c r="AD15" s="111">
        <v>7.1967999999999996</v>
      </c>
      <c r="AE15" s="140">
        <v>7.194</v>
      </c>
      <c r="AF15" s="140">
        <v>7.1940999999999997</v>
      </c>
      <c r="AG15" s="140">
        <v>7.1897000000000002</v>
      </c>
      <c r="AH15" s="140">
        <v>7.1926999999999994</v>
      </c>
      <c r="AI15" s="140">
        <v>7.1445000000000007</v>
      </c>
      <c r="AJ15" s="140">
        <v>7.1467999999999998</v>
      </c>
      <c r="AK15" s="140">
        <v>7.2492999999999999</v>
      </c>
      <c r="AL15" s="140">
        <v>7.2492999999999999</v>
      </c>
      <c r="AM15" s="140">
        <v>7.3748000000000005</v>
      </c>
      <c r="AN15" s="140">
        <v>7.6261000000000001</v>
      </c>
      <c r="AO15" s="140">
        <v>7.6142999999999992</v>
      </c>
      <c r="AP15" s="140">
        <v>7.6089000000000002</v>
      </c>
      <c r="AQ15" s="193">
        <v>7.6427999999999994</v>
      </c>
      <c r="AR15" s="140">
        <v>7.6547999999999998</v>
      </c>
      <c r="AS15" s="140">
        <v>7.6787000000000001</v>
      </c>
      <c r="AT15" s="140">
        <v>7.6970000000000001</v>
      </c>
      <c r="AU15" s="140">
        <v>7.7319000000000004</v>
      </c>
      <c r="AV15" s="140">
        <v>7.9309000000000003</v>
      </c>
      <c r="AW15" s="151">
        <v>8.0595999999999997</v>
      </c>
      <c r="AX15" s="146">
        <v>8.2965</v>
      </c>
      <c r="AY15" s="111">
        <v>8.4365000000000006</v>
      </c>
      <c r="AZ15" s="150">
        <v>8.4373000000000005</v>
      </c>
      <c r="BA15" s="111">
        <v>8.4388000000000005</v>
      </c>
      <c r="BB15" s="150">
        <v>8.4373000000000005</v>
      </c>
      <c r="BC15" s="150">
        <v>8.4391999999999996</v>
      </c>
      <c r="BD15" s="150">
        <v>7.968</v>
      </c>
      <c r="BE15" s="111"/>
    </row>
    <row r="16" spans="3:57" x14ac:dyDescent="0.2">
      <c r="C16" s="157" t="s">
        <v>60</v>
      </c>
      <c r="D16" s="158" t="s">
        <v>58</v>
      </c>
      <c r="E16" s="146">
        <v>1.2683</v>
      </c>
      <c r="F16" s="111">
        <v>1.3033000000000001</v>
      </c>
      <c r="G16" s="111">
        <v>1.3190999999999999</v>
      </c>
      <c r="H16" s="111">
        <v>1.3444</v>
      </c>
      <c r="I16" s="111">
        <v>1.3683000000000001</v>
      </c>
      <c r="J16" s="140">
        <v>1.3996000000000002</v>
      </c>
      <c r="K16" s="140">
        <v>1.4494</v>
      </c>
      <c r="L16" s="146">
        <v>1.5165999999999999</v>
      </c>
      <c r="M16" s="146">
        <v>1.6005</v>
      </c>
      <c r="N16" s="140">
        <v>1.6969000000000001</v>
      </c>
      <c r="O16" s="140">
        <v>1.8249000000000002</v>
      </c>
      <c r="P16" s="140">
        <v>1.8956999999999999</v>
      </c>
      <c r="Q16" s="146">
        <v>1.9602999999999999</v>
      </c>
      <c r="R16" s="146">
        <v>2.0329999999999999</v>
      </c>
      <c r="S16" s="140">
        <v>2.1038999999999999</v>
      </c>
      <c r="T16" s="140">
        <v>2.0952999999999999</v>
      </c>
      <c r="U16" s="150">
        <v>2.1093999999999999</v>
      </c>
      <c r="V16" s="150">
        <v>2.1053000000000002</v>
      </c>
      <c r="W16" s="140">
        <v>2.1071</v>
      </c>
      <c r="X16" s="146">
        <v>2.0968</v>
      </c>
      <c r="Y16" s="146">
        <v>2.1075999999999997</v>
      </c>
      <c r="Z16" s="146">
        <v>2.1082000000000001</v>
      </c>
      <c r="AA16" s="111">
        <v>2.117</v>
      </c>
      <c r="AB16" s="140">
        <v>2.1225999999999998</v>
      </c>
      <c r="AC16" s="140">
        <v>2.1480999999999999</v>
      </c>
      <c r="AD16" s="111">
        <v>2.1574</v>
      </c>
      <c r="AE16" s="140">
        <v>2.1654</v>
      </c>
      <c r="AF16" s="140">
        <v>2.1795</v>
      </c>
      <c r="AG16" s="140">
        <v>2.0537999999999998</v>
      </c>
      <c r="AH16" s="140">
        <v>2.0643000000000002</v>
      </c>
      <c r="AI16" s="140">
        <v>2.0701000000000001</v>
      </c>
      <c r="AJ16" s="140">
        <v>2.0868000000000002</v>
      </c>
      <c r="AK16" s="140">
        <v>2.09</v>
      </c>
      <c r="AL16" s="140">
        <v>2.09</v>
      </c>
      <c r="AM16" s="140">
        <v>2.1111</v>
      </c>
      <c r="AN16" s="140">
        <v>2.1141999999999999</v>
      </c>
      <c r="AO16" s="140">
        <v>2.1166</v>
      </c>
      <c r="AP16" s="140">
        <v>2.1194000000000002</v>
      </c>
      <c r="AQ16" s="193">
        <v>2.1141000000000001</v>
      </c>
      <c r="AR16" s="140">
        <v>2.1042000000000001</v>
      </c>
      <c r="AS16" s="140">
        <v>2.1082000000000001</v>
      </c>
      <c r="AT16" s="140">
        <v>2.0922000000000001</v>
      </c>
      <c r="AU16" s="140">
        <v>2.0821999999999998</v>
      </c>
      <c r="AV16" s="140">
        <v>2.0327999999999999</v>
      </c>
      <c r="AW16" s="151">
        <v>2.0432000000000001</v>
      </c>
      <c r="AX16" s="146">
        <v>2.0191999999999997</v>
      </c>
      <c r="AY16" s="111">
        <v>2.0144000000000002</v>
      </c>
      <c r="AZ16" s="150">
        <v>2.0154000000000001</v>
      </c>
      <c r="BA16" s="111">
        <v>1.9836</v>
      </c>
      <c r="BB16" s="150">
        <v>2.0103999999999997</v>
      </c>
      <c r="BC16" s="150">
        <v>2.0327000000000002</v>
      </c>
      <c r="BD16" s="150">
        <v>2.0055000000000001</v>
      </c>
      <c r="BE16" s="111"/>
    </row>
    <row r="17" spans="3:57" x14ac:dyDescent="0.2">
      <c r="C17" s="157" t="s">
        <v>61</v>
      </c>
      <c r="D17" s="158" t="s">
        <v>58</v>
      </c>
      <c r="E17" s="146">
        <v>1.7162999999999999</v>
      </c>
      <c r="F17" s="111">
        <v>1.7162999999999999</v>
      </c>
      <c r="G17" s="111">
        <v>1.7162999999999999</v>
      </c>
      <c r="H17" s="111">
        <v>1.7219</v>
      </c>
      <c r="I17" s="111">
        <v>1.7219</v>
      </c>
      <c r="J17" s="140">
        <v>1.7219</v>
      </c>
      <c r="K17" s="140">
        <v>1.7219</v>
      </c>
      <c r="L17" s="146">
        <v>1.7827000000000002</v>
      </c>
      <c r="M17" s="146">
        <v>1.8329</v>
      </c>
      <c r="N17" s="140">
        <v>1.8835</v>
      </c>
      <c r="O17" s="140">
        <v>1.9806999999999999</v>
      </c>
      <c r="P17" s="140">
        <v>2.0733000000000001</v>
      </c>
      <c r="Q17" s="146">
        <v>2.0733000000000001</v>
      </c>
      <c r="R17" s="146">
        <v>2.1715999999999998</v>
      </c>
      <c r="S17" s="140">
        <v>2.1518000000000002</v>
      </c>
      <c r="T17" s="140">
        <v>2.1785000000000001</v>
      </c>
      <c r="U17" s="150">
        <v>2.1566999999999998</v>
      </c>
      <c r="V17" s="150">
        <v>2.2557</v>
      </c>
      <c r="W17" s="140">
        <v>2.2557</v>
      </c>
      <c r="X17" s="146">
        <v>2.2784999999999997</v>
      </c>
      <c r="Y17" s="146">
        <v>2.2784999999999997</v>
      </c>
      <c r="Z17" s="146">
        <v>2.1805000000000003</v>
      </c>
      <c r="AA17" s="111">
        <v>2.0806</v>
      </c>
      <c r="AB17" s="140">
        <v>2.0806</v>
      </c>
      <c r="AC17" s="140">
        <v>2.0596999999999999</v>
      </c>
      <c r="AD17" s="111">
        <v>2.1790000000000003</v>
      </c>
      <c r="AE17" s="140">
        <v>2.1790000000000003</v>
      </c>
      <c r="AF17" s="140">
        <v>2.3194999999999997</v>
      </c>
      <c r="AG17" s="140">
        <v>2.4131999999999998</v>
      </c>
      <c r="AH17" s="140">
        <v>2.4131999999999998</v>
      </c>
      <c r="AI17" s="140">
        <v>2.4131999999999998</v>
      </c>
      <c r="AJ17" s="140">
        <v>2.4131999999999998</v>
      </c>
      <c r="AK17" s="140">
        <v>2.4722</v>
      </c>
      <c r="AL17" s="140">
        <v>2.4722</v>
      </c>
      <c r="AM17" s="140">
        <v>2.4788999999999999</v>
      </c>
      <c r="AN17" s="140">
        <v>2.3681000000000001</v>
      </c>
      <c r="AO17" s="140">
        <v>2.3681000000000001</v>
      </c>
      <c r="AP17" s="140">
        <v>2.3681000000000001</v>
      </c>
      <c r="AQ17" s="193">
        <v>2.3456000000000001</v>
      </c>
      <c r="AR17" s="140">
        <v>2.3456000000000001</v>
      </c>
      <c r="AS17" s="140">
        <v>2.3092999999999999</v>
      </c>
      <c r="AT17" s="140">
        <v>2.3092999999999999</v>
      </c>
      <c r="AU17" s="140">
        <v>2.2593000000000001</v>
      </c>
      <c r="AV17" s="140">
        <v>2.2093000000000003</v>
      </c>
      <c r="AW17" s="151">
        <v>2.2471999999999999</v>
      </c>
      <c r="AX17" s="146">
        <v>2.2505999999999999</v>
      </c>
      <c r="AY17" s="111">
        <v>2.1964999999999999</v>
      </c>
      <c r="AZ17" s="150">
        <v>2.1966000000000001</v>
      </c>
      <c r="BA17" s="111">
        <v>2.1966000000000001</v>
      </c>
      <c r="BB17" s="111">
        <v>2.1966000000000001</v>
      </c>
      <c r="BC17" s="150">
        <v>2.1966000000000001</v>
      </c>
      <c r="BD17" s="150">
        <v>2.1465999999999998</v>
      </c>
      <c r="BE17" s="111"/>
    </row>
    <row r="18" spans="3:57" x14ac:dyDescent="0.2">
      <c r="C18" s="157" t="s">
        <v>62</v>
      </c>
      <c r="D18" s="158" t="s">
        <v>58</v>
      </c>
      <c r="E18" s="146">
        <v>3.57</v>
      </c>
      <c r="F18" s="111">
        <v>3.56</v>
      </c>
      <c r="G18" s="111">
        <v>3.56</v>
      </c>
      <c r="H18" s="111">
        <v>3.58</v>
      </c>
      <c r="I18" s="111">
        <v>3.62</v>
      </c>
      <c r="J18" s="140">
        <v>3.65</v>
      </c>
      <c r="K18" s="140">
        <v>3.65</v>
      </c>
      <c r="L18" s="146">
        <v>3.78</v>
      </c>
      <c r="M18" s="146">
        <v>3.83</v>
      </c>
      <c r="N18" s="140">
        <v>3.84</v>
      </c>
      <c r="O18" s="140">
        <v>3.86</v>
      </c>
      <c r="P18" s="140">
        <v>3.97</v>
      </c>
      <c r="Q18" s="146">
        <v>4.08</v>
      </c>
      <c r="R18" s="146">
        <v>4.1900000000000004</v>
      </c>
      <c r="S18" s="140">
        <v>4.21</v>
      </c>
      <c r="T18" s="140">
        <v>4.22</v>
      </c>
      <c r="U18" s="150">
        <v>4.2300000000000004</v>
      </c>
      <c r="V18" s="150">
        <v>4.1399999999999997</v>
      </c>
      <c r="W18" s="140">
        <v>4.1100000000000003</v>
      </c>
      <c r="X18" s="146">
        <v>4.0599999999999996</v>
      </c>
      <c r="Y18" s="146">
        <v>4.0599999999999996</v>
      </c>
      <c r="Z18" s="146">
        <v>4.0599999999999996</v>
      </c>
      <c r="AA18" s="111">
        <v>4.08</v>
      </c>
      <c r="AB18" s="140">
        <v>4.08</v>
      </c>
      <c r="AC18" s="140">
        <v>4.08</v>
      </c>
      <c r="AD18" s="111">
        <v>4.08</v>
      </c>
      <c r="AE18" s="140">
        <v>4.08</v>
      </c>
      <c r="AF18" s="140">
        <v>4.1500000000000004</v>
      </c>
      <c r="AG18" s="140">
        <v>4.17</v>
      </c>
      <c r="AH18" s="140">
        <v>4.2</v>
      </c>
      <c r="AI18" s="140">
        <v>4.26</v>
      </c>
      <c r="AJ18" s="140">
        <v>4.29</v>
      </c>
      <c r="AK18" s="140">
        <v>4.32</v>
      </c>
      <c r="AL18" s="140">
        <v>4.32</v>
      </c>
      <c r="AM18" s="140">
        <v>4.3499999999999996</v>
      </c>
      <c r="AN18" s="140">
        <v>4.5</v>
      </c>
      <c r="AO18" s="140">
        <v>4.55</v>
      </c>
      <c r="AP18" s="140">
        <v>4.74</v>
      </c>
      <c r="AQ18" s="193">
        <v>4.7699999999999996</v>
      </c>
      <c r="AR18" s="140">
        <v>4.92</v>
      </c>
      <c r="AS18" s="140">
        <v>4.92</v>
      </c>
      <c r="AT18" s="140">
        <v>5.01</v>
      </c>
      <c r="AU18" s="140">
        <v>5.03</v>
      </c>
      <c r="AV18" s="140">
        <v>5.0599999999999996</v>
      </c>
      <c r="AW18" s="152">
        <v>5.0599999999999996</v>
      </c>
      <c r="AX18" s="146">
        <v>5.07</v>
      </c>
      <c r="AY18" s="144">
        <v>5.1100000000000003</v>
      </c>
      <c r="AZ18" s="150">
        <v>5.12</v>
      </c>
      <c r="BA18" s="144">
        <v>5.13</v>
      </c>
      <c r="BB18" s="111">
        <v>5.17</v>
      </c>
      <c r="BC18" s="150">
        <v>5.21</v>
      </c>
      <c r="BD18" s="150">
        <v>5.15</v>
      </c>
      <c r="BE18" s="111"/>
    </row>
    <row r="19" spans="3:57" x14ac:dyDescent="0.2">
      <c r="C19" s="157" t="s">
        <v>75</v>
      </c>
      <c r="D19" s="158" t="s">
        <v>76</v>
      </c>
      <c r="E19" s="146">
        <v>0.8</v>
      </c>
      <c r="F19" s="111">
        <v>0.79</v>
      </c>
      <c r="G19" s="111">
        <v>0.78</v>
      </c>
      <c r="H19" s="111">
        <v>0.78</v>
      </c>
      <c r="I19" s="111">
        <v>0.79</v>
      </c>
      <c r="J19" s="140">
        <v>0.8</v>
      </c>
      <c r="K19" s="140">
        <v>0.85</v>
      </c>
      <c r="L19" s="146">
        <v>0.91</v>
      </c>
      <c r="M19" s="146">
        <v>0.97</v>
      </c>
      <c r="N19" s="140">
        <v>1.02</v>
      </c>
      <c r="O19" s="140">
        <v>1.1200000000000001</v>
      </c>
      <c r="P19" s="140">
        <v>1.1299999999999999</v>
      </c>
      <c r="Q19" s="146">
        <v>1.1399999999999999</v>
      </c>
      <c r="R19" s="146">
        <v>1.18</v>
      </c>
      <c r="S19" s="140">
        <v>1.17</v>
      </c>
      <c r="T19" s="140">
        <v>1.17</v>
      </c>
      <c r="U19" s="150">
        <v>1.1100000000000001</v>
      </c>
      <c r="V19" s="150">
        <v>1.07</v>
      </c>
      <c r="W19" s="140">
        <v>1.06</v>
      </c>
      <c r="X19" s="146">
        <v>1.05</v>
      </c>
      <c r="Y19" s="146">
        <v>1.02</v>
      </c>
      <c r="Z19" s="146">
        <v>0.99</v>
      </c>
      <c r="AA19" s="111">
        <v>0.99</v>
      </c>
      <c r="AB19" s="140">
        <v>0.99</v>
      </c>
      <c r="AC19" s="140">
        <v>0.99</v>
      </c>
      <c r="AD19" s="111">
        <v>0.99</v>
      </c>
      <c r="AE19" s="140">
        <v>1.01</v>
      </c>
      <c r="AF19" s="140">
        <v>1.02</v>
      </c>
      <c r="AG19" s="140">
        <v>1.03</v>
      </c>
      <c r="AH19" s="140">
        <v>1.03</v>
      </c>
      <c r="AI19" s="140">
        <v>1.22</v>
      </c>
      <c r="AJ19" s="140">
        <v>1.22</v>
      </c>
      <c r="AK19" s="140">
        <v>1.19</v>
      </c>
      <c r="AL19" s="140">
        <v>1.19</v>
      </c>
      <c r="AM19" s="140">
        <v>1.2</v>
      </c>
      <c r="AN19" s="140">
        <v>1.08</v>
      </c>
      <c r="AO19" s="140">
        <v>1.1100000000000001</v>
      </c>
      <c r="AP19" s="140">
        <v>1.1299999999999999</v>
      </c>
      <c r="AQ19" s="193">
        <v>1.18</v>
      </c>
      <c r="AR19" s="140">
        <v>1.18</v>
      </c>
      <c r="AS19" s="140">
        <v>1.23</v>
      </c>
      <c r="AT19" s="140">
        <v>1.24</v>
      </c>
      <c r="AU19" s="140">
        <v>1.26</v>
      </c>
      <c r="AV19" s="140">
        <v>1.26</v>
      </c>
      <c r="AW19" s="152">
        <v>1.28</v>
      </c>
      <c r="AX19" s="146">
        <v>1.44</v>
      </c>
      <c r="AY19" s="144">
        <v>1.47</v>
      </c>
      <c r="AZ19" s="150">
        <v>1.47</v>
      </c>
      <c r="BA19" s="144">
        <v>1.47</v>
      </c>
      <c r="BB19" s="111">
        <v>1.48</v>
      </c>
      <c r="BC19" s="150">
        <v>1.48</v>
      </c>
      <c r="BD19" s="150">
        <v>1.48</v>
      </c>
      <c r="BE19" s="111"/>
    </row>
    <row r="20" spans="3:57" x14ac:dyDescent="0.2">
      <c r="C20" s="157" t="s">
        <v>63</v>
      </c>
      <c r="D20" s="158" t="s">
        <v>58</v>
      </c>
      <c r="E20" s="146">
        <v>8.06</v>
      </c>
      <c r="F20" s="111">
        <v>6.63</v>
      </c>
      <c r="G20" s="111">
        <v>4.68</v>
      </c>
      <c r="H20" s="111">
        <v>4.13</v>
      </c>
      <c r="I20" s="111">
        <v>4.82</v>
      </c>
      <c r="J20" s="140">
        <v>4.5599999999999996</v>
      </c>
      <c r="K20" s="140">
        <v>3.57</v>
      </c>
      <c r="L20" s="146">
        <v>4.34</v>
      </c>
      <c r="M20" s="146">
        <v>4.1500000000000004</v>
      </c>
      <c r="N20" s="140">
        <v>4.74</v>
      </c>
      <c r="O20" s="140">
        <v>2.65</v>
      </c>
      <c r="P20" s="140">
        <v>4.5</v>
      </c>
      <c r="Q20" s="146">
        <v>4.0199999999999996</v>
      </c>
      <c r="R20" s="146">
        <v>5.61</v>
      </c>
      <c r="S20" s="140">
        <v>6.66</v>
      </c>
      <c r="T20" s="140">
        <v>6.32</v>
      </c>
      <c r="U20" s="111">
        <v>5.82</v>
      </c>
      <c r="V20" s="111">
        <v>6.29</v>
      </c>
      <c r="W20" s="140">
        <v>5.75</v>
      </c>
      <c r="X20" s="146">
        <v>4.96</v>
      </c>
      <c r="Y20" s="146">
        <v>5.75</v>
      </c>
      <c r="Z20" s="111">
        <v>6.22</v>
      </c>
      <c r="AA20" s="111">
        <v>5.57</v>
      </c>
      <c r="AB20" s="140">
        <v>6.22</v>
      </c>
      <c r="AC20" s="140">
        <v>4.5999999999999996</v>
      </c>
      <c r="AD20" s="111">
        <v>4.87</v>
      </c>
      <c r="AE20" s="140">
        <v>5.26</v>
      </c>
      <c r="AF20" s="140">
        <v>4.99</v>
      </c>
      <c r="AG20" s="140">
        <v>4.53</v>
      </c>
      <c r="AH20" s="140">
        <v>4.96</v>
      </c>
      <c r="AI20" s="140">
        <v>4.96</v>
      </c>
      <c r="AJ20" s="140">
        <v>4.42</v>
      </c>
      <c r="AK20" s="140">
        <v>5.22</v>
      </c>
      <c r="AL20" s="140">
        <v>5.22</v>
      </c>
      <c r="AM20" s="140">
        <v>5.35</v>
      </c>
      <c r="AN20" s="140">
        <v>5.94</v>
      </c>
      <c r="AO20" s="140">
        <v>5.98</v>
      </c>
      <c r="AP20" s="140">
        <v>6.94</v>
      </c>
      <c r="AQ20" s="73">
        <v>6.21</v>
      </c>
      <c r="AR20" s="140">
        <v>6.46</v>
      </c>
      <c r="AS20" s="140">
        <v>6.35</v>
      </c>
      <c r="AT20" s="140">
        <v>5.89</v>
      </c>
      <c r="AU20" s="140">
        <v>6.1</v>
      </c>
      <c r="AV20" s="140">
        <v>5.45</v>
      </c>
      <c r="AW20" s="151">
        <v>6.19</v>
      </c>
      <c r="AX20" s="146">
        <v>6.33</v>
      </c>
      <c r="AY20" s="111">
        <v>6.47</v>
      </c>
      <c r="AZ20" s="111">
        <v>7.23</v>
      </c>
      <c r="BA20" s="111">
        <v>4.9400000000000004</v>
      </c>
      <c r="BB20" s="111">
        <v>6.09</v>
      </c>
      <c r="BC20" s="111">
        <v>6.7</v>
      </c>
      <c r="BD20" s="111">
        <v>8.5399999999999991</v>
      </c>
      <c r="BE20" s="111"/>
    </row>
    <row r="21" spans="3:57" x14ac:dyDescent="0.2">
      <c r="C21" s="157" t="s">
        <v>64</v>
      </c>
      <c r="D21" s="158" t="s">
        <v>58</v>
      </c>
      <c r="E21" s="146">
        <v>8.35</v>
      </c>
      <c r="F21" s="111">
        <v>6.72</v>
      </c>
      <c r="G21" s="111">
        <v>4.5199999999999996</v>
      </c>
      <c r="H21" s="111">
        <v>3.85</v>
      </c>
      <c r="I21" s="111">
        <v>3.98</v>
      </c>
      <c r="J21" s="140">
        <v>3.88</v>
      </c>
      <c r="K21" s="140">
        <v>3.53</v>
      </c>
      <c r="L21" s="146">
        <v>4.78</v>
      </c>
      <c r="M21" s="146">
        <v>3.96</v>
      </c>
      <c r="N21" s="140">
        <v>3.84</v>
      </c>
      <c r="O21" s="140">
        <v>3.63</v>
      </c>
      <c r="P21" s="140">
        <v>5.03</v>
      </c>
      <c r="Q21" s="146">
        <v>3.52</v>
      </c>
      <c r="R21" s="146">
        <v>4.8099999999999996</v>
      </c>
      <c r="S21" s="140">
        <v>5.72</v>
      </c>
      <c r="T21" s="140">
        <v>4.8899999999999997</v>
      </c>
      <c r="U21" s="111">
        <v>5.13</v>
      </c>
      <c r="V21" s="111">
        <v>4.62</v>
      </c>
      <c r="W21" s="140">
        <v>3.82</v>
      </c>
      <c r="X21" s="146">
        <v>3.97</v>
      </c>
      <c r="Y21" s="111">
        <v>4.41</v>
      </c>
      <c r="Z21" s="111">
        <v>5.29</v>
      </c>
      <c r="AA21" s="111">
        <v>4.5599999999999996</v>
      </c>
      <c r="AB21" s="140">
        <v>5.29</v>
      </c>
      <c r="AC21" s="140">
        <v>3.63</v>
      </c>
      <c r="AD21" s="111">
        <v>4.42</v>
      </c>
      <c r="AE21" s="140">
        <v>5.15</v>
      </c>
      <c r="AF21" s="140">
        <v>4.63</v>
      </c>
      <c r="AG21" s="140">
        <v>3.83</v>
      </c>
      <c r="AH21" s="140">
        <v>4.29</v>
      </c>
      <c r="AI21" s="140">
        <v>4.3499999999999996</v>
      </c>
      <c r="AJ21" s="140">
        <v>4.16</v>
      </c>
      <c r="AK21" s="140">
        <v>5.1100000000000003</v>
      </c>
      <c r="AL21" s="140">
        <v>5.1100000000000003</v>
      </c>
      <c r="AM21" s="140">
        <v>4.76</v>
      </c>
      <c r="AN21" s="140">
        <v>5.01</v>
      </c>
      <c r="AO21" s="140">
        <v>5.14</v>
      </c>
      <c r="AP21" s="140">
        <v>5.49</v>
      </c>
      <c r="AQ21" s="73">
        <v>4.95</v>
      </c>
      <c r="AR21" s="140">
        <v>4.79</v>
      </c>
      <c r="AS21" s="140">
        <v>4.22</v>
      </c>
      <c r="AT21" s="140">
        <v>4.43</v>
      </c>
      <c r="AU21" s="140">
        <v>4.8899999999999997</v>
      </c>
      <c r="AV21" s="140">
        <v>4.6399999999999997</v>
      </c>
      <c r="AW21" s="151">
        <v>4.97</v>
      </c>
      <c r="AX21" s="146">
        <v>5.57</v>
      </c>
      <c r="AY21" s="111">
        <v>5.51</v>
      </c>
      <c r="AZ21" s="111">
        <v>5.63</v>
      </c>
      <c r="BA21" s="111">
        <v>4.96</v>
      </c>
      <c r="BB21" s="111">
        <v>4.71</v>
      </c>
      <c r="BC21" s="111">
        <v>5.29</v>
      </c>
      <c r="BD21" s="111">
        <v>6.08</v>
      </c>
      <c r="BE21" s="111"/>
    </row>
    <row r="22" spans="3:57" x14ac:dyDescent="0.2">
      <c r="C22" s="157" t="s">
        <v>65</v>
      </c>
      <c r="D22" s="158" t="s">
        <v>58</v>
      </c>
      <c r="E22" s="146">
        <v>1.24</v>
      </c>
      <c r="F22" s="111">
        <v>2.52</v>
      </c>
      <c r="G22" s="111">
        <v>0.79</v>
      </c>
      <c r="H22" s="111">
        <v>0.97</v>
      </c>
      <c r="I22" s="111">
        <v>1.41</v>
      </c>
      <c r="J22" s="140">
        <v>1.03</v>
      </c>
      <c r="K22" s="140">
        <v>1.88</v>
      </c>
      <c r="L22" s="146">
        <v>1.66</v>
      </c>
      <c r="M22" s="146">
        <v>1.76</v>
      </c>
      <c r="N22" s="140">
        <v>1.96</v>
      </c>
      <c r="O22" s="140">
        <v>3.73</v>
      </c>
      <c r="P22" s="140">
        <v>1.69</v>
      </c>
      <c r="Q22" s="146">
        <v>1.51</v>
      </c>
      <c r="R22" s="146">
        <v>1.44</v>
      </c>
      <c r="S22" s="140">
        <v>1.74</v>
      </c>
      <c r="T22" s="140">
        <v>2.06</v>
      </c>
      <c r="U22" s="111">
        <v>1.66</v>
      </c>
      <c r="V22" s="111">
        <v>1.35</v>
      </c>
      <c r="W22" s="140">
        <v>1.35</v>
      </c>
      <c r="X22" s="146">
        <v>1.33</v>
      </c>
      <c r="Y22" s="111">
        <v>1.61</v>
      </c>
      <c r="Z22" s="111">
        <v>1.34</v>
      </c>
      <c r="AA22" s="111">
        <v>1.98</v>
      </c>
      <c r="AB22" s="140">
        <v>1.34</v>
      </c>
      <c r="AC22" s="140">
        <v>2.48</v>
      </c>
      <c r="AD22" s="111">
        <v>1.75</v>
      </c>
      <c r="AE22" s="140">
        <v>1.65</v>
      </c>
      <c r="AF22" s="140">
        <v>2.0299999999999998</v>
      </c>
      <c r="AG22" s="140">
        <v>1.55</v>
      </c>
      <c r="AH22" s="140">
        <v>1.52</v>
      </c>
      <c r="AI22" s="140">
        <v>1.97</v>
      </c>
      <c r="AJ22" s="140">
        <v>1.47</v>
      </c>
      <c r="AK22" s="140">
        <v>1.95</v>
      </c>
      <c r="AL22" s="140">
        <v>1.95</v>
      </c>
      <c r="AM22" s="140">
        <v>1.33</v>
      </c>
      <c r="AN22" s="140">
        <v>1.17</v>
      </c>
      <c r="AO22" s="140">
        <v>1.27</v>
      </c>
      <c r="AP22" s="140">
        <v>1.0900000000000001</v>
      </c>
      <c r="AQ22" s="73">
        <v>1</v>
      </c>
      <c r="AR22" s="140">
        <v>1.08</v>
      </c>
      <c r="AS22" s="140">
        <v>0.75</v>
      </c>
      <c r="AT22" s="140">
        <v>1.1399999999999999</v>
      </c>
      <c r="AU22" s="140">
        <v>0.76</v>
      </c>
      <c r="AV22" s="140">
        <v>0.96</v>
      </c>
      <c r="AW22" s="151">
        <v>1.28</v>
      </c>
      <c r="AX22" s="146">
        <v>1.36</v>
      </c>
      <c r="AY22" s="111">
        <v>2.25</v>
      </c>
      <c r="AZ22" s="111">
        <v>0.97</v>
      </c>
      <c r="BA22" s="111">
        <v>0.8</v>
      </c>
      <c r="BB22" s="111">
        <v>2.65</v>
      </c>
      <c r="BC22" s="111">
        <v>1.32</v>
      </c>
      <c r="BD22" s="111">
        <v>2.09</v>
      </c>
      <c r="BE22" s="111"/>
    </row>
    <row r="23" spans="3:57" x14ac:dyDescent="0.2">
      <c r="C23" s="157" t="s">
        <v>66</v>
      </c>
      <c r="D23" s="158" t="s">
        <v>58</v>
      </c>
      <c r="E23" s="146">
        <v>5.49</v>
      </c>
      <c r="F23" s="111">
        <v>1.99</v>
      </c>
      <c r="G23" s="111">
        <v>1.44</v>
      </c>
      <c r="H23" s="144">
        <v>2.08</v>
      </c>
      <c r="I23" s="144">
        <v>1.71</v>
      </c>
      <c r="J23" s="140">
        <v>2.75</v>
      </c>
      <c r="K23" s="140">
        <v>2.66</v>
      </c>
      <c r="L23" s="146">
        <v>2.08</v>
      </c>
      <c r="M23" s="146">
        <v>1.19</v>
      </c>
      <c r="N23" s="140">
        <v>1.28</v>
      </c>
      <c r="O23" s="140">
        <v>5.48</v>
      </c>
      <c r="P23" s="140" t="s">
        <v>90</v>
      </c>
      <c r="Q23" s="146">
        <v>1.79</v>
      </c>
      <c r="R23" s="146">
        <v>1.3</v>
      </c>
      <c r="S23" s="140">
        <v>1.42</v>
      </c>
      <c r="T23" s="140">
        <v>2.71</v>
      </c>
      <c r="U23" s="111">
        <v>1.41</v>
      </c>
      <c r="V23" s="111">
        <v>1.97</v>
      </c>
      <c r="W23" s="140">
        <v>1.87</v>
      </c>
      <c r="X23" s="146">
        <v>1.92</v>
      </c>
      <c r="Y23" s="144">
        <v>2.33</v>
      </c>
      <c r="Z23" s="144">
        <v>2</v>
      </c>
      <c r="AA23" s="111">
        <v>1.89</v>
      </c>
      <c r="AB23" s="140">
        <v>2</v>
      </c>
      <c r="AC23" s="140">
        <v>2.16</v>
      </c>
      <c r="AD23" s="111">
        <v>2.1</v>
      </c>
      <c r="AE23" s="140">
        <v>1.43</v>
      </c>
      <c r="AF23" s="140">
        <v>2.5299999999999998</v>
      </c>
      <c r="AG23" s="140">
        <v>1.61</v>
      </c>
      <c r="AH23" s="140">
        <v>1.54</v>
      </c>
      <c r="AI23" s="140">
        <v>1.37</v>
      </c>
      <c r="AJ23" s="140">
        <v>2.0299999999999998</v>
      </c>
      <c r="AK23" s="140">
        <v>3.39</v>
      </c>
      <c r="AL23" s="140">
        <v>3.39</v>
      </c>
      <c r="AM23" s="140">
        <v>1.67</v>
      </c>
      <c r="AN23" s="140">
        <v>1.72</v>
      </c>
      <c r="AO23" s="140">
        <v>2.08</v>
      </c>
      <c r="AP23" s="140">
        <v>1.82</v>
      </c>
      <c r="AQ23" s="93">
        <v>2.98</v>
      </c>
      <c r="AR23" s="140">
        <v>2.37</v>
      </c>
      <c r="AS23" s="140">
        <v>2.39</v>
      </c>
      <c r="AT23" s="140">
        <v>2.0499999999999998</v>
      </c>
      <c r="AU23" s="140">
        <v>2.13</v>
      </c>
      <c r="AV23" s="140">
        <v>1.68</v>
      </c>
      <c r="AW23" s="152">
        <v>1.19</v>
      </c>
      <c r="AX23" s="146">
        <v>3.78</v>
      </c>
      <c r="AY23" s="144">
        <v>2.72</v>
      </c>
      <c r="AZ23" s="111">
        <v>3.83</v>
      </c>
      <c r="BA23" s="144">
        <v>1.35</v>
      </c>
      <c r="BB23" s="150">
        <v>2.23</v>
      </c>
      <c r="BC23" s="144">
        <v>3.48</v>
      </c>
      <c r="BD23" s="111">
        <v>4.04</v>
      </c>
      <c r="BE23" s="111"/>
    </row>
    <row r="24" spans="3:57" x14ac:dyDescent="0.2">
      <c r="C24" s="157" t="s">
        <v>116</v>
      </c>
      <c r="D24" s="158" t="s">
        <v>58</v>
      </c>
      <c r="E24" s="146">
        <v>5.0199999999999996</v>
      </c>
      <c r="F24" s="111">
        <v>6.41</v>
      </c>
      <c r="G24" s="111">
        <v>4.04</v>
      </c>
      <c r="H24" s="144">
        <v>3.7</v>
      </c>
      <c r="I24" s="144">
        <v>3.69</v>
      </c>
      <c r="J24" s="140">
        <v>3.21</v>
      </c>
      <c r="K24" s="140">
        <v>3.93</v>
      </c>
      <c r="L24" s="146">
        <v>5.74</v>
      </c>
      <c r="M24" s="146">
        <v>5.2</v>
      </c>
      <c r="N24" s="140">
        <v>4.28</v>
      </c>
      <c r="O24" s="140">
        <v>3.78</v>
      </c>
      <c r="P24" s="140">
        <v>4.95</v>
      </c>
      <c r="Q24" s="146">
        <v>4.38</v>
      </c>
      <c r="R24" s="146">
        <v>4.38</v>
      </c>
      <c r="S24" s="140">
        <v>4.2699999999999996</v>
      </c>
      <c r="T24" s="140">
        <v>4.46</v>
      </c>
      <c r="U24" s="111">
        <v>4.57</v>
      </c>
      <c r="V24" s="111">
        <v>3.88</v>
      </c>
      <c r="W24" s="140">
        <v>2.74</v>
      </c>
      <c r="X24" s="146">
        <v>2.6</v>
      </c>
      <c r="Y24" s="144">
        <v>2.8</v>
      </c>
      <c r="Z24" s="144" t="s">
        <v>90</v>
      </c>
      <c r="AA24" s="111">
        <v>3.03</v>
      </c>
      <c r="AB24" s="140" t="s">
        <v>90</v>
      </c>
      <c r="AC24" s="140">
        <v>3.37</v>
      </c>
      <c r="AD24" s="111">
        <v>3.87</v>
      </c>
      <c r="AE24" s="140">
        <v>3.86</v>
      </c>
      <c r="AF24" s="140">
        <v>4.03</v>
      </c>
      <c r="AG24" s="140">
        <v>3.55</v>
      </c>
      <c r="AH24" s="140">
        <v>3.46</v>
      </c>
      <c r="AI24" s="140">
        <v>3.23</v>
      </c>
      <c r="AJ24" s="140">
        <v>3.28</v>
      </c>
      <c r="AK24" s="140">
        <v>3.43</v>
      </c>
      <c r="AL24" s="140">
        <v>3.43</v>
      </c>
      <c r="AM24" s="140">
        <v>3.5</v>
      </c>
      <c r="AN24" s="140">
        <v>3.56</v>
      </c>
      <c r="AO24" s="140">
        <v>4.38</v>
      </c>
      <c r="AP24" s="140">
        <v>4.37</v>
      </c>
      <c r="AQ24" s="93">
        <v>4.1900000000000004</v>
      </c>
      <c r="AR24" s="140">
        <v>4.62</v>
      </c>
      <c r="AS24" s="140">
        <v>5</v>
      </c>
      <c r="AT24" s="140">
        <v>4.54</v>
      </c>
      <c r="AU24" s="140">
        <v>4.4000000000000004</v>
      </c>
      <c r="AV24" s="140">
        <v>4.42</v>
      </c>
      <c r="AW24" s="152">
        <v>5.69</v>
      </c>
      <c r="AX24" s="146">
        <v>5.42</v>
      </c>
      <c r="AY24" s="144">
        <v>5.45</v>
      </c>
      <c r="AZ24" s="111">
        <v>5.24</v>
      </c>
      <c r="BA24" s="144">
        <v>3.66</v>
      </c>
      <c r="BB24" s="150">
        <v>3.84</v>
      </c>
      <c r="BC24" s="144">
        <v>3.54</v>
      </c>
      <c r="BD24" s="111">
        <v>4.96</v>
      </c>
      <c r="BE24" s="111"/>
    </row>
    <row r="25" spans="3:57" x14ac:dyDescent="0.2">
      <c r="C25" s="157" t="s">
        <v>68</v>
      </c>
      <c r="D25" s="158" t="s">
        <v>58</v>
      </c>
      <c r="E25" s="146">
        <v>1.82</v>
      </c>
      <c r="F25" s="111">
        <v>1.74</v>
      </c>
      <c r="G25" s="111">
        <v>1.44</v>
      </c>
      <c r="H25" s="111">
        <v>1.69</v>
      </c>
      <c r="I25" s="111">
        <v>1.54</v>
      </c>
      <c r="J25" s="140">
        <v>1.32</v>
      </c>
      <c r="K25" s="140">
        <v>1.31</v>
      </c>
      <c r="L25" s="146">
        <v>1.22</v>
      </c>
      <c r="M25" s="146">
        <v>1.5</v>
      </c>
      <c r="N25" s="140">
        <v>1.75</v>
      </c>
      <c r="O25" s="140">
        <v>1.6</v>
      </c>
      <c r="P25" s="140">
        <v>1.71</v>
      </c>
      <c r="Q25" s="146">
        <v>1.21</v>
      </c>
      <c r="R25" s="146">
        <v>1.0900000000000001</v>
      </c>
      <c r="S25" s="140">
        <v>1.1299999999999999</v>
      </c>
      <c r="T25" s="140">
        <v>1.33</v>
      </c>
      <c r="U25" s="111">
        <v>1.1499999999999999</v>
      </c>
      <c r="V25" s="111">
        <v>1.0900000000000001</v>
      </c>
      <c r="W25" s="140">
        <v>1.06</v>
      </c>
      <c r="X25" s="146">
        <v>1.03</v>
      </c>
      <c r="Y25" s="111">
        <v>1.2</v>
      </c>
      <c r="Z25" s="111">
        <v>1.06</v>
      </c>
      <c r="AA25" s="111">
        <v>1.18</v>
      </c>
      <c r="AB25" s="140">
        <v>1.06</v>
      </c>
      <c r="AC25" s="140">
        <v>1.24</v>
      </c>
      <c r="AD25" s="111">
        <v>1.32</v>
      </c>
      <c r="AE25" s="140">
        <v>1.27</v>
      </c>
      <c r="AF25" s="140">
        <v>1.31</v>
      </c>
      <c r="AG25" s="140">
        <v>1.27</v>
      </c>
      <c r="AH25" s="140">
        <v>1.0900000000000001</v>
      </c>
      <c r="AI25" s="140">
        <v>0.94</v>
      </c>
      <c r="AJ25" s="140">
        <v>1.1000000000000001</v>
      </c>
      <c r="AK25" s="140">
        <v>1.22</v>
      </c>
      <c r="AL25" s="140">
        <v>1.22</v>
      </c>
      <c r="AM25" s="140">
        <v>1.06</v>
      </c>
      <c r="AN25" s="140">
        <v>0.95</v>
      </c>
      <c r="AO25" s="140">
        <v>1.06</v>
      </c>
      <c r="AP25" s="140">
        <v>1.01</v>
      </c>
      <c r="AQ25" s="73">
        <v>0.95</v>
      </c>
      <c r="AR25" s="140">
        <v>1.1499999999999999</v>
      </c>
      <c r="AS25" s="140">
        <v>0.85</v>
      </c>
      <c r="AT25" s="140">
        <v>1.08</v>
      </c>
      <c r="AU25" s="140">
        <v>1.1499999999999999</v>
      </c>
      <c r="AV25" s="140">
        <v>1.08</v>
      </c>
      <c r="AW25" s="151">
        <v>1.19</v>
      </c>
      <c r="AX25" s="146">
        <v>1.08</v>
      </c>
      <c r="AY25" s="111">
        <v>0.96</v>
      </c>
      <c r="AZ25" s="111">
        <v>0.94</v>
      </c>
      <c r="BA25" s="111">
        <v>1.1200000000000001</v>
      </c>
      <c r="BB25" s="150">
        <v>1.84</v>
      </c>
      <c r="BC25" s="111">
        <v>1.37</v>
      </c>
      <c r="BD25" s="111">
        <v>1.1599999999999999</v>
      </c>
      <c r="BE25" s="111"/>
    </row>
    <row r="26" spans="3:57" x14ac:dyDescent="0.2">
      <c r="C26" s="157" t="s">
        <v>69</v>
      </c>
      <c r="D26" s="158" t="s">
        <v>58</v>
      </c>
      <c r="E26" s="146">
        <v>2.25</v>
      </c>
      <c r="F26" s="111">
        <v>2.2599999999999998</v>
      </c>
      <c r="G26" s="111">
        <v>2.19</v>
      </c>
      <c r="H26" s="111">
        <v>2.0699999999999998</v>
      </c>
      <c r="I26" s="111">
        <v>1.76</v>
      </c>
      <c r="J26" s="140">
        <v>1.53</v>
      </c>
      <c r="K26" s="140">
        <v>1.67</v>
      </c>
      <c r="L26" s="146">
        <v>1.5</v>
      </c>
      <c r="M26" s="146">
        <v>1.25</v>
      </c>
      <c r="N26" s="140">
        <v>1.04</v>
      </c>
      <c r="O26" s="140">
        <v>1.17</v>
      </c>
      <c r="P26" s="140">
        <v>2.19</v>
      </c>
      <c r="Q26" s="146">
        <v>1.79</v>
      </c>
      <c r="R26" s="146">
        <v>1.5</v>
      </c>
      <c r="S26" s="140">
        <v>1.59</v>
      </c>
      <c r="T26" s="140">
        <v>1.36</v>
      </c>
      <c r="U26" s="111">
        <v>1.1399999999999999</v>
      </c>
      <c r="V26" s="111">
        <v>0.96</v>
      </c>
      <c r="W26" s="140">
        <v>1.1499999999999999</v>
      </c>
      <c r="X26" s="146">
        <v>1.07</v>
      </c>
      <c r="Y26" s="111">
        <v>1.18</v>
      </c>
      <c r="Z26" s="111">
        <v>1.41</v>
      </c>
      <c r="AA26" s="111">
        <v>1.06</v>
      </c>
      <c r="AB26" s="140">
        <v>1.41</v>
      </c>
      <c r="AC26" s="140">
        <v>0.85</v>
      </c>
      <c r="AD26" s="111">
        <v>1.31</v>
      </c>
      <c r="AE26" s="140">
        <v>0.93</v>
      </c>
      <c r="AF26" s="140">
        <v>1.04</v>
      </c>
      <c r="AG26" s="140">
        <v>0.98</v>
      </c>
      <c r="AH26" s="140">
        <v>1.86</v>
      </c>
      <c r="AI26" s="140">
        <v>1.86</v>
      </c>
      <c r="AJ26" s="140">
        <v>1.46</v>
      </c>
      <c r="AK26" s="140">
        <v>1.72</v>
      </c>
      <c r="AL26" s="140">
        <v>1.72</v>
      </c>
      <c r="AM26" s="140">
        <v>0.8</v>
      </c>
      <c r="AN26" s="140">
        <v>0.67</v>
      </c>
      <c r="AO26" s="140">
        <v>0.39</v>
      </c>
      <c r="AP26" s="140">
        <v>0.5</v>
      </c>
      <c r="AQ26" s="73">
        <v>0.95</v>
      </c>
      <c r="AR26" s="140">
        <v>1.18</v>
      </c>
      <c r="AS26" s="140">
        <v>1</v>
      </c>
      <c r="AT26" s="140">
        <v>1.1200000000000001</v>
      </c>
      <c r="AU26" s="140">
        <v>1.21</v>
      </c>
      <c r="AV26" s="140">
        <v>0.82</v>
      </c>
      <c r="AW26" s="151">
        <v>1.5</v>
      </c>
      <c r="AX26" s="146">
        <v>1.61</v>
      </c>
      <c r="AY26" s="111">
        <v>2.2400000000000002</v>
      </c>
      <c r="AZ26" s="111">
        <v>1.69</v>
      </c>
      <c r="BA26" s="111">
        <v>0.57999999999999996</v>
      </c>
      <c r="BB26" s="150">
        <v>1.1499999999999999</v>
      </c>
      <c r="BC26" s="111">
        <v>1.41</v>
      </c>
      <c r="BD26" s="111">
        <v>2.33</v>
      </c>
      <c r="BE26" s="111"/>
    </row>
    <row r="27" spans="3:57" x14ac:dyDescent="0.2">
      <c r="C27" s="157" t="s">
        <v>70</v>
      </c>
      <c r="D27" s="158" t="s">
        <v>58</v>
      </c>
      <c r="E27" s="146">
        <v>2.9</v>
      </c>
      <c r="F27" s="111">
        <v>3.47</v>
      </c>
      <c r="G27" s="111">
        <v>2.97</v>
      </c>
      <c r="H27" s="111">
        <v>2.2000000000000002</v>
      </c>
      <c r="I27" s="111">
        <v>2.58</v>
      </c>
      <c r="J27" s="140">
        <v>2.4900000000000002</v>
      </c>
      <c r="K27" s="140">
        <v>1.92</v>
      </c>
      <c r="L27" s="146">
        <v>2.57</v>
      </c>
      <c r="M27" s="146">
        <v>2.89</v>
      </c>
      <c r="N27" s="140">
        <v>1.48</v>
      </c>
      <c r="O27" s="140">
        <v>1.66</v>
      </c>
      <c r="P27" s="140">
        <v>1.64</v>
      </c>
      <c r="Q27" s="146">
        <v>1.53</v>
      </c>
      <c r="R27" s="146">
        <v>1.58</v>
      </c>
      <c r="S27" s="140">
        <v>1.67</v>
      </c>
      <c r="T27" s="140">
        <v>1.66</v>
      </c>
      <c r="U27" s="111">
        <v>1.63</v>
      </c>
      <c r="V27" s="111">
        <v>1.47</v>
      </c>
      <c r="W27" s="140">
        <v>1.62</v>
      </c>
      <c r="X27" s="146">
        <v>1.63</v>
      </c>
      <c r="Y27" s="111">
        <v>2.04</v>
      </c>
      <c r="Z27" s="111">
        <v>2.35</v>
      </c>
      <c r="AA27" s="111">
        <v>2.4900000000000002</v>
      </c>
      <c r="AB27" s="140">
        <v>2.35</v>
      </c>
      <c r="AC27" s="140">
        <v>3.26</v>
      </c>
      <c r="AD27" s="111">
        <v>2.2200000000000002</v>
      </c>
      <c r="AE27" s="140">
        <v>2.78</v>
      </c>
      <c r="AF27" s="140">
        <v>2.16</v>
      </c>
      <c r="AG27" s="140">
        <v>2.1800000000000002</v>
      </c>
      <c r="AH27" s="140">
        <v>1.43</v>
      </c>
      <c r="AI27" s="140">
        <v>1.53</v>
      </c>
      <c r="AJ27" s="140">
        <v>1.68</v>
      </c>
      <c r="AK27" s="140">
        <v>1.93</v>
      </c>
      <c r="AL27" s="140">
        <v>1.93</v>
      </c>
      <c r="AM27" s="140">
        <v>1.46</v>
      </c>
      <c r="AN27" s="140">
        <v>1.25</v>
      </c>
      <c r="AO27" s="140">
        <v>1.5</v>
      </c>
      <c r="AP27" s="140">
        <v>1.36</v>
      </c>
      <c r="AQ27" s="73">
        <v>1.5</v>
      </c>
      <c r="AR27" s="140">
        <v>2.02</v>
      </c>
      <c r="AS27" s="140">
        <v>1.1599999999999999</v>
      </c>
      <c r="AT27" s="140">
        <v>2.04</v>
      </c>
      <c r="AU27" s="140">
        <v>1.77</v>
      </c>
      <c r="AV27" s="140">
        <v>1.46</v>
      </c>
      <c r="AW27" s="151">
        <v>1.54</v>
      </c>
      <c r="AX27" s="146">
        <v>2.06</v>
      </c>
      <c r="AY27" s="111">
        <v>2.73</v>
      </c>
      <c r="AZ27" s="111">
        <v>2.9</v>
      </c>
      <c r="BA27" s="111">
        <v>1.6</v>
      </c>
      <c r="BB27" s="150">
        <v>2.06</v>
      </c>
      <c r="BC27" s="111">
        <v>2.23</v>
      </c>
      <c r="BD27" s="111">
        <v>1.28</v>
      </c>
      <c r="BE27" s="111"/>
    </row>
    <row r="28" spans="3:57" x14ac:dyDescent="0.2">
      <c r="C28" s="157" t="s">
        <v>173</v>
      </c>
      <c r="D28" s="158" t="s">
        <v>58</v>
      </c>
      <c r="E28" s="146" t="s">
        <v>90</v>
      </c>
      <c r="F28" s="111" t="s">
        <v>90</v>
      </c>
      <c r="G28" s="111" t="s">
        <v>90</v>
      </c>
      <c r="H28" s="197">
        <v>7.56</v>
      </c>
      <c r="I28" s="197">
        <v>5.12</v>
      </c>
      <c r="J28" s="140" t="s">
        <v>90</v>
      </c>
      <c r="K28" s="140">
        <v>9.7899999999999991</v>
      </c>
      <c r="L28" s="146">
        <v>9.6999999999999993</v>
      </c>
      <c r="M28" s="146">
        <v>7.19</v>
      </c>
      <c r="N28" s="140">
        <v>7.5</v>
      </c>
      <c r="O28" s="140">
        <v>3</v>
      </c>
      <c r="P28" s="140" t="s">
        <v>90</v>
      </c>
      <c r="Q28" s="146" t="s">
        <v>90</v>
      </c>
      <c r="R28" s="146" t="s">
        <v>90</v>
      </c>
      <c r="S28" s="140">
        <v>3.79</v>
      </c>
      <c r="T28" s="140" t="s">
        <v>90</v>
      </c>
      <c r="U28" s="111">
        <v>4.9800000000000004</v>
      </c>
      <c r="V28" s="111">
        <v>2.15</v>
      </c>
      <c r="W28" s="140">
        <v>3.85</v>
      </c>
      <c r="X28" s="146">
        <v>6.6</v>
      </c>
      <c r="Y28" s="144">
        <v>7.69</v>
      </c>
      <c r="Z28" s="144">
        <v>10.72</v>
      </c>
      <c r="AA28" s="144">
        <v>9.0399999999999991</v>
      </c>
      <c r="AB28" s="140">
        <v>10.72</v>
      </c>
      <c r="AC28" s="140">
        <v>5.93</v>
      </c>
      <c r="AD28" s="144">
        <v>5.15</v>
      </c>
      <c r="AE28" s="140">
        <v>4.13</v>
      </c>
      <c r="AF28" s="140">
        <v>3.84</v>
      </c>
      <c r="AG28" s="140">
        <v>4.08</v>
      </c>
      <c r="AH28" s="140">
        <v>3.96</v>
      </c>
      <c r="AI28" s="140">
        <v>3.9</v>
      </c>
      <c r="AJ28" s="140">
        <v>4.3499999999999996</v>
      </c>
      <c r="AK28" s="140">
        <v>3.66</v>
      </c>
      <c r="AL28" s="140">
        <v>3.66</v>
      </c>
      <c r="AM28" s="140">
        <v>4.38</v>
      </c>
      <c r="AN28" s="140">
        <v>3.97</v>
      </c>
      <c r="AO28" s="140">
        <v>4.5199999999999996</v>
      </c>
      <c r="AP28" s="140">
        <v>4.37</v>
      </c>
      <c r="AQ28" s="93">
        <v>4.32</v>
      </c>
      <c r="AR28" s="140">
        <v>4.0599999999999996</v>
      </c>
      <c r="AS28" s="140">
        <v>4.0999999999999996</v>
      </c>
      <c r="AT28" s="140">
        <v>4</v>
      </c>
      <c r="AU28" s="140" t="s">
        <v>90</v>
      </c>
      <c r="AV28" s="140">
        <v>5.46</v>
      </c>
      <c r="AW28" s="152">
        <v>5.61</v>
      </c>
      <c r="AX28" s="161">
        <v>6.65</v>
      </c>
      <c r="AY28" s="144">
        <v>6.25</v>
      </c>
      <c r="AZ28" s="73">
        <v>6</v>
      </c>
      <c r="BA28" s="144">
        <v>6.19</v>
      </c>
      <c r="BB28" s="150" t="s">
        <v>90</v>
      </c>
      <c r="BC28" s="144">
        <v>5.99</v>
      </c>
      <c r="BD28" s="111" t="s">
        <v>90</v>
      </c>
      <c r="BE28" s="111"/>
    </row>
    <row r="29" spans="3:57" x14ac:dyDescent="0.2">
      <c r="C29" s="157" t="s">
        <v>71</v>
      </c>
      <c r="D29" s="158" t="s">
        <v>58</v>
      </c>
      <c r="E29" s="146" t="s">
        <v>90</v>
      </c>
      <c r="F29" s="111" t="s">
        <v>90</v>
      </c>
      <c r="G29" s="111" t="s">
        <v>90</v>
      </c>
      <c r="H29" s="144" t="s">
        <v>90</v>
      </c>
      <c r="I29" s="144" t="s">
        <v>90</v>
      </c>
      <c r="J29" s="140" t="s">
        <v>90</v>
      </c>
      <c r="K29" s="140" t="s">
        <v>90</v>
      </c>
      <c r="L29" s="146" t="s">
        <v>90</v>
      </c>
      <c r="M29" s="146" t="s">
        <v>90</v>
      </c>
      <c r="N29" s="140" t="s">
        <v>90</v>
      </c>
      <c r="O29" s="140" t="s">
        <v>90</v>
      </c>
      <c r="P29" s="140" t="s">
        <v>90</v>
      </c>
      <c r="Q29" s="146" t="s">
        <v>90</v>
      </c>
      <c r="R29" s="146" t="s">
        <v>90</v>
      </c>
      <c r="S29" s="140" t="s">
        <v>90</v>
      </c>
      <c r="T29" s="140" t="s">
        <v>90</v>
      </c>
      <c r="U29" s="111" t="s">
        <v>90</v>
      </c>
      <c r="V29" s="111" t="s">
        <v>90</v>
      </c>
      <c r="W29" s="140" t="s">
        <v>90</v>
      </c>
      <c r="X29" s="146" t="s">
        <v>90</v>
      </c>
      <c r="Y29" s="144" t="s">
        <v>90</v>
      </c>
      <c r="Z29" s="144" t="s">
        <v>90</v>
      </c>
      <c r="AA29" s="144" t="s">
        <v>90</v>
      </c>
      <c r="AB29" s="140" t="s">
        <v>90</v>
      </c>
      <c r="AC29" s="140" t="s">
        <v>90</v>
      </c>
      <c r="AD29" s="144" t="s">
        <v>90</v>
      </c>
      <c r="AE29" s="140" t="s">
        <v>90</v>
      </c>
      <c r="AF29" s="140" t="s">
        <v>90</v>
      </c>
      <c r="AG29" s="140" t="s">
        <v>90</v>
      </c>
      <c r="AH29" s="140" t="s">
        <v>90</v>
      </c>
      <c r="AI29" s="140" t="s">
        <v>90</v>
      </c>
      <c r="AJ29" s="140" t="s">
        <v>90</v>
      </c>
      <c r="AK29" s="140" t="s">
        <v>90</v>
      </c>
      <c r="AL29" s="140" t="s">
        <v>90</v>
      </c>
      <c r="AM29" s="140" t="s">
        <v>90</v>
      </c>
      <c r="AN29" s="140" t="s">
        <v>90</v>
      </c>
      <c r="AO29" s="140" t="s">
        <v>90</v>
      </c>
      <c r="AP29" s="140" t="s">
        <v>90</v>
      </c>
      <c r="AQ29" s="93" t="s">
        <v>90</v>
      </c>
      <c r="AR29" s="140" t="s">
        <v>90</v>
      </c>
      <c r="AS29" s="140" t="s">
        <v>90</v>
      </c>
      <c r="AT29" s="140" t="s">
        <v>90</v>
      </c>
      <c r="AU29" s="140" t="s">
        <v>90</v>
      </c>
      <c r="AV29" s="140" t="s">
        <v>90</v>
      </c>
      <c r="AW29" s="152" t="s">
        <v>90</v>
      </c>
      <c r="AX29" s="146" t="s">
        <v>90</v>
      </c>
      <c r="AY29" s="144" t="s">
        <v>90</v>
      </c>
      <c r="AZ29" s="73" t="s">
        <v>90</v>
      </c>
      <c r="BA29" s="144" t="s">
        <v>90</v>
      </c>
      <c r="BB29" s="150" t="s">
        <v>90</v>
      </c>
      <c r="BC29" s="144" t="s">
        <v>90</v>
      </c>
      <c r="BD29" s="111" t="s">
        <v>90</v>
      </c>
      <c r="BE29" s="111"/>
    </row>
    <row r="30" spans="3:57" x14ac:dyDescent="0.2">
      <c r="C30" s="157" t="s">
        <v>102</v>
      </c>
      <c r="D30" s="158" t="s">
        <v>58</v>
      </c>
      <c r="E30" s="146" t="s">
        <v>90</v>
      </c>
      <c r="F30" s="111" t="s">
        <v>90</v>
      </c>
      <c r="G30" s="111" t="s">
        <v>90</v>
      </c>
      <c r="H30" s="111" t="s">
        <v>90</v>
      </c>
      <c r="I30" s="111" t="s">
        <v>90</v>
      </c>
      <c r="J30" s="140" t="s">
        <v>90</v>
      </c>
      <c r="K30" s="140" t="s">
        <v>90</v>
      </c>
      <c r="L30" s="146" t="s">
        <v>90</v>
      </c>
      <c r="M30" s="146" t="s">
        <v>90</v>
      </c>
      <c r="N30" s="140">
        <v>4.87</v>
      </c>
      <c r="O30" s="140">
        <v>4.79</v>
      </c>
      <c r="P30" s="140" t="s">
        <v>90</v>
      </c>
      <c r="Q30" s="146" t="s">
        <v>90</v>
      </c>
      <c r="R30" s="146" t="s">
        <v>90</v>
      </c>
      <c r="S30" s="140" t="s">
        <v>90</v>
      </c>
      <c r="T30" s="140" t="s">
        <v>90</v>
      </c>
      <c r="U30" s="111" t="s">
        <v>90</v>
      </c>
      <c r="V30" s="111" t="s">
        <v>90</v>
      </c>
      <c r="W30" s="140" t="s">
        <v>90</v>
      </c>
      <c r="X30" s="146" t="s">
        <v>90</v>
      </c>
      <c r="Y30" s="111" t="s">
        <v>90</v>
      </c>
      <c r="Z30" s="111" t="s">
        <v>90</v>
      </c>
      <c r="AA30" s="111">
        <v>5.0199999999999996</v>
      </c>
      <c r="AB30" s="140" t="s">
        <v>90</v>
      </c>
      <c r="AC30" s="140">
        <v>5.01</v>
      </c>
      <c r="AD30" s="111" t="s">
        <v>90</v>
      </c>
      <c r="AE30" s="140" t="s">
        <v>90</v>
      </c>
      <c r="AF30" s="140" t="s">
        <v>90</v>
      </c>
      <c r="AG30" s="140" t="s">
        <v>90</v>
      </c>
      <c r="AH30" s="140" t="s">
        <v>90</v>
      </c>
      <c r="AI30" s="140" t="s">
        <v>90</v>
      </c>
      <c r="AJ30" s="140" t="s">
        <v>90</v>
      </c>
      <c r="AK30" s="140" t="s">
        <v>90</v>
      </c>
      <c r="AL30" s="140" t="s">
        <v>90</v>
      </c>
      <c r="AM30" s="140">
        <v>5.0599999999999996</v>
      </c>
      <c r="AN30" s="140">
        <v>4.95</v>
      </c>
      <c r="AO30" s="140">
        <v>4.91</v>
      </c>
      <c r="AP30" s="140" t="s">
        <v>90</v>
      </c>
      <c r="AQ30" s="73" t="s">
        <v>90</v>
      </c>
      <c r="AR30" s="140">
        <v>4.6500000000000004</v>
      </c>
      <c r="AS30" s="140">
        <v>4.82</v>
      </c>
      <c r="AT30" s="140">
        <v>4.7699999999999996</v>
      </c>
      <c r="AU30" s="140" t="s">
        <v>90</v>
      </c>
      <c r="AV30" s="140" t="s">
        <v>90</v>
      </c>
      <c r="AW30" s="152" t="s">
        <v>90</v>
      </c>
      <c r="AX30" s="146">
        <v>4.66</v>
      </c>
      <c r="AY30" s="111">
        <v>4.6399999999999997</v>
      </c>
      <c r="AZ30" s="73">
        <v>4.6100000000000003</v>
      </c>
      <c r="BA30" s="111">
        <v>4.79</v>
      </c>
      <c r="BB30" s="150">
        <v>4.82</v>
      </c>
      <c r="BC30" s="111">
        <v>4.6399999999999997</v>
      </c>
      <c r="BD30" s="111">
        <v>4.6500000000000004</v>
      </c>
      <c r="BE30" s="111"/>
    </row>
    <row r="31" spans="3:57" x14ac:dyDescent="0.2">
      <c r="C31" s="157" t="s">
        <v>72</v>
      </c>
      <c r="D31" s="158" t="s">
        <v>58</v>
      </c>
      <c r="E31" s="146" t="s">
        <v>90</v>
      </c>
      <c r="F31" s="111" t="s">
        <v>90</v>
      </c>
      <c r="G31" s="111" t="s">
        <v>90</v>
      </c>
      <c r="H31" s="111" t="s">
        <v>90</v>
      </c>
      <c r="I31" s="111" t="s">
        <v>90</v>
      </c>
      <c r="J31" s="140" t="s">
        <v>90</v>
      </c>
      <c r="K31" s="140" t="s">
        <v>90</v>
      </c>
      <c r="L31" s="146" t="s">
        <v>90</v>
      </c>
      <c r="M31" s="146" t="s">
        <v>90</v>
      </c>
      <c r="N31" s="140" t="s">
        <v>90</v>
      </c>
      <c r="O31" s="140" t="s">
        <v>90</v>
      </c>
      <c r="P31" s="140" t="s">
        <v>90</v>
      </c>
      <c r="Q31" s="146" t="s">
        <v>90</v>
      </c>
      <c r="R31" s="146" t="s">
        <v>90</v>
      </c>
      <c r="S31" s="140" t="s">
        <v>90</v>
      </c>
      <c r="T31" s="140" t="s">
        <v>90</v>
      </c>
      <c r="U31" s="111" t="s">
        <v>90</v>
      </c>
      <c r="V31" s="111" t="s">
        <v>90</v>
      </c>
      <c r="W31" s="140" t="s">
        <v>90</v>
      </c>
      <c r="X31" s="146" t="s">
        <v>90</v>
      </c>
      <c r="Y31" s="111" t="s">
        <v>90</v>
      </c>
      <c r="Z31" s="111" t="s">
        <v>90</v>
      </c>
      <c r="AA31" s="111" t="s">
        <v>90</v>
      </c>
      <c r="AB31" s="140" t="s">
        <v>90</v>
      </c>
      <c r="AC31" s="140" t="s">
        <v>90</v>
      </c>
      <c r="AD31" s="111" t="s">
        <v>90</v>
      </c>
      <c r="AE31" s="140" t="s">
        <v>90</v>
      </c>
      <c r="AF31" s="140" t="s">
        <v>90</v>
      </c>
      <c r="AG31" s="140" t="s">
        <v>90</v>
      </c>
      <c r="AH31" s="140" t="s">
        <v>90</v>
      </c>
      <c r="AI31" s="140" t="s">
        <v>90</v>
      </c>
      <c r="AJ31" s="140" t="s">
        <v>90</v>
      </c>
      <c r="AK31" s="140" t="s">
        <v>90</v>
      </c>
      <c r="AL31" s="140" t="s">
        <v>90</v>
      </c>
      <c r="AM31" s="140" t="s">
        <v>90</v>
      </c>
      <c r="AN31" s="140" t="s">
        <v>90</v>
      </c>
      <c r="AO31" s="140" t="s">
        <v>90</v>
      </c>
      <c r="AP31" s="140" t="s">
        <v>90</v>
      </c>
      <c r="AQ31" s="73" t="s">
        <v>90</v>
      </c>
      <c r="AR31" s="140" t="s">
        <v>90</v>
      </c>
      <c r="AS31" s="140" t="s">
        <v>90</v>
      </c>
      <c r="AT31" s="140" t="s">
        <v>90</v>
      </c>
      <c r="AU31" s="140" t="s">
        <v>90</v>
      </c>
      <c r="AV31" s="140" t="s">
        <v>90</v>
      </c>
      <c r="AW31" s="151" t="s">
        <v>90</v>
      </c>
      <c r="AX31" s="146" t="s">
        <v>90</v>
      </c>
      <c r="AY31" s="111" t="s">
        <v>90</v>
      </c>
      <c r="AZ31" s="73" t="s">
        <v>90</v>
      </c>
      <c r="BA31" s="111" t="s">
        <v>90</v>
      </c>
      <c r="BB31" s="150" t="s">
        <v>90</v>
      </c>
      <c r="BC31" s="111" t="s">
        <v>90</v>
      </c>
      <c r="BD31" s="111" t="s">
        <v>90</v>
      </c>
      <c r="BE31" s="111"/>
    </row>
    <row r="32" spans="3:57" x14ac:dyDescent="0.2">
      <c r="C32" s="157" t="s">
        <v>136</v>
      </c>
      <c r="D32" s="158" t="s">
        <v>58</v>
      </c>
      <c r="E32" s="146">
        <v>2.5299999999999998</v>
      </c>
      <c r="F32" s="111">
        <v>2.98</v>
      </c>
      <c r="G32" s="111">
        <v>2.39</v>
      </c>
      <c r="H32" s="144">
        <v>2.92</v>
      </c>
      <c r="I32" s="144">
        <v>2.85</v>
      </c>
      <c r="J32" s="140">
        <v>2.69</v>
      </c>
      <c r="K32" s="140">
        <v>2.68</v>
      </c>
      <c r="L32" s="146">
        <v>3.77</v>
      </c>
      <c r="M32" s="146">
        <v>4.6399999999999997</v>
      </c>
      <c r="N32" s="140">
        <v>3.77</v>
      </c>
      <c r="O32" s="140">
        <v>3</v>
      </c>
      <c r="P32" s="140" t="s">
        <v>90</v>
      </c>
      <c r="Q32" s="146">
        <v>4.17</v>
      </c>
      <c r="R32" s="146">
        <v>4.47</v>
      </c>
      <c r="S32" s="140">
        <v>4.74</v>
      </c>
      <c r="T32" s="140">
        <v>3.11</v>
      </c>
      <c r="U32" s="111">
        <v>3.02</v>
      </c>
      <c r="V32" s="111" t="s">
        <v>90</v>
      </c>
      <c r="W32" s="140" t="s">
        <v>90</v>
      </c>
      <c r="X32" s="146" t="s">
        <v>90</v>
      </c>
      <c r="Y32" s="144" t="s">
        <v>90</v>
      </c>
      <c r="Z32" s="111">
        <v>3.41</v>
      </c>
      <c r="AA32" s="144">
        <v>3.51</v>
      </c>
      <c r="AB32" s="140">
        <v>3.41</v>
      </c>
      <c r="AC32" s="140">
        <v>3.8</v>
      </c>
      <c r="AD32" s="144">
        <v>4.33</v>
      </c>
      <c r="AE32" s="140">
        <v>3.32</v>
      </c>
      <c r="AF32" s="140">
        <v>3.11</v>
      </c>
      <c r="AG32" s="140">
        <v>2.8</v>
      </c>
      <c r="AH32" s="140">
        <v>3.22</v>
      </c>
      <c r="AI32" s="140">
        <v>3.28</v>
      </c>
      <c r="AJ32" s="140">
        <v>4.0599999999999996</v>
      </c>
      <c r="AK32" s="140">
        <v>3.12</v>
      </c>
      <c r="AL32" s="140">
        <v>3.12</v>
      </c>
      <c r="AM32" s="140">
        <v>2.84</v>
      </c>
      <c r="AN32" s="140">
        <v>2.92</v>
      </c>
      <c r="AO32" s="140">
        <v>3.02</v>
      </c>
      <c r="AP32" s="140">
        <v>2.75</v>
      </c>
      <c r="AQ32" s="93">
        <v>2.54</v>
      </c>
      <c r="AR32" s="140">
        <v>2.2200000000000002</v>
      </c>
      <c r="AS32" s="140">
        <v>3.97</v>
      </c>
      <c r="AT32" s="140">
        <v>3.37</v>
      </c>
      <c r="AU32" s="140">
        <v>3.31</v>
      </c>
      <c r="AV32" s="140">
        <v>2.87</v>
      </c>
      <c r="AW32" s="152">
        <v>3.32</v>
      </c>
      <c r="AX32" s="146" t="s">
        <v>90</v>
      </c>
      <c r="AY32" s="144">
        <v>3.26</v>
      </c>
      <c r="AZ32" s="111">
        <v>4</v>
      </c>
      <c r="BA32" s="144" t="s">
        <v>90</v>
      </c>
      <c r="BB32" s="150" t="s">
        <v>90</v>
      </c>
      <c r="BC32" s="144">
        <v>7.18</v>
      </c>
      <c r="BD32" s="111">
        <v>3.19</v>
      </c>
      <c r="BE32" s="111"/>
    </row>
    <row r="33" spans="3:57" x14ac:dyDescent="0.2">
      <c r="C33" s="157" t="s">
        <v>74</v>
      </c>
      <c r="D33" s="158" t="s">
        <v>58</v>
      </c>
      <c r="E33" s="146" t="s">
        <v>90</v>
      </c>
      <c r="F33" s="111" t="s">
        <v>90</v>
      </c>
      <c r="G33" s="111" t="s">
        <v>90</v>
      </c>
      <c r="H33" s="144" t="s">
        <v>90</v>
      </c>
      <c r="I33" s="144" t="s">
        <v>90</v>
      </c>
      <c r="J33" s="140" t="s">
        <v>90</v>
      </c>
      <c r="K33" s="140" t="s">
        <v>90</v>
      </c>
      <c r="L33" s="146" t="s">
        <v>90</v>
      </c>
      <c r="M33" s="146" t="s">
        <v>90</v>
      </c>
      <c r="N33" s="140" t="s">
        <v>90</v>
      </c>
      <c r="O33" s="140" t="s">
        <v>90</v>
      </c>
      <c r="P33" s="140" t="s">
        <v>90</v>
      </c>
      <c r="Q33" s="146" t="s">
        <v>90</v>
      </c>
      <c r="R33" s="146" t="s">
        <v>90</v>
      </c>
      <c r="S33" s="140" t="s">
        <v>90</v>
      </c>
      <c r="T33" s="140" t="s">
        <v>90</v>
      </c>
      <c r="U33" s="111" t="s">
        <v>90</v>
      </c>
      <c r="V33" s="111" t="s">
        <v>90</v>
      </c>
      <c r="W33" s="140" t="s">
        <v>90</v>
      </c>
      <c r="X33" s="146" t="s">
        <v>90</v>
      </c>
      <c r="Y33" s="111" t="s">
        <v>90</v>
      </c>
      <c r="Z33" s="146" t="s">
        <v>90</v>
      </c>
      <c r="AA33" s="111" t="s">
        <v>90</v>
      </c>
      <c r="AB33" s="140" t="s">
        <v>90</v>
      </c>
      <c r="AC33" s="140" t="s">
        <v>90</v>
      </c>
      <c r="AD33" s="111" t="s">
        <v>90</v>
      </c>
      <c r="AE33" s="140" t="s">
        <v>90</v>
      </c>
      <c r="AF33" s="203" t="s">
        <v>194</v>
      </c>
      <c r="AG33" s="140" t="s">
        <v>90</v>
      </c>
      <c r="AH33" s="140" t="s">
        <v>90</v>
      </c>
      <c r="AI33" s="140" t="s">
        <v>90</v>
      </c>
      <c r="AJ33" s="140" t="s">
        <v>90</v>
      </c>
      <c r="AK33" s="140" t="s">
        <v>90</v>
      </c>
      <c r="AL33" s="140" t="s">
        <v>90</v>
      </c>
      <c r="AM33" s="140" t="s">
        <v>90</v>
      </c>
      <c r="AN33" s="140" t="s">
        <v>90</v>
      </c>
      <c r="AO33" s="140" t="s">
        <v>90</v>
      </c>
      <c r="AP33" s="140" t="s">
        <v>90</v>
      </c>
      <c r="AQ33" s="93" t="s">
        <v>90</v>
      </c>
      <c r="AR33" s="140" t="s">
        <v>90</v>
      </c>
      <c r="AS33" s="140" t="s">
        <v>90</v>
      </c>
      <c r="AT33" s="140" t="s">
        <v>90</v>
      </c>
      <c r="AU33" s="140" t="s">
        <v>90</v>
      </c>
      <c r="AV33" s="140" t="s">
        <v>90</v>
      </c>
      <c r="AW33" s="152" t="s">
        <v>90</v>
      </c>
      <c r="AX33" s="146" t="s">
        <v>90</v>
      </c>
      <c r="AY33" s="144" t="s">
        <v>90</v>
      </c>
      <c r="AZ33" s="73" t="s">
        <v>90</v>
      </c>
      <c r="BA33" s="144" t="s">
        <v>90</v>
      </c>
      <c r="BB33" s="150" t="s">
        <v>90</v>
      </c>
      <c r="BC33" s="144" t="s">
        <v>90</v>
      </c>
      <c r="BD33" s="111" t="s">
        <v>90</v>
      </c>
      <c r="BE33" s="111"/>
    </row>
    <row r="34" spans="3:57" x14ac:dyDescent="0.2">
      <c r="C34" s="126" t="s">
        <v>172</v>
      </c>
      <c r="D34" s="158" t="s">
        <v>58</v>
      </c>
      <c r="E34" s="146">
        <v>0.23180000000000001</v>
      </c>
      <c r="F34" s="111">
        <v>0.23739999999999997</v>
      </c>
      <c r="G34" s="111">
        <v>0.24909999999999999</v>
      </c>
      <c r="H34" s="111">
        <v>0.2429</v>
      </c>
      <c r="I34" s="111">
        <v>0.22829999999999998</v>
      </c>
      <c r="J34" s="140">
        <v>0.20710000000000001</v>
      </c>
      <c r="K34" s="140">
        <v>0.21</v>
      </c>
      <c r="L34" s="146">
        <v>0.20850000000000002</v>
      </c>
      <c r="M34" s="146">
        <v>0.2397</v>
      </c>
      <c r="N34" s="140">
        <v>0.28470000000000001</v>
      </c>
      <c r="O34" s="140">
        <v>0.36890000000000001</v>
      </c>
      <c r="P34" s="140">
        <v>0.36899999999999999</v>
      </c>
      <c r="Q34" s="198">
        <v>0.37369999999999998</v>
      </c>
      <c r="R34" s="198">
        <v>0.40039999999999998</v>
      </c>
      <c r="S34" s="140">
        <v>0.43259999999999998</v>
      </c>
      <c r="T34" s="140">
        <v>0.48899999999999999</v>
      </c>
      <c r="U34" s="199">
        <v>0.46289999999999998</v>
      </c>
      <c r="V34" s="201">
        <v>0.46740000000000004</v>
      </c>
      <c r="W34" s="140">
        <v>0.44079999999999997</v>
      </c>
      <c r="X34" s="146">
        <v>0.43099999999999999</v>
      </c>
      <c r="Y34" s="146">
        <v>0.41259999999999997</v>
      </c>
      <c r="Z34" s="146">
        <v>0.38939999999999997</v>
      </c>
      <c r="AA34" s="146">
        <v>0.36950000000000005</v>
      </c>
      <c r="AB34" s="140">
        <v>0.3493</v>
      </c>
      <c r="AC34" s="140">
        <v>0.30370000000000003</v>
      </c>
      <c r="AD34" s="146">
        <v>0.35659999999999997</v>
      </c>
      <c r="AE34" s="140">
        <v>0.37219999999999998</v>
      </c>
      <c r="AF34" s="140">
        <v>0.39729999999999999</v>
      </c>
      <c r="AG34" s="140">
        <v>0.39810000000000001</v>
      </c>
      <c r="AH34" s="140">
        <v>0.38329999999999997</v>
      </c>
      <c r="AI34" s="140">
        <v>0.36599999999999999</v>
      </c>
      <c r="AJ34" s="140">
        <v>0.34590000000000004</v>
      </c>
      <c r="AK34" s="140">
        <v>0.34320000000000001</v>
      </c>
      <c r="AL34" s="140">
        <v>0.34320000000000001</v>
      </c>
      <c r="AM34" s="140">
        <v>0.34470000000000001</v>
      </c>
      <c r="AN34" s="140">
        <v>0.3846</v>
      </c>
      <c r="AO34" s="140">
        <v>0.40479999999999999</v>
      </c>
      <c r="AP34" s="140">
        <v>0.42170000000000002</v>
      </c>
      <c r="AQ34" s="193">
        <v>0.36979999999999996</v>
      </c>
      <c r="AR34" s="140">
        <v>0.38979999999999998</v>
      </c>
      <c r="AS34" s="140">
        <v>0.3926</v>
      </c>
      <c r="AT34" s="140">
        <v>0.38840000000000002</v>
      </c>
      <c r="AU34" s="140">
        <v>0.39299999999999996</v>
      </c>
      <c r="AV34" s="140">
        <v>0.37469999999999998</v>
      </c>
      <c r="AW34" s="150">
        <v>0.37810000000000005</v>
      </c>
      <c r="AX34" s="146">
        <v>0.37189999999999995</v>
      </c>
      <c r="AY34" s="144">
        <v>0.37280000000000002</v>
      </c>
      <c r="AZ34" s="150">
        <v>0.3836</v>
      </c>
      <c r="BA34" s="144">
        <v>0.3997</v>
      </c>
      <c r="BB34" s="150">
        <v>0.40299999999999997</v>
      </c>
      <c r="BC34" s="150">
        <v>0.40189999999999998</v>
      </c>
      <c r="BD34" s="150">
        <v>0.40159999999999996</v>
      </c>
      <c r="BE34" s="111"/>
    </row>
    <row r="35" spans="3:57" x14ac:dyDescent="0.2">
      <c r="C35" s="126" t="s">
        <v>190</v>
      </c>
      <c r="D35" s="158" t="s">
        <v>58</v>
      </c>
      <c r="E35" s="146">
        <v>0.45909999999999995</v>
      </c>
      <c r="F35" s="111">
        <v>0.45679999999999998</v>
      </c>
      <c r="G35" s="111">
        <v>0.46270000000000006</v>
      </c>
      <c r="H35" s="111">
        <v>0.4753</v>
      </c>
      <c r="I35" s="111">
        <v>0.4758</v>
      </c>
      <c r="J35" s="140">
        <v>0.48100000000000004</v>
      </c>
      <c r="K35" s="140">
        <v>0.48599999999999999</v>
      </c>
      <c r="L35" s="146">
        <v>0.47549999999999998</v>
      </c>
      <c r="M35" s="146">
        <v>0.50190000000000001</v>
      </c>
      <c r="N35" s="140">
        <v>0.50249999999999995</v>
      </c>
      <c r="O35" s="140">
        <v>0.50780000000000003</v>
      </c>
      <c r="P35" s="140">
        <v>0.50600000000000001</v>
      </c>
      <c r="Q35" s="146">
        <v>0.50670000000000004</v>
      </c>
      <c r="R35" s="146">
        <v>0.51529999999999998</v>
      </c>
      <c r="S35" s="140">
        <v>0.52049999999999996</v>
      </c>
      <c r="T35" s="140">
        <v>0.52110000000000001</v>
      </c>
      <c r="U35" s="200">
        <v>0.4829</v>
      </c>
      <c r="V35" s="150">
        <v>0.5171</v>
      </c>
      <c r="W35" s="140">
        <v>0.51090000000000002</v>
      </c>
      <c r="X35" s="146">
        <v>0.52259999999999995</v>
      </c>
      <c r="Y35" s="146">
        <v>0.52180000000000004</v>
      </c>
      <c r="Z35" s="146">
        <v>0.52029999999999998</v>
      </c>
      <c r="AA35" s="146">
        <v>0.56689999999999996</v>
      </c>
      <c r="AB35" s="140">
        <v>0.56769999999999998</v>
      </c>
      <c r="AC35" s="140">
        <v>0.58760000000000001</v>
      </c>
      <c r="AD35" s="146">
        <v>0.61549999999999994</v>
      </c>
      <c r="AE35" s="140">
        <v>0.66239999999999999</v>
      </c>
      <c r="AF35" s="140">
        <v>0.73510000000000009</v>
      </c>
      <c r="AG35" s="140">
        <v>0.80390000000000006</v>
      </c>
      <c r="AH35" s="140">
        <v>0.80310000000000004</v>
      </c>
      <c r="AI35" s="140">
        <v>0.92489999999999994</v>
      </c>
      <c r="AJ35" s="140">
        <v>0.8841</v>
      </c>
      <c r="AK35" s="140">
        <v>0.8841</v>
      </c>
      <c r="AL35" s="140">
        <v>0.8841</v>
      </c>
      <c r="AM35" s="140">
        <v>0.81129999999999991</v>
      </c>
      <c r="AN35" s="140">
        <v>0.77810000000000001</v>
      </c>
      <c r="AO35" s="140">
        <v>0.78370000000000006</v>
      </c>
      <c r="AP35" s="140">
        <v>0.80019999999999991</v>
      </c>
      <c r="AQ35" s="193">
        <v>0.82230000000000003</v>
      </c>
      <c r="AR35" s="140">
        <v>0.83279999999999998</v>
      </c>
      <c r="AS35" s="140">
        <v>0.74080000000000001</v>
      </c>
      <c r="AT35" s="140">
        <v>0.73329999999999995</v>
      </c>
      <c r="AU35" s="140">
        <v>0.65709999999999991</v>
      </c>
      <c r="AV35" s="140">
        <v>0.61729999999999996</v>
      </c>
      <c r="AW35" s="150">
        <v>0.58229999999999993</v>
      </c>
      <c r="AX35" s="146">
        <v>0.52759999999999996</v>
      </c>
      <c r="AY35" s="111">
        <v>0.53400000000000003</v>
      </c>
      <c r="AZ35" s="150">
        <v>0.53900000000000003</v>
      </c>
      <c r="BA35" s="111">
        <v>0.54730000000000001</v>
      </c>
      <c r="BB35" s="150">
        <v>0.53060000000000007</v>
      </c>
      <c r="BC35" s="150">
        <v>0.53320000000000001</v>
      </c>
      <c r="BD35" s="150">
        <v>0.52969999999999995</v>
      </c>
      <c r="BE35" s="111"/>
    </row>
    <row r="36" spans="3:57" x14ac:dyDescent="0.2">
      <c r="C36" s="126" t="s">
        <v>184</v>
      </c>
      <c r="D36" s="158" t="s">
        <v>58</v>
      </c>
      <c r="E36" s="146">
        <v>1.1052</v>
      </c>
      <c r="F36" s="111">
        <v>1.4702999999999999</v>
      </c>
      <c r="G36" s="111">
        <v>1.3741999999999999</v>
      </c>
      <c r="H36" s="111">
        <v>1.1838</v>
      </c>
      <c r="I36" s="111">
        <v>0.69299999999999995</v>
      </c>
      <c r="J36" s="140">
        <v>0.45779999999999998</v>
      </c>
      <c r="K36" s="140">
        <v>0.44319999999999998</v>
      </c>
      <c r="L36" s="146">
        <v>0.42630000000000001</v>
      </c>
      <c r="M36" s="146">
        <v>0.49819999999999998</v>
      </c>
      <c r="N36" s="140">
        <v>0.79819999999999991</v>
      </c>
      <c r="O36" s="140">
        <v>0.64159999999999995</v>
      </c>
      <c r="P36" s="140">
        <v>1.2319</v>
      </c>
      <c r="Q36" s="146">
        <v>1.4603999999999999</v>
      </c>
      <c r="R36" s="146">
        <v>1.4525999999999999</v>
      </c>
      <c r="S36" s="140">
        <v>0.73409999999999997</v>
      </c>
      <c r="T36" s="140">
        <v>0.28610000000000002</v>
      </c>
      <c r="U36" s="200">
        <v>0.2359</v>
      </c>
      <c r="V36" s="150">
        <v>0.2555</v>
      </c>
      <c r="W36" s="140">
        <v>0.31190000000000001</v>
      </c>
      <c r="X36" s="146">
        <v>0.29359999999999997</v>
      </c>
      <c r="Y36" s="146">
        <v>0.29659999999999997</v>
      </c>
      <c r="Z36" s="146">
        <v>0.37439999999999996</v>
      </c>
      <c r="AA36" s="146">
        <v>0.37240000000000001</v>
      </c>
      <c r="AB36" s="140">
        <v>0.39200000000000002</v>
      </c>
      <c r="AC36" s="140">
        <v>0.3332</v>
      </c>
      <c r="AD36" s="146">
        <v>0.28370000000000001</v>
      </c>
      <c r="AE36" s="140">
        <v>0.34720000000000001</v>
      </c>
      <c r="AF36" s="140">
        <v>0.41520000000000001</v>
      </c>
      <c r="AG36" s="140">
        <v>0.4803</v>
      </c>
      <c r="AH36" s="140">
        <v>0.50229999999999997</v>
      </c>
      <c r="AI36" s="140">
        <v>0.4597</v>
      </c>
      <c r="AJ36" s="140">
        <v>0.41389999999999999</v>
      </c>
      <c r="AK36" s="140">
        <v>0.40549999999999997</v>
      </c>
      <c r="AL36" s="140">
        <v>0.40549999999999997</v>
      </c>
      <c r="AM36" s="140">
        <v>0.50109999999999999</v>
      </c>
      <c r="AN36" s="140">
        <v>0.55509999999999993</v>
      </c>
      <c r="AO36" s="140">
        <v>0.58810000000000007</v>
      </c>
      <c r="AP36" s="140">
        <v>0.86439999999999995</v>
      </c>
      <c r="AQ36" s="193">
        <v>1.0141</v>
      </c>
      <c r="AR36" s="140">
        <v>1.1323999999999999</v>
      </c>
      <c r="AS36" s="140">
        <v>0.81830000000000003</v>
      </c>
      <c r="AT36" s="140">
        <v>0.37579999999999997</v>
      </c>
      <c r="AU36" s="140">
        <v>0.38659999999999994</v>
      </c>
      <c r="AV36" s="140">
        <v>0.40860000000000002</v>
      </c>
      <c r="AW36" s="150">
        <v>0.65170000000000006</v>
      </c>
      <c r="AX36" s="146">
        <v>0.49320000000000003</v>
      </c>
      <c r="AY36" s="111">
        <v>0.6008</v>
      </c>
      <c r="AZ36" s="150">
        <v>0.59279999999999999</v>
      </c>
      <c r="BA36" s="111">
        <v>0.58189999999999997</v>
      </c>
      <c r="BB36" s="150">
        <v>0.36270000000000002</v>
      </c>
      <c r="BC36" s="150">
        <v>0.4743</v>
      </c>
      <c r="BD36" s="150">
        <v>0.52029999999999998</v>
      </c>
      <c r="BE36" s="111"/>
    </row>
    <row r="37" spans="3:57" x14ac:dyDescent="0.2">
      <c r="C37" s="126" t="s">
        <v>122</v>
      </c>
      <c r="D37" s="158" t="s">
        <v>58</v>
      </c>
      <c r="E37" s="146">
        <v>0.1202</v>
      </c>
      <c r="F37" s="111">
        <v>0.12640000000000001</v>
      </c>
      <c r="G37" s="111">
        <v>0.12529999999999999</v>
      </c>
      <c r="H37" s="111">
        <v>0.1235</v>
      </c>
      <c r="I37" s="111">
        <v>0.1232</v>
      </c>
      <c r="J37" s="140">
        <v>0.1232</v>
      </c>
      <c r="K37" s="140">
        <v>0.1246</v>
      </c>
      <c r="L37" s="146">
        <v>0.1246</v>
      </c>
      <c r="M37" s="146">
        <v>0.12390000000000001</v>
      </c>
      <c r="N37" s="140">
        <v>0.1338</v>
      </c>
      <c r="O37" s="140">
        <v>0.2177</v>
      </c>
      <c r="P37" s="140">
        <v>0.22440000000000002</v>
      </c>
      <c r="Q37" s="146">
        <v>0.22750000000000001</v>
      </c>
      <c r="R37" s="146">
        <v>0.252</v>
      </c>
      <c r="S37" s="140">
        <v>0.25180000000000002</v>
      </c>
      <c r="T37" s="140">
        <v>0.26039999999999996</v>
      </c>
      <c r="U37" s="200">
        <v>0.2797</v>
      </c>
      <c r="V37" s="150">
        <v>0.29220000000000002</v>
      </c>
      <c r="W37" s="140">
        <v>0.34310000000000002</v>
      </c>
      <c r="X37" s="146">
        <v>0.34409999999999996</v>
      </c>
      <c r="Y37" s="146">
        <v>0.33409999999999995</v>
      </c>
      <c r="Z37" s="146">
        <v>0.3236</v>
      </c>
      <c r="AA37" s="146">
        <v>0.32750000000000001</v>
      </c>
      <c r="AB37" s="140">
        <v>0.31390000000000001</v>
      </c>
      <c r="AC37" s="140">
        <v>0.31230000000000002</v>
      </c>
      <c r="AD37" s="146">
        <v>0.3019</v>
      </c>
      <c r="AE37" s="140">
        <v>0.27129999999999999</v>
      </c>
      <c r="AF37" s="140">
        <v>0.2429</v>
      </c>
      <c r="AG37" s="140">
        <v>0.20920000000000002</v>
      </c>
      <c r="AH37" s="140">
        <v>0.21690000000000001</v>
      </c>
      <c r="AI37" s="140">
        <v>0.2268</v>
      </c>
      <c r="AJ37" s="140">
        <v>0.21899999999999997</v>
      </c>
      <c r="AK37" s="140">
        <v>0.21079999999999999</v>
      </c>
      <c r="AL37" s="140">
        <v>0.21079999999999999</v>
      </c>
      <c r="AM37" s="140">
        <v>0.26789999999999997</v>
      </c>
      <c r="AN37" s="140">
        <v>0.25950000000000001</v>
      </c>
      <c r="AO37" s="140">
        <v>0.25469999999999998</v>
      </c>
      <c r="AP37" s="140">
        <v>0.25890000000000002</v>
      </c>
      <c r="AQ37" s="193">
        <v>0.2671</v>
      </c>
      <c r="AR37" s="140">
        <v>0.27190000000000003</v>
      </c>
      <c r="AS37" s="140">
        <v>0.2722</v>
      </c>
      <c r="AT37" s="140">
        <v>0.27479999999999999</v>
      </c>
      <c r="AU37" s="140">
        <v>0.27210000000000001</v>
      </c>
      <c r="AV37" s="140">
        <v>0.26989999999999997</v>
      </c>
      <c r="AW37" s="150">
        <v>0.29149999999999998</v>
      </c>
      <c r="AX37" s="146">
        <v>0.28809999999999997</v>
      </c>
      <c r="AY37" s="111">
        <v>0.29339999999999999</v>
      </c>
      <c r="AZ37" s="150">
        <v>0.30449999999999999</v>
      </c>
      <c r="BA37" s="111">
        <v>0.30670000000000003</v>
      </c>
      <c r="BB37" s="150">
        <v>0.37310000000000004</v>
      </c>
      <c r="BC37" s="150">
        <v>0.37310000000000004</v>
      </c>
      <c r="BD37" s="150">
        <v>0.3931</v>
      </c>
      <c r="BE37" s="111"/>
    </row>
    <row r="38" spans="3:57" x14ac:dyDescent="0.2">
      <c r="C38" s="126" t="s">
        <v>82</v>
      </c>
      <c r="D38" s="158" t="s">
        <v>58</v>
      </c>
      <c r="E38" s="146">
        <v>1.9528999999999999</v>
      </c>
      <c r="F38" s="111">
        <v>2.6680000000000001</v>
      </c>
      <c r="G38" s="111">
        <v>2.7381000000000002</v>
      </c>
      <c r="H38" s="111">
        <v>2.7107000000000001</v>
      </c>
      <c r="I38" s="111">
        <v>2.6074999999999999</v>
      </c>
      <c r="J38" s="140">
        <v>2.4497999999999998</v>
      </c>
      <c r="K38" s="140">
        <v>2.5152000000000001</v>
      </c>
      <c r="L38" s="146">
        <v>2.4001000000000001</v>
      </c>
      <c r="M38" s="146">
        <v>2.1177000000000001</v>
      </c>
      <c r="N38" s="140">
        <v>1.8572</v>
      </c>
      <c r="O38" s="140">
        <v>1.7790999999999999</v>
      </c>
      <c r="P38" s="140">
        <v>2.3359000000000001</v>
      </c>
      <c r="Q38" s="146">
        <v>2.3218000000000001</v>
      </c>
      <c r="R38" s="146">
        <v>1.7088999999999999</v>
      </c>
      <c r="S38" s="140">
        <v>1.4287000000000001</v>
      </c>
      <c r="T38" s="140">
        <v>1.3591</v>
      </c>
      <c r="U38" s="200">
        <v>1.5431999999999999</v>
      </c>
      <c r="V38" s="150">
        <v>1.67</v>
      </c>
      <c r="W38" s="140">
        <v>1.7335</v>
      </c>
      <c r="X38" s="146">
        <v>1.6062000000000001</v>
      </c>
      <c r="Y38" s="146">
        <v>1.4568000000000001</v>
      </c>
      <c r="Z38" s="146">
        <v>1.5344</v>
      </c>
      <c r="AA38" s="146">
        <v>1.7811000000000001</v>
      </c>
      <c r="AB38" s="140">
        <v>1.7665999999999999</v>
      </c>
      <c r="AC38" s="140">
        <v>1.6854</v>
      </c>
      <c r="AD38" s="146">
        <v>2.0268000000000002</v>
      </c>
      <c r="AE38" s="140">
        <v>2.7067999999999999</v>
      </c>
      <c r="AF38" s="140">
        <v>2.6827999999999999</v>
      </c>
      <c r="AG38" s="140">
        <v>2.5838000000000001</v>
      </c>
      <c r="AH38" s="140">
        <v>2.5931000000000002</v>
      </c>
      <c r="AI38" s="140">
        <v>2.6704000000000003</v>
      </c>
      <c r="AJ38" s="140">
        <v>3.1230000000000002</v>
      </c>
      <c r="AK38" s="140">
        <v>2.9083999999999999</v>
      </c>
      <c r="AL38" s="140">
        <v>2.9083999999999999</v>
      </c>
      <c r="AM38" s="140">
        <v>2.9401999999999999</v>
      </c>
      <c r="AN38" s="140">
        <v>2.3408000000000002</v>
      </c>
      <c r="AO38" s="140">
        <v>2.6152999999999995</v>
      </c>
      <c r="AP38" s="140">
        <v>2.0548999999999999</v>
      </c>
      <c r="AQ38" s="193">
        <v>2.2505000000000002</v>
      </c>
      <c r="AR38" s="140">
        <v>2.0918000000000001</v>
      </c>
      <c r="AS38" s="140">
        <v>1.6669999999999998</v>
      </c>
      <c r="AT38" s="140">
        <v>1.2627999999999999</v>
      </c>
      <c r="AU38" s="140">
        <v>1.3744000000000001</v>
      </c>
      <c r="AV38" s="140">
        <v>1.4258000000000002</v>
      </c>
      <c r="AW38" s="150">
        <v>1.7206999999999999</v>
      </c>
      <c r="AX38" s="146">
        <v>2.0415000000000001</v>
      </c>
      <c r="AY38" s="153">
        <v>2.4009999999999998</v>
      </c>
      <c r="AZ38" s="150">
        <v>2.9888999999999997</v>
      </c>
      <c r="BA38" s="153">
        <v>3.5436999999999999</v>
      </c>
      <c r="BB38" s="150">
        <v>3.1718999999999999</v>
      </c>
      <c r="BC38" s="150">
        <v>3.1748000000000003</v>
      </c>
      <c r="BD38" s="150">
        <v>3.3210999999999999</v>
      </c>
      <c r="BE38" s="111"/>
    </row>
    <row r="39" spans="3:57" x14ac:dyDescent="0.2">
      <c r="C39" s="126" t="s">
        <v>84</v>
      </c>
      <c r="D39" s="158" t="s">
        <v>85</v>
      </c>
      <c r="E39" s="146">
        <v>0.22010000000000002</v>
      </c>
      <c r="F39" s="111">
        <v>0.23379999999999998</v>
      </c>
      <c r="G39" s="111">
        <v>0.23219999999999999</v>
      </c>
      <c r="H39" s="111">
        <v>0.28039999999999998</v>
      </c>
      <c r="I39" s="111">
        <v>0.26629999999999998</v>
      </c>
      <c r="J39" s="140">
        <v>0.2838</v>
      </c>
      <c r="K39" s="140">
        <v>0.2792</v>
      </c>
      <c r="L39" s="146">
        <v>0.26750000000000002</v>
      </c>
      <c r="M39" s="146">
        <v>0.26229999999999998</v>
      </c>
      <c r="N39" s="140">
        <v>0.26690000000000003</v>
      </c>
      <c r="O39" s="140">
        <v>0.27210000000000001</v>
      </c>
      <c r="P39" s="140">
        <v>0.26539999999999997</v>
      </c>
      <c r="Q39" s="146">
        <v>0.24879999999999999</v>
      </c>
      <c r="R39" s="146">
        <v>0.2571</v>
      </c>
      <c r="S39" s="140">
        <v>0.30680000000000002</v>
      </c>
      <c r="T39" s="140">
        <v>0.2969</v>
      </c>
      <c r="U39" s="200">
        <v>0.30079999999999996</v>
      </c>
      <c r="V39" s="150">
        <v>0.31420000000000003</v>
      </c>
      <c r="W39" s="140">
        <v>0.29100000000000004</v>
      </c>
      <c r="X39" s="146">
        <v>0.24809999999999999</v>
      </c>
      <c r="Y39" s="146">
        <v>0.2364</v>
      </c>
      <c r="Z39" s="146">
        <v>0.26619999999999999</v>
      </c>
      <c r="AA39" s="146">
        <v>0.307</v>
      </c>
      <c r="AB39" s="140">
        <v>0.30559999999999998</v>
      </c>
      <c r="AC39" s="140">
        <v>0.24420000000000003</v>
      </c>
      <c r="AD39" s="146">
        <v>0.24280000000000002</v>
      </c>
      <c r="AE39" s="140">
        <v>0.21420000000000003</v>
      </c>
      <c r="AF39" s="140">
        <v>0.27429999999999999</v>
      </c>
      <c r="AG39" s="140">
        <v>0.29530000000000001</v>
      </c>
      <c r="AH39" s="140">
        <v>0.2964</v>
      </c>
      <c r="AI39" s="140">
        <v>0.36520000000000002</v>
      </c>
      <c r="AJ39" s="140">
        <v>0.27750000000000002</v>
      </c>
      <c r="AK39" s="140">
        <v>0.29510000000000003</v>
      </c>
      <c r="AL39" s="140">
        <v>0.29510000000000003</v>
      </c>
      <c r="AM39" s="140">
        <v>0.26179999999999998</v>
      </c>
      <c r="AN39" s="140">
        <v>0.26669999999999999</v>
      </c>
      <c r="AO39" s="140">
        <v>0.30890000000000001</v>
      </c>
      <c r="AP39" s="140">
        <v>0.3422</v>
      </c>
      <c r="AQ39" s="193">
        <v>0.32929999999999998</v>
      </c>
      <c r="AR39" s="140">
        <v>0.32840000000000003</v>
      </c>
      <c r="AS39" s="140">
        <v>0.3306</v>
      </c>
      <c r="AT39" s="140">
        <v>0.31809999999999999</v>
      </c>
      <c r="AU39" s="140">
        <v>0.26379999999999998</v>
      </c>
      <c r="AV39" s="140">
        <v>0.25850000000000001</v>
      </c>
      <c r="AW39" s="150">
        <v>0.2505</v>
      </c>
      <c r="AX39" s="146">
        <v>0.24660000000000001</v>
      </c>
      <c r="AY39" s="153">
        <v>0.24420000000000003</v>
      </c>
      <c r="AZ39" s="150">
        <v>0.23319999999999999</v>
      </c>
      <c r="BA39" s="153">
        <v>0.22940000000000002</v>
      </c>
      <c r="BB39" s="150">
        <v>0.21859999999999999</v>
      </c>
      <c r="BC39" s="150">
        <v>0.21780000000000002</v>
      </c>
      <c r="BD39" s="150">
        <v>0.21199999999999999</v>
      </c>
      <c r="BE39" s="111"/>
    </row>
    <row r="40" spans="3:57" x14ac:dyDescent="0.2">
      <c r="C40" s="126" t="s">
        <v>118</v>
      </c>
      <c r="D40" s="158" t="s">
        <v>58</v>
      </c>
      <c r="E40" s="146">
        <v>0.73450000000000004</v>
      </c>
      <c r="F40" s="111">
        <v>0.70629999999999993</v>
      </c>
      <c r="G40" s="111">
        <v>0.61329999999999996</v>
      </c>
      <c r="H40" s="111">
        <v>0.72739999999999994</v>
      </c>
      <c r="I40" s="111">
        <v>0.78560000000000008</v>
      </c>
      <c r="J40" s="140">
        <v>0.79099999999999993</v>
      </c>
      <c r="K40" s="140">
        <v>0.878</v>
      </c>
      <c r="L40" s="146">
        <v>0.88290000000000002</v>
      </c>
      <c r="M40" s="146">
        <v>1.3425</v>
      </c>
      <c r="N40" s="140">
        <v>1.2141</v>
      </c>
      <c r="O40" s="140">
        <v>1.32</v>
      </c>
      <c r="P40" s="140">
        <v>1.383</v>
      </c>
      <c r="Q40" s="146">
        <v>1.2057</v>
      </c>
      <c r="R40" s="146">
        <v>1.5256000000000001</v>
      </c>
      <c r="S40" s="140">
        <v>1.2824</v>
      </c>
      <c r="T40" s="140">
        <v>0.90780000000000005</v>
      </c>
      <c r="U40" s="200">
        <v>0.83640000000000003</v>
      </c>
      <c r="V40" s="150">
        <v>0.93140000000000001</v>
      </c>
      <c r="W40" s="140">
        <v>0.59699999999999998</v>
      </c>
      <c r="X40" s="146">
        <v>0.62290000000000001</v>
      </c>
      <c r="Y40" s="146">
        <v>0.53520000000000001</v>
      </c>
      <c r="Z40" s="146">
        <v>0.60439999999999994</v>
      </c>
      <c r="AA40" s="146">
        <v>0.65939999999999999</v>
      </c>
      <c r="AB40" s="140">
        <v>0.75209999999999999</v>
      </c>
      <c r="AC40" s="140">
        <v>0.89209999999999989</v>
      </c>
      <c r="AD40" s="146">
        <v>0.93849999999999989</v>
      </c>
      <c r="AE40" s="140">
        <v>0.88730000000000009</v>
      </c>
      <c r="AF40" s="140">
        <v>0.89049999999999996</v>
      </c>
      <c r="AG40" s="140">
        <v>0.93689999999999996</v>
      </c>
      <c r="AH40" s="140">
        <v>0.88659999999999994</v>
      </c>
      <c r="AI40" s="140">
        <v>0.91260000000000008</v>
      </c>
      <c r="AJ40" s="140">
        <v>0.88430000000000009</v>
      </c>
      <c r="AK40" s="140">
        <v>0.8589</v>
      </c>
      <c r="AL40" s="140">
        <v>0.8589</v>
      </c>
      <c r="AM40" s="140">
        <v>0.79150000000000009</v>
      </c>
      <c r="AN40" s="140">
        <v>0.91709999999999992</v>
      </c>
      <c r="AO40" s="140">
        <v>0.80989999999999995</v>
      </c>
      <c r="AP40" s="140">
        <v>0.70930000000000004</v>
      </c>
      <c r="AQ40" s="193">
        <v>0.77</v>
      </c>
      <c r="AR40" s="140">
        <v>0.78870000000000007</v>
      </c>
      <c r="AS40" s="140">
        <v>0.79749999999999999</v>
      </c>
      <c r="AT40" s="140">
        <v>0.52479999999999993</v>
      </c>
      <c r="AU40" s="140">
        <v>0.44929999999999998</v>
      </c>
      <c r="AV40" s="140">
        <v>0.4743</v>
      </c>
      <c r="AW40" s="150">
        <v>0.39490000000000003</v>
      </c>
      <c r="AX40" s="146">
        <v>0.47740000000000005</v>
      </c>
      <c r="AY40" s="153">
        <v>0.49709999999999999</v>
      </c>
      <c r="AZ40" s="150">
        <v>0.76870000000000005</v>
      </c>
      <c r="BA40" s="153">
        <v>0.88359999999999994</v>
      </c>
      <c r="BB40" s="150">
        <v>1.0246999999999999</v>
      </c>
      <c r="BC40" s="150">
        <v>1.0238</v>
      </c>
      <c r="BD40" s="150">
        <v>1.0562</v>
      </c>
      <c r="BE40" s="111"/>
    </row>
    <row r="41" spans="3:57" x14ac:dyDescent="0.2">
      <c r="C41" s="126" t="s">
        <v>104</v>
      </c>
      <c r="D41" s="158" t="s">
        <v>58</v>
      </c>
      <c r="E41" s="146">
        <v>0.67159999999999997</v>
      </c>
      <c r="F41" s="111">
        <v>0.57679999999999998</v>
      </c>
      <c r="G41" s="111">
        <v>0.56679999999999997</v>
      </c>
      <c r="H41" s="111">
        <v>0.64400000000000002</v>
      </c>
      <c r="I41" s="111">
        <v>0.75230000000000008</v>
      </c>
      <c r="J41" s="140">
        <v>0.8488</v>
      </c>
      <c r="K41" s="140">
        <v>0.88029999999999997</v>
      </c>
      <c r="L41" s="146">
        <v>0.76300000000000001</v>
      </c>
      <c r="M41" s="146">
        <v>0.77769999999999995</v>
      </c>
      <c r="N41" s="140">
        <v>0.93920000000000003</v>
      </c>
      <c r="O41" s="140">
        <v>1.056</v>
      </c>
      <c r="P41" s="140">
        <v>1.2686999999999999</v>
      </c>
      <c r="Q41" s="146">
        <v>1.1274</v>
      </c>
      <c r="R41" s="146">
        <v>1.1858</v>
      </c>
      <c r="S41" s="140">
        <v>1.3475999999999999</v>
      </c>
      <c r="T41" s="140">
        <v>0.83140000000000003</v>
      </c>
      <c r="U41" s="200">
        <v>0.51</v>
      </c>
      <c r="V41" s="150">
        <v>0.68640000000000001</v>
      </c>
      <c r="W41" s="140">
        <v>0.64239999999999997</v>
      </c>
      <c r="X41" s="146">
        <v>0.59939999999999993</v>
      </c>
      <c r="Y41" s="146">
        <v>0.52739999999999998</v>
      </c>
      <c r="Z41" s="146">
        <v>0.5534</v>
      </c>
      <c r="AA41" s="146">
        <v>0.75749999999999995</v>
      </c>
      <c r="AB41" s="140">
        <v>0.90139999999999998</v>
      </c>
      <c r="AC41" s="140">
        <v>0.60840000000000005</v>
      </c>
      <c r="AD41" s="146">
        <v>0.59699999999999998</v>
      </c>
      <c r="AE41" s="140">
        <v>0.75989999999999991</v>
      </c>
      <c r="AF41" s="140">
        <v>0.78769999999999996</v>
      </c>
      <c r="AG41" s="140">
        <v>0.81389999999999996</v>
      </c>
      <c r="AH41" s="140">
        <v>0.83250000000000002</v>
      </c>
      <c r="AI41" s="140">
        <v>0.85739999999999994</v>
      </c>
      <c r="AJ41" s="140">
        <v>0.73370000000000002</v>
      </c>
      <c r="AK41" s="140">
        <v>0.64790000000000003</v>
      </c>
      <c r="AL41" s="140">
        <v>0.64790000000000003</v>
      </c>
      <c r="AM41" s="140">
        <v>0.59770000000000001</v>
      </c>
      <c r="AN41" s="140">
        <v>0.54710000000000003</v>
      </c>
      <c r="AO41" s="140">
        <v>0.87620000000000009</v>
      </c>
      <c r="AP41" s="140">
        <v>0.88069999999999993</v>
      </c>
      <c r="AQ41" s="193">
        <v>0.96739999999999993</v>
      </c>
      <c r="AR41" s="140">
        <v>0.99629999999999996</v>
      </c>
      <c r="AS41" s="140">
        <v>1.1128</v>
      </c>
      <c r="AT41" s="140">
        <v>0.92769999999999997</v>
      </c>
      <c r="AU41" s="140">
        <v>0.57779999999999998</v>
      </c>
      <c r="AV41" s="140">
        <v>0.55390000000000006</v>
      </c>
      <c r="AW41" s="150">
        <v>0.57750000000000001</v>
      </c>
      <c r="AX41" s="146">
        <v>0.57750000000000001</v>
      </c>
      <c r="AY41" s="153">
        <v>0.58130000000000004</v>
      </c>
      <c r="AZ41" s="150">
        <v>0.57830000000000004</v>
      </c>
      <c r="BA41" s="153">
        <v>0.76400000000000001</v>
      </c>
      <c r="BB41" s="150">
        <v>0.69200000000000006</v>
      </c>
      <c r="BC41" s="150">
        <v>0.62270000000000003</v>
      </c>
      <c r="BD41" s="150">
        <v>0.6119</v>
      </c>
      <c r="BE41" s="111"/>
    </row>
    <row r="42" spans="3:57" x14ac:dyDescent="0.2">
      <c r="C42" s="126" t="s">
        <v>87</v>
      </c>
      <c r="D42" s="158" t="s">
        <v>58</v>
      </c>
      <c r="E42" s="146">
        <v>0.18609999999999999</v>
      </c>
      <c r="F42" s="111">
        <v>0.18659999999999999</v>
      </c>
      <c r="G42" s="111">
        <v>0.18659999999999999</v>
      </c>
      <c r="H42" s="111">
        <v>0.18710000000000002</v>
      </c>
      <c r="I42" s="111">
        <v>0.19719999999999999</v>
      </c>
      <c r="J42" s="140">
        <v>0.21239999999999998</v>
      </c>
      <c r="K42" s="140">
        <v>0.22760000000000002</v>
      </c>
      <c r="L42" s="146">
        <v>0.21879999999999999</v>
      </c>
      <c r="M42" s="146">
        <v>0.2293</v>
      </c>
      <c r="N42" s="140">
        <v>0.2394</v>
      </c>
      <c r="O42" s="140">
        <v>0.23949999999999999</v>
      </c>
      <c r="P42" s="140">
        <v>0.24030000000000001</v>
      </c>
      <c r="Q42" s="146">
        <v>0.2626</v>
      </c>
      <c r="R42" s="146">
        <v>0.29559999999999997</v>
      </c>
      <c r="S42" s="140">
        <v>0.32880000000000004</v>
      </c>
      <c r="T42" s="140">
        <v>0.33140000000000003</v>
      </c>
      <c r="U42" s="200">
        <v>0.33140000000000003</v>
      </c>
      <c r="V42" s="150">
        <v>0.35310000000000002</v>
      </c>
      <c r="W42" s="140">
        <v>0.35109999999999997</v>
      </c>
      <c r="X42" s="146">
        <v>0.35320000000000001</v>
      </c>
      <c r="Y42" s="146">
        <v>0.35320000000000001</v>
      </c>
      <c r="Z42" s="146">
        <v>0.3306</v>
      </c>
      <c r="AA42" s="146">
        <v>0.33529999999999999</v>
      </c>
      <c r="AB42" s="140">
        <v>0.33529999999999999</v>
      </c>
      <c r="AC42" s="140">
        <v>0.31019999999999998</v>
      </c>
      <c r="AD42" s="146">
        <v>0.26379999999999998</v>
      </c>
      <c r="AE42" s="140">
        <v>0.23809999999999998</v>
      </c>
      <c r="AF42" s="140">
        <v>0.21280000000000002</v>
      </c>
      <c r="AG42" s="140">
        <v>0.19140000000000001</v>
      </c>
      <c r="AH42" s="140">
        <v>0.18</v>
      </c>
      <c r="AI42" s="140">
        <v>0.17050000000000001</v>
      </c>
      <c r="AJ42" s="140">
        <v>0.17050000000000001</v>
      </c>
      <c r="AK42" s="140">
        <v>0.17050000000000001</v>
      </c>
      <c r="AL42" s="140">
        <v>0.17050000000000001</v>
      </c>
      <c r="AM42" s="140">
        <v>0.16079999999999997</v>
      </c>
      <c r="AN42" s="140">
        <v>0.1696</v>
      </c>
      <c r="AO42" s="140">
        <v>0.18030000000000002</v>
      </c>
      <c r="AP42" s="140">
        <v>0.19149999999999998</v>
      </c>
      <c r="AQ42" s="193">
        <v>0.218</v>
      </c>
      <c r="AR42" s="140">
        <v>0.22760000000000002</v>
      </c>
      <c r="AS42" s="140">
        <v>0.22789999999999999</v>
      </c>
      <c r="AT42" s="140">
        <v>0.2366</v>
      </c>
      <c r="AU42" s="140">
        <v>0.25629999999999997</v>
      </c>
      <c r="AV42" s="140">
        <v>0.25840000000000002</v>
      </c>
      <c r="AW42" s="150">
        <v>0.27800000000000002</v>
      </c>
      <c r="AX42" s="146">
        <v>0.27539999999999998</v>
      </c>
      <c r="AY42" s="153">
        <v>0.2848</v>
      </c>
      <c r="AZ42" s="150">
        <v>0.29120000000000001</v>
      </c>
      <c r="BA42" s="153">
        <v>0.29170000000000001</v>
      </c>
      <c r="BB42" s="150">
        <v>0.29170000000000001</v>
      </c>
      <c r="BC42" s="150">
        <v>0.29170000000000001</v>
      </c>
      <c r="BD42" s="150">
        <v>0.29170000000000001</v>
      </c>
      <c r="BE42" s="111"/>
    </row>
    <row r="43" spans="3:57" x14ac:dyDescent="0.2">
      <c r="C43" s="126" t="s">
        <v>88</v>
      </c>
      <c r="D43" s="158" t="s">
        <v>58</v>
      </c>
      <c r="E43" s="146">
        <v>0.18440000000000001</v>
      </c>
      <c r="F43" s="111">
        <v>0.184</v>
      </c>
      <c r="G43" s="111">
        <v>0.1837</v>
      </c>
      <c r="H43" s="111">
        <v>0.18309999999999998</v>
      </c>
      <c r="I43" s="111">
        <v>0.19489999999999999</v>
      </c>
      <c r="J43" s="140">
        <v>0.21059999999999998</v>
      </c>
      <c r="K43" s="140">
        <v>0.21260000000000001</v>
      </c>
      <c r="L43" s="146">
        <v>0.23949999999999999</v>
      </c>
      <c r="M43" s="146">
        <v>0.25900000000000001</v>
      </c>
      <c r="N43" s="140">
        <v>0.27579999999999999</v>
      </c>
      <c r="O43" s="140">
        <v>0.28770000000000001</v>
      </c>
      <c r="P43" s="140">
        <v>0.29960000000000003</v>
      </c>
      <c r="Q43" s="146">
        <v>0.30579999999999996</v>
      </c>
      <c r="R43" s="146">
        <v>0.34179999999999999</v>
      </c>
      <c r="S43" s="140">
        <v>0.44880000000000003</v>
      </c>
      <c r="T43" s="140">
        <v>0.54339999999999999</v>
      </c>
      <c r="U43" s="200">
        <v>0.57479999999999998</v>
      </c>
      <c r="V43" s="150">
        <v>0.58379999999999999</v>
      </c>
      <c r="W43" s="140">
        <v>0.57650000000000001</v>
      </c>
      <c r="X43" s="146">
        <v>0.56530000000000002</v>
      </c>
      <c r="Y43" s="146">
        <v>0.53720000000000001</v>
      </c>
      <c r="Z43" s="146">
        <v>0.52510000000000001</v>
      </c>
      <c r="AA43" s="146">
        <v>0.50290000000000001</v>
      </c>
      <c r="AB43" s="140">
        <v>0.47490000000000004</v>
      </c>
      <c r="AC43" s="140">
        <v>0.45610000000000001</v>
      </c>
      <c r="AD43" s="146">
        <v>0.47229999999999994</v>
      </c>
      <c r="AE43" s="140">
        <v>0.4</v>
      </c>
      <c r="AF43" s="140">
        <v>0.33750000000000002</v>
      </c>
      <c r="AG43" s="140">
        <v>0.32500000000000001</v>
      </c>
      <c r="AH43" s="140">
        <v>0.29499999999999998</v>
      </c>
      <c r="AI43" s="140">
        <v>0.29499999999999998</v>
      </c>
      <c r="AJ43" s="140">
        <v>0.3</v>
      </c>
      <c r="AK43" s="140">
        <v>0.27500000000000002</v>
      </c>
      <c r="AL43" s="140">
        <v>0.27500000000000002</v>
      </c>
      <c r="AM43" s="140">
        <v>0.27500000000000002</v>
      </c>
      <c r="AN43" s="140">
        <v>0.2</v>
      </c>
      <c r="AO43" s="140">
        <v>0.17499999999999999</v>
      </c>
      <c r="AP43" s="140">
        <v>0.2</v>
      </c>
      <c r="AQ43" s="193">
        <v>0.56000000000000005</v>
      </c>
      <c r="AR43" s="140">
        <v>0.53259999999999996</v>
      </c>
      <c r="AS43" s="140">
        <v>0.53390000000000004</v>
      </c>
      <c r="AT43" s="140">
        <v>0.52689999999999992</v>
      </c>
      <c r="AU43" s="140">
        <v>0.46799999999999997</v>
      </c>
      <c r="AV43" s="140">
        <v>0.43810000000000004</v>
      </c>
      <c r="AW43" s="150">
        <v>0.38619999999999999</v>
      </c>
      <c r="AX43" s="146">
        <v>0.38539999999999996</v>
      </c>
      <c r="AY43" s="153">
        <v>0.37340000000000001</v>
      </c>
      <c r="AZ43" s="150">
        <v>0.35899999999999999</v>
      </c>
      <c r="BA43" s="153">
        <v>0.35399999999999998</v>
      </c>
      <c r="BB43" s="150">
        <v>0.3538</v>
      </c>
      <c r="BC43" s="150">
        <v>0.35359999999999997</v>
      </c>
      <c r="BD43" s="150">
        <v>0.36229999999999996</v>
      </c>
      <c r="BE43" s="111"/>
    </row>
    <row r="44" spans="3:57" x14ac:dyDescent="0.2">
      <c r="C44" s="166" t="s">
        <v>123</v>
      </c>
      <c r="D44" s="158" t="s">
        <v>58</v>
      </c>
      <c r="E44" s="146">
        <v>0.32780000000000004</v>
      </c>
      <c r="F44" s="111">
        <v>0.34100000000000003</v>
      </c>
      <c r="G44" s="111">
        <v>0.33279999999999998</v>
      </c>
      <c r="H44" s="111">
        <v>0.32420000000000004</v>
      </c>
      <c r="I44" s="111">
        <v>0.34</v>
      </c>
      <c r="J44" s="140">
        <v>0.34100000000000003</v>
      </c>
      <c r="K44" s="140">
        <v>0.3175</v>
      </c>
      <c r="L44" s="146">
        <v>0.23550000000000001</v>
      </c>
      <c r="M44" s="146" t="s">
        <v>90</v>
      </c>
      <c r="N44" s="140" t="s">
        <v>90</v>
      </c>
      <c r="O44" s="140" t="s">
        <v>90</v>
      </c>
      <c r="P44" s="140" t="s">
        <v>90</v>
      </c>
      <c r="Q44" s="146" t="s">
        <v>90</v>
      </c>
      <c r="R44" s="146" t="s">
        <v>90</v>
      </c>
      <c r="S44" s="140" t="s">
        <v>90</v>
      </c>
      <c r="T44" s="140" t="s">
        <v>90</v>
      </c>
      <c r="U44" s="200" t="s">
        <v>90</v>
      </c>
      <c r="V44" s="150" t="s">
        <v>90</v>
      </c>
      <c r="W44" s="140" t="s">
        <v>90</v>
      </c>
      <c r="X44" s="146" t="s">
        <v>90</v>
      </c>
      <c r="Y44" s="146" t="s">
        <v>90</v>
      </c>
      <c r="Z44" s="146" t="s">
        <v>90</v>
      </c>
      <c r="AA44" s="146" t="s">
        <v>90</v>
      </c>
      <c r="AB44" s="140" t="s">
        <v>90</v>
      </c>
      <c r="AC44" s="140" t="s">
        <v>90</v>
      </c>
      <c r="AD44" s="146" t="s">
        <v>90</v>
      </c>
      <c r="AE44" s="140" t="s">
        <v>90</v>
      </c>
      <c r="AF44" s="203" t="s">
        <v>194</v>
      </c>
      <c r="AG44" s="203" t="s">
        <v>194</v>
      </c>
      <c r="AH44" s="140" t="s">
        <v>194</v>
      </c>
      <c r="AI44" s="140" t="s">
        <v>194</v>
      </c>
      <c r="AJ44" s="140" t="s">
        <v>90</v>
      </c>
      <c r="AK44" s="140" t="s">
        <v>90</v>
      </c>
      <c r="AL44" s="140" t="s">
        <v>90</v>
      </c>
      <c r="AM44" s="140" t="s">
        <v>90</v>
      </c>
      <c r="AN44" s="140">
        <v>0.38520000000000004</v>
      </c>
      <c r="AO44" s="140">
        <v>0.40579999999999999</v>
      </c>
      <c r="AP44" s="140">
        <v>0.4128</v>
      </c>
      <c r="AQ44" s="193">
        <v>0.42310000000000003</v>
      </c>
      <c r="AR44" s="140">
        <v>0.4274</v>
      </c>
      <c r="AS44" s="140">
        <v>0.42599999999999999</v>
      </c>
      <c r="AT44" s="140">
        <v>0.42460000000000003</v>
      </c>
      <c r="AU44" s="140">
        <v>0.43170000000000003</v>
      </c>
      <c r="AV44" s="140">
        <v>0.41220000000000001</v>
      </c>
      <c r="AW44" s="150">
        <v>0.38549999999999995</v>
      </c>
      <c r="AX44" s="146">
        <v>0.38569999999999999</v>
      </c>
      <c r="AY44" s="153">
        <v>0.38079999999999997</v>
      </c>
      <c r="AZ44" s="150">
        <v>0.39020000000000005</v>
      </c>
      <c r="BA44" s="162">
        <v>0.39649999999999996</v>
      </c>
      <c r="BB44" s="150">
        <v>0.42729999999999996</v>
      </c>
      <c r="BC44" s="150">
        <v>0.44280000000000003</v>
      </c>
      <c r="BD44" s="150">
        <v>0.4582</v>
      </c>
      <c r="BE44" s="111"/>
    </row>
    <row r="45" spans="3:57" x14ac:dyDescent="0.2">
      <c r="C45" s="166" t="s">
        <v>100</v>
      </c>
      <c r="D45" s="158" t="s">
        <v>58</v>
      </c>
      <c r="E45" s="146">
        <v>0.1474</v>
      </c>
      <c r="F45" s="111">
        <v>0.1447</v>
      </c>
      <c r="G45" s="111">
        <v>0.1371</v>
      </c>
      <c r="H45" s="111">
        <v>0.14449999999999999</v>
      </c>
      <c r="I45" s="111">
        <v>0.14699999999999999</v>
      </c>
      <c r="J45" s="140">
        <v>0.15160000000000001</v>
      </c>
      <c r="K45" s="140">
        <v>0.16329999999999997</v>
      </c>
      <c r="L45" s="146">
        <v>0.15340000000000001</v>
      </c>
      <c r="M45" s="146">
        <v>0.15</v>
      </c>
      <c r="N45" s="140">
        <v>0.14230000000000001</v>
      </c>
      <c r="O45" s="140">
        <v>0.1447</v>
      </c>
      <c r="P45" s="140">
        <v>0.14300000000000002</v>
      </c>
      <c r="Q45" s="146">
        <v>0.14859999999999998</v>
      </c>
      <c r="R45" s="146">
        <v>0.14929999999999999</v>
      </c>
      <c r="S45" s="140">
        <v>0.15240000000000001</v>
      </c>
      <c r="T45" s="140">
        <v>0.156</v>
      </c>
      <c r="U45" s="200">
        <v>0.1457</v>
      </c>
      <c r="V45" s="150">
        <v>0.14429999999999998</v>
      </c>
      <c r="W45" s="140">
        <v>0.13539999999999999</v>
      </c>
      <c r="X45" s="146">
        <v>0.13220000000000001</v>
      </c>
      <c r="Y45" s="146">
        <v>0.1226</v>
      </c>
      <c r="Z45" s="146">
        <v>0.1149</v>
      </c>
      <c r="AA45" s="146">
        <v>0.1081</v>
      </c>
      <c r="AB45" s="140">
        <v>0.1013</v>
      </c>
      <c r="AC45" s="140">
        <v>7.9000000000000001E-2</v>
      </c>
      <c r="AD45" s="146">
        <v>6.9000000000000006E-2</v>
      </c>
      <c r="AE45" s="140">
        <v>5.9000000000000004E-2</v>
      </c>
      <c r="AF45" s="140">
        <v>5.9000000000000004E-2</v>
      </c>
      <c r="AG45" s="203" t="s">
        <v>194</v>
      </c>
      <c r="AH45" s="140" t="s">
        <v>194</v>
      </c>
      <c r="AI45" s="140" t="s">
        <v>194</v>
      </c>
      <c r="AJ45" s="140" t="s">
        <v>90</v>
      </c>
      <c r="AK45" s="140" t="s">
        <v>90</v>
      </c>
      <c r="AL45" s="140" t="s">
        <v>90</v>
      </c>
      <c r="AM45" s="140" t="s">
        <v>90</v>
      </c>
      <c r="AN45" s="140">
        <v>0.19329999999999997</v>
      </c>
      <c r="AO45" s="140">
        <v>0.19370000000000001</v>
      </c>
      <c r="AP45" s="140">
        <v>0.19839999999999999</v>
      </c>
      <c r="AQ45" s="193">
        <v>0.19450000000000001</v>
      </c>
      <c r="AR45" s="140">
        <v>0.21050000000000002</v>
      </c>
      <c r="AS45" s="140">
        <v>0.22159999999999999</v>
      </c>
      <c r="AT45" s="140">
        <v>0.2225</v>
      </c>
      <c r="AU45" s="140">
        <v>0.25129999999999997</v>
      </c>
      <c r="AV45" s="140">
        <v>0.2419</v>
      </c>
      <c r="AW45" s="150">
        <v>0.2465</v>
      </c>
      <c r="AX45" s="146">
        <v>0.24719999999999998</v>
      </c>
      <c r="AY45" s="153">
        <v>0.24460000000000001</v>
      </c>
      <c r="AZ45" s="150">
        <v>0.24679999999999999</v>
      </c>
      <c r="BA45" s="153">
        <v>0.25230000000000002</v>
      </c>
      <c r="BB45" s="150">
        <v>0.25359999999999999</v>
      </c>
      <c r="BC45" s="150">
        <v>0.25719999999999998</v>
      </c>
      <c r="BD45" s="150">
        <v>0.2752</v>
      </c>
      <c r="BE45" s="111"/>
    </row>
    <row r="46" spans="3:57" x14ac:dyDescent="0.2">
      <c r="C46" s="126" t="s">
        <v>89</v>
      </c>
      <c r="D46" s="158" t="s">
        <v>58</v>
      </c>
      <c r="E46" s="146">
        <v>0.44079999999999997</v>
      </c>
      <c r="F46" s="111">
        <v>0.43869999999999998</v>
      </c>
      <c r="G46" s="111">
        <v>0.43920000000000003</v>
      </c>
      <c r="H46" s="111">
        <v>0.40490000000000004</v>
      </c>
      <c r="I46" s="111">
        <v>0.4047</v>
      </c>
      <c r="J46" s="140">
        <v>0.40509999999999996</v>
      </c>
      <c r="K46" s="140">
        <v>0.40710000000000002</v>
      </c>
      <c r="L46" s="146">
        <v>0.40570000000000001</v>
      </c>
      <c r="M46" s="146">
        <v>0.39329999999999998</v>
      </c>
      <c r="N46" s="140">
        <v>0.35820000000000002</v>
      </c>
      <c r="O46" s="140">
        <v>0.36020000000000002</v>
      </c>
      <c r="P46" s="140">
        <v>0.35920000000000002</v>
      </c>
      <c r="Q46" s="146">
        <v>0.35590000000000005</v>
      </c>
      <c r="R46" s="146">
        <v>0.36359999999999998</v>
      </c>
      <c r="S46" s="140">
        <v>0.36359999999999998</v>
      </c>
      <c r="T46" s="140">
        <v>0.36060000000000003</v>
      </c>
      <c r="U46" s="200">
        <v>0.36359999999999998</v>
      </c>
      <c r="V46" s="150">
        <v>0.38819999999999999</v>
      </c>
      <c r="W46" s="140">
        <v>0.41520000000000001</v>
      </c>
      <c r="X46" s="146">
        <v>0.44209999999999999</v>
      </c>
      <c r="Y46" s="146">
        <v>0.47799999999999998</v>
      </c>
      <c r="Z46" s="146">
        <v>0.46240000000000003</v>
      </c>
      <c r="AA46" s="146">
        <v>0.47090000000000004</v>
      </c>
      <c r="AB46" s="140">
        <v>0.46110000000000001</v>
      </c>
      <c r="AC46" s="140">
        <v>0.4708</v>
      </c>
      <c r="AD46" s="146">
        <v>0.4143</v>
      </c>
      <c r="AE46" s="140">
        <v>0.39960000000000001</v>
      </c>
      <c r="AF46" s="140">
        <v>0.38069999999999998</v>
      </c>
      <c r="AG46" s="140">
        <v>0.34659999999999996</v>
      </c>
      <c r="AH46" s="140">
        <v>0.3619</v>
      </c>
      <c r="AI46" s="140">
        <v>0.34250000000000003</v>
      </c>
      <c r="AJ46" s="140">
        <v>0.36159999999999998</v>
      </c>
      <c r="AK46" s="140">
        <v>0.35539999999999999</v>
      </c>
      <c r="AL46" s="140">
        <v>0.35539999999999999</v>
      </c>
      <c r="AM46" s="140">
        <v>0.35049999999999998</v>
      </c>
      <c r="AN46" s="140">
        <v>0.38130000000000003</v>
      </c>
      <c r="AO46" s="140">
        <v>0.40360000000000001</v>
      </c>
      <c r="AP46" s="140">
        <v>0.45579999999999998</v>
      </c>
      <c r="AQ46" s="193">
        <v>0.46329999999999999</v>
      </c>
      <c r="AR46" s="140">
        <v>0.48520000000000002</v>
      </c>
      <c r="AS46" s="140">
        <v>0.50139999999999996</v>
      </c>
      <c r="AT46" s="140">
        <v>0.50560000000000005</v>
      </c>
      <c r="AU46" s="140">
        <v>0.47289999999999999</v>
      </c>
      <c r="AV46" s="140">
        <v>0.49170000000000003</v>
      </c>
      <c r="AW46" s="150">
        <v>0.50970000000000004</v>
      </c>
      <c r="AX46" s="146">
        <v>0.53369999999999995</v>
      </c>
      <c r="AY46" s="153">
        <v>0.52570000000000006</v>
      </c>
      <c r="AZ46" s="150">
        <v>0.53210000000000002</v>
      </c>
      <c r="BA46" s="153">
        <v>0.52790000000000004</v>
      </c>
      <c r="BB46" s="150">
        <v>0.52450000000000008</v>
      </c>
      <c r="BC46" s="150">
        <v>0.52490000000000003</v>
      </c>
      <c r="BD46" s="150">
        <v>0.52490000000000003</v>
      </c>
      <c r="BE46" s="111"/>
    </row>
    <row r="47" spans="3:57" x14ac:dyDescent="0.2">
      <c r="C47" s="126" t="s">
        <v>95</v>
      </c>
      <c r="D47" s="158" t="s">
        <v>58</v>
      </c>
      <c r="E47" s="146">
        <v>0.79139999999999999</v>
      </c>
      <c r="F47" s="111">
        <v>0.79559999999999997</v>
      </c>
      <c r="G47" s="111">
        <v>0.79559999999999997</v>
      </c>
      <c r="H47" s="111">
        <v>0.79559999999999997</v>
      </c>
      <c r="I47" s="111">
        <v>0.80430000000000001</v>
      </c>
      <c r="J47" s="140">
        <v>0.80430000000000001</v>
      </c>
      <c r="K47" s="140">
        <v>0.80940000000000001</v>
      </c>
      <c r="L47" s="146">
        <v>0.80940000000000001</v>
      </c>
      <c r="M47" s="146">
        <v>0.82550000000000001</v>
      </c>
      <c r="N47" s="140">
        <v>0.82550000000000001</v>
      </c>
      <c r="O47" s="140">
        <v>0.82550000000000001</v>
      </c>
      <c r="P47" s="140">
        <v>0.82550000000000001</v>
      </c>
      <c r="Q47" s="146">
        <v>0.82550000000000001</v>
      </c>
      <c r="R47" s="146">
        <v>0.83069999999999988</v>
      </c>
      <c r="S47" s="140">
        <v>0.83069999999999988</v>
      </c>
      <c r="T47" s="140">
        <v>0.83329999999999993</v>
      </c>
      <c r="U47" s="200">
        <v>0.83329999999999993</v>
      </c>
      <c r="V47" s="150">
        <v>0.83329999999999993</v>
      </c>
      <c r="W47" s="140">
        <v>0.83329999999999993</v>
      </c>
      <c r="X47" s="146">
        <v>0.83329999999999993</v>
      </c>
      <c r="Y47" s="146">
        <v>0.83329999999999993</v>
      </c>
      <c r="Z47" s="146">
        <v>0.76249999999999996</v>
      </c>
      <c r="AA47" s="146">
        <v>0.75</v>
      </c>
      <c r="AB47" s="140">
        <v>0.75</v>
      </c>
      <c r="AC47" s="140">
        <v>0.75</v>
      </c>
      <c r="AD47" s="146">
        <v>0.75</v>
      </c>
      <c r="AE47" s="140">
        <v>0.75</v>
      </c>
      <c r="AF47" s="140">
        <v>0.75</v>
      </c>
      <c r="AG47" s="140">
        <v>0.75</v>
      </c>
      <c r="AH47" s="140">
        <v>0.75</v>
      </c>
      <c r="AI47" s="140">
        <v>0.75</v>
      </c>
      <c r="AJ47" s="140">
        <v>0.56990000000000007</v>
      </c>
      <c r="AK47" s="140">
        <v>0.55000000000000004</v>
      </c>
      <c r="AL47" s="140">
        <v>0.55000000000000004</v>
      </c>
      <c r="AM47" s="140">
        <v>0.58289999999999997</v>
      </c>
      <c r="AN47" s="140">
        <v>0.6038</v>
      </c>
      <c r="AO47" s="140">
        <v>0.59379999999999999</v>
      </c>
      <c r="AP47" s="140">
        <v>0.62680000000000002</v>
      </c>
      <c r="AQ47" s="193">
        <v>0.61450000000000005</v>
      </c>
      <c r="AR47" s="140">
        <v>0.63439999999999996</v>
      </c>
      <c r="AS47" s="140">
        <v>0.59209999999999996</v>
      </c>
      <c r="AT47" s="140">
        <v>0.58960000000000001</v>
      </c>
      <c r="AU47" s="140">
        <v>0.60659999999999992</v>
      </c>
      <c r="AV47" s="140">
        <v>0.59130000000000005</v>
      </c>
      <c r="AW47" s="150">
        <v>0.61039999999999994</v>
      </c>
      <c r="AX47" s="146">
        <v>0.64639999999999997</v>
      </c>
      <c r="AY47" s="153">
        <v>0.63570000000000004</v>
      </c>
      <c r="AZ47" s="150">
        <v>0.64579999999999993</v>
      </c>
      <c r="BA47" s="153">
        <v>0.64029999999999998</v>
      </c>
      <c r="BB47" s="150">
        <v>0.66310000000000002</v>
      </c>
      <c r="BC47" s="150">
        <v>0.66310000000000002</v>
      </c>
      <c r="BD47" s="150">
        <v>0.66310000000000002</v>
      </c>
      <c r="BE47" s="111"/>
    </row>
    <row r="48" spans="3:57" ht="13.5" thickBot="1" x14ac:dyDescent="0.25">
      <c r="C48" s="100" t="s">
        <v>96</v>
      </c>
      <c r="D48" s="158" t="s">
        <v>58</v>
      </c>
      <c r="E48" s="146">
        <v>0.79059999999999997</v>
      </c>
      <c r="F48" s="111">
        <v>0.78569999999999995</v>
      </c>
      <c r="G48" s="111">
        <v>0.78689999999999993</v>
      </c>
      <c r="H48" s="111">
        <v>0.78189999999999993</v>
      </c>
      <c r="I48" s="111">
        <v>0.78090000000000004</v>
      </c>
      <c r="J48" s="140">
        <v>0.77729999999999999</v>
      </c>
      <c r="K48" s="140">
        <v>0.7743000000000001</v>
      </c>
      <c r="L48" s="146">
        <v>0.76919999999999999</v>
      </c>
      <c r="M48" s="146">
        <v>0.77099999999999991</v>
      </c>
      <c r="N48" s="140">
        <v>0.76969999999999994</v>
      </c>
      <c r="O48" s="140">
        <v>0.76670000000000005</v>
      </c>
      <c r="P48" s="140">
        <v>0.76249999999999996</v>
      </c>
      <c r="Q48" s="146">
        <v>0.75309999999999999</v>
      </c>
      <c r="R48" s="146">
        <v>0.74769999999999992</v>
      </c>
      <c r="S48" s="140">
        <v>0.75480000000000003</v>
      </c>
      <c r="T48" s="140">
        <v>0.85199999999999998</v>
      </c>
      <c r="U48" s="200">
        <v>0.85199999999999998</v>
      </c>
      <c r="V48" s="150">
        <v>0.9323999999999999</v>
      </c>
      <c r="W48" s="140">
        <v>0.93510000000000004</v>
      </c>
      <c r="X48" s="146">
        <v>0.9274</v>
      </c>
      <c r="Y48" s="146">
        <v>1.0261</v>
      </c>
      <c r="Z48" s="146">
        <v>1.1176000000000001</v>
      </c>
      <c r="AA48" s="146">
        <v>1.3226</v>
      </c>
      <c r="AB48" s="140">
        <v>1.3083</v>
      </c>
      <c r="AC48" s="140">
        <v>1.3249000000000002</v>
      </c>
      <c r="AD48" s="146">
        <v>1.3202</v>
      </c>
      <c r="AE48" s="140">
        <v>1.3322000000000001</v>
      </c>
      <c r="AF48" s="140">
        <v>1.3285</v>
      </c>
      <c r="AG48" s="140">
        <v>1.3285</v>
      </c>
      <c r="AH48" s="140">
        <v>1.3551</v>
      </c>
      <c r="AI48" s="140">
        <v>1.3572</v>
      </c>
      <c r="AJ48" s="140">
        <v>1.3494999999999999</v>
      </c>
      <c r="AK48" s="140">
        <v>1.2505999999999999</v>
      </c>
      <c r="AL48" s="140">
        <v>1.2505999999999999</v>
      </c>
      <c r="AM48" s="140">
        <v>1.1240000000000001</v>
      </c>
      <c r="AN48" s="140">
        <v>0.96849999999999992</v>
      </c>
      <c r="AO48" s="140">
        <v>0.97459999999999991</v>
      </c>
      <c r="AP48" s="140">
        <v>0.97849999999999993</v>
      </c>
      <c r="AQ48" s="205">
        <v>0.97950000000000004</v>
      </c>
      <c r="AR48" s="140">
        <v>0.82569999999999988</v>
      </c>
      <c r="AS48" s="140">
        <v>0.77569999999999995</v>
      </c>
      <c r="AT48" s="140">
        <v>0.77839999999999998</v>
      </c>
      <c r="AU48" s="140">
        <v>0.69220000000000004</v>
      </c>
      <c r="AV48" s="140">
        <v>0.67730000000000001</v>
      </c>
      <c r="AW48" s="150">
        <v>0.68389999999999995</v>
      </c>
      <c r="AX48" s="146">
        <v>0.68709999999999993</v>
      </c>
      <c r="AY48" s="153">
        <v>0.59430000000000005</v>
      </c>
      <c r="AZ48" s="150">
        <v>0.54189999999999994</v>
      </c>
      <c r="BA48" s="153">
        <v>0.311</v>
      </c>
      <c r="BB48" s="150">
        <v>0.31640000000000001</v>
      </c>
      <c r="BC48" s="150">
        <v>0.34189999999999998</v>
      </c>
      <c r="BD48" s="150">
        <v>0.30959999999999999</v>
      </c>
      <c r="BE48" s="111"/>
    </row>
    <row r="49" spans="3:57" ht="13.5" thickTop="1" x14ac:dyDescent="0.2">
      <c r="D49" s="168"/>
      <c r="E49" s="169"/>
      <c r="F49" s="169"/>
      <c r="G49" s="169"/>
      <c r="H49" s="170"/>
      <c r="I49" s="170"/>
      <c r="J49" s="170"/>
      <c r="K49" s="169"/>
      <c r="L49" s="170"/>
      <c r="M49" s="170"/>
      <c r="N49" s="170"/>
      <c r="O49" s="170"/>
      <c r="P49" s="169"/>
      <c r="Q49" s="169"/>
      <c r="R49" s="169"/>
      <c r="S49" s="170"/>
      <c r="T49" s="170"/>
      <c r="U49" s="170"/>
      <c r="V49" s="170"/>
      <c r="W49" s="117"/>
      <c r="X49" s="170"/>
      <c r="Y49" s="170"/>
      <c r="Z49" s="170"/>
      <c r="AA49" s="170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x14ac:dyDescent="0.2">
      <c r="C50" s="202"/>
      <c r="D50" s="173"/>
      <c r="E50" s="173"/>
      <c r="F50" s="173"/>
      <c r="G50" s="173"/>
      <c r="H50" s="173"/>
      <c r="I50" s="173"/>
      <c r="J50" s="173"/>
      <c r="K50" s="173"/>
      <c r="L50" s="173"/>
      <c r="M50" s="173"/>
      <c r="N50" s="173"/>
      <c r="O50" s="173"/>
      <c r="P50" s="173"/>
      <c r="Q50" s="173"/>
      <c r="R50" s="174"/>
      <c r="S50" s="170"/>
      <c r="T50" s="170"/>
      <c r="U50" s="170"/>
      <c r="V50" s="170"/>
      <c r="W50" s="117"/>
      <c r="X50" s="170"/>
      <c r="Y50" s="117"/>
      <c r="Z50" s="169"/>
      <c r="AA50" s="169"/>
      <c r="AB50" s="169"/>
      <c r="AC50" s="169"/>
      <c r="AD50" s="169"/>
      <c r="AE50" s="170"/>
      <c r="AF50" s="170"/>
      <c r="AG50" s="169"/>
      <c r="AH50" s="170"/>
      <c r="AI50" s="170"/>
      <c r="AJ50" s="170"/>
      <c r="AK50" s="170"/>
      <c r="AL50" s="170"/>
      <c r="AM50" s="170"/>
      <c r="AN50" s="170"/>
      <c r="AO50" s="170"/>
      <c r="AP50" s="169"/>
      <c r="AQ50" s="169"/>
      <c r="AR50" s="171"/>
      <c r="AS50" s="169"/>
      <c r="AT50" s="169"/>
      <c r="AU50" s="170"/>
      <c r="AV50" s="169"/>
      <c r="AW50" s="169"/>
      <c r="AX50" s="169"/>
      <c r="AY50" s="170"/>
      <c r="AZ50" s="169"/>
      <c r="BA50" s="169"/>
      <c r="BB50" s="169"/>
      <c r="BC50" s="170"/>
      <c r="BD50" s="170"/>
    </row>
    <row r="51" spans="3:57" ht="13.5" customHeight="1" x14ac:dyDescent="0.2">
      <c r="C51" s="100" t="s">
        <v>106</v>
      </c>
      <c r="D51" s="158" t="s">
        <v>58</v>
      </c>
      <c r="E51" s="100">
        <v>7.6</v>
      </c>
      <c r="F51" s="176">
        <v>7.02</v>
      </c>
      <c r="G51" s="177">
        <v>6.49</v>
      </c>
      <c r="H51" s="176">
        <v>6.72</v>
      </c>
      <c r="I51" s="176"/>
      <c r="J51" s="111">
        <v>7.15</v>
      </c>
      <c r="K51" s="111">
        <v>7.55</v>
      </c>
      <c r="L51" s="111">
        <v>8.1199999999999992</v>
      </c>
      <c r="M51" s="111">
        <v>7.2</v>
      </c>
      <c r="N51" s="111">
        <v>7.31</v>
      </c>
      <c r="O51" s="111">
        <v>6.99</v>
      </c>
      <c r="P51" s="140" t="s">
        <v>90</v>
      </c>
      <c r="Q51" s="111" t="s">
        <v>90</v>
      </c>
      <c r="R51" s="111" t="s">
        <v>90</v>
      </c>
      <c r="S51" s="111" t="s">
        <v>90</v>
      </c>
      <c r="T51" s="111" t="s">
        <v>90</v>
      </c>
      <c r="U51" s="111" t="s">
        <v>90</v>
      </c>
      <c r="V51" s="140" t="s">
        <v>90</v>
      </c>
      <c r="W51" s="111" t="s">
        <v>90</v>
      </c>
      <c r="X51" s="140">
        <v>8.2799999999999994</v>
      </c>
      <c r="Y51" s="111" t="s">
        <v>90</v>
      </c>
      <c r="Z51" s="111" t="s">
        <v>90</v>
      </c>
      <c r="AA51" s="111" t="s">
        <v>90</v>
      </c>
      <c r="AB51" s="140">
        <v>7.86</v>
      </c>
      <c r="AC51" s="111">
        <v>7.23</v>
      </c>
      <c r="AD51" s="111" t="s">
        <v>90</v>
      </c>
      <c r="AE51" s="140" t="s">
        <v>90</v>
      </c>
      <c r="AF51" s="140">
        <v>8.0299999999999994</v>
      </c>
      <c r="AG51" s="140">
        <v>7.78</v>
      </c>
      <c r="AH51" s="140">
        <v>8.35</v>
      </c>
      <c r="AI51" s="140">
        <v>7.47</v>
      </c>
      <c r="AJ51" s="140">
        <v>7.55</v>
      </c>
      <c r="AK51" s="140">
        <v>7.62</v>
      </c>
      <c r="AL51" s="140">
        <v>7.62</v>
      </c>
      <c r="AM51" s="140">
        <v>7.3</v>
      </c>
      <c r="AN51" s="176">
        <v>8.65</v>
      </c>
      <c r="AO51" s="176">
        <v>6.76</v>
      </c>
      <c r="AP51" s="176">
        <v>7.28</v>
      </c>
      <c r="AQ51" s="73">
        <v>6.42</v>
      </c>
      <c r="AR51" s="176">
        <v>7.38</v>
      </c>
      <c r="AS51" s="176">
        <v>7.55</v>
      </c>
      <c r="AT51" s="176">
        <v>7.43</v>
      </c>
      <c r="AU51" s="176">
        <v>7.37</v>
      </c>
      <c r="AV51" s="177">
        <v>7.41</v>
      </c>
      <c r="AW51" s="176">
        <v>6.95</v>
      </c>
      <c r="AX51" s="111">
        <v>7.2</v>
      </c>
      <c r="AY51" s="177">
        <v>6.98</v>
      </c>
      <c r="AZ51" s="176">
        <v>6.8</v>
      </c>
      <c r="BA51" s="176">
        <v>6.75</v>
      </c>
      <c r="BB51" s="176">
        <v>6.69</v>
      </c>
      <c r="BC51" s="176">
        <v>6.8</v>
      </c>
      <c r="BD51" s="176">
        <v>6.06</v>
      </c>
      <c r="BE51" s="100"/>
    </row>
    <row r="52" spans="3:57" x14ac:dyDescent="0.2">
      <c r="C52" s="102"/>
      <c r="D52" s="179"/>
      <c r="E52" s="180"/>
      <c r="F52" s="180"/>
      <c r="G52" s="180"/>
      <c r="H52" s="180"/>
      <c r="I52" s="180"/>
      <c r="J52" s="180"/>
      <c r="K52" s="180"/>
      <c r="L52" s="180"/>
      <c r="M52" s="180"/>
      <c r="N52" s="180"/>
      <c r="O52" s="180"/>
      <c r="P52" s="171"/>
      <c r="Q52" s="171"/>
      <c r="R52" s="171"/>
      <c r="S52" s="171"/>
      <c r="T52" s="171"/>
      <c r="U52" s="171"/>
      <c r="V52" s="171"/>
      <c r="W52" s="171"/>
      <c r="X52" s="171"/>
      <c r="Y52" s="171"/>
      <c r="Z52" s="171"/>
      <c r="AA52" s="171"/>
      <c r="AB52" s="171"/>
      <c r="AC52" s="171"/>
      <c r="AD52" s="171"/>
      <c r="AE52" s="171"/>
      <c r="AF52" s="171"/>
      <c r="AG52" s="171"/>
      <c r="AH52" s="171"/>
      <c r="AI52" s="171"/>
      <c r="AJ52" s="171"/>
      <c r="AK52" s="171"/>
      <c r="AL52" s="171"/>
      <c r="AM52" s="171"/>
      <c r="AN52" s="171"/>
      <c r="AO52" s="171"/>
      <c r="AP52" s="171"/>
      <c r="AQ52" s="171"/>
      <c r="AR52" s="171"/>
      <c r="AS52" s="171"/>
      <c r="AT52" s="171"/>
      <c r="AU52" s="171"/>
      <c r="AV52" s="171"/>
      <c r="AW52" s="171"/>
      <c r="AX52" s="171"/>
      <c r="AY52" s="171"/>
      <c r="AZ52" s="171"/>
      <c r="BA52" s="171"/>
      <c r="BB52" s="171"/>
      <c r="BC52" s="171"/>
      <c r="BD52" s="171"/>
    </row>
    <row r="53" spans="3:57" x14ac:dyDescent="0.2">
      <c r="C53" s="181" t="s">
        <v>191</v>
      </c>
      <c r="D53" s="138" t="s">
        <v>176</v>
      </c>
    </row>
    <row r="54" spans="3:57" x14ac:dyDescent="0.2">
      <c r="C54" s="202" t="s">
        <v>192</v>
      </c>
      <c r="D54" s="173" t="s">
        <v>193</v>
      </c>
      <c r="L54" s="183"/>
    </row>
    <row r="55" spans="3:57" ht="12.75" customHeight="1" x14ac:dyDescent="0.2"/>
    <row r="56" spans="3:57" ht="17.25" customHeight="1" x14ac:dyDescent="0.2">
      <c r="C56" s="155"/>
    </row>
    <row r="57" spans="3:57" ht="15.75" customHeight="1" x14ac:dyDescent="0.2">
      <c r="C57" s="129"/>
    </row>
    <row r="58" spans="3:57" ht="15.75" customHeight="1" x14ac:dyDescent="0.2">
      <c r="C58" s="1" t="s">
        <v>1</v>
      </c>
      <c r="E58" s="2">
        <v>2022</v>
      </c>
      <c r="F58" s="2"/>
      <c r="G58" s="2"/>
      <c r="H58" s="2"/>
      <c r="I58" s="2"/>
      <c r="J58" s="2"/>
      <c r="K58" s="2"/>
      <c r="L58" s="2"/>
      <c r="M58" s="2"/>
    </row>
    <row r="59" spans="3:57" x14ac:dyDescent="0.2">
      <c r="C59" s="156" t="s">
        <v>2</v>
      </c>
      <c r="D59" s="156" t="s">
        <v>3</v>
      </c>
      <c r="E59" s="4" t="s">
        <v>15</v>
      </c>
      <c r="F59" s="4" t="s">
        <v>16</v>
      </c>
      <c r="G59" s="4" t="s">
        <v>17</v>
      </c>
      <c r="H59" s="4" t="s">
        <v>18</v>
      </c>
      <c r="I59" s="4" t="s">
        <v>19</v>
      </c>
      <c r="J59" s="4" t="s">
        <v>20</v>
      </c>
      <c r="K59" s="4" t="s">
        <v>21</v>
      </c>
      <c r="L59" s="4" t="s">
        <v>22</v>
      </c>
      <c r="M59" s="4" t="s">
        <v>23</v>
      </c>
      <c r="N59" s="4" t="s">
        <v>24</v>
      </c>
      <c r="O59" s="4" t="s">
        <v>25</v>
      </c>
      <c r="P59" s="4" t="s">
        <v>26</v>
      </c>
      <c r="Q59" s="4" t="s">
        <v>27</v>
      </c>
      <c r="R59" s="4" t="s">
        <v>28</v>
      </c>
      <c r="S59" s="4" t="s">
        <v>29</v>
      </c>
      <c r="T59" s="4" t="s">
        <v>30</v>
      </c>
      <c r="U59" s="4" t="s">
        <v>31</v>
      </c>
      <c r="V59" s="4" t="s">
        <v>32</v>
      </c>
      <c r="W59" s="4" t="s">
        <v>33</v>
      </c>
      <c r="X59" s="4" t="s">
        <v>34</v>
      </c>
      <c r="Y59" s="4" t="s">
        <v>35</v>
      </c>
      <c r="Z59" s="4" t="s">
        <v>36</v>
      </c>
      <c r="AA59" s="4" t="s">
        <v>37</v>
      </c>
      <c r="AB59" s="4" t="s">
        <v>38</v>
      </c>
      <c r="AC59" s="4" t="s">
        <v>39</v>
      </c>
      <c r="AD59" s="4" t="s">
        <v>40</v>
      </c>
      <c r="AE59" s="4" t="s">
        <v>41</v>
      </c>
      <c r="AF59" s="4" t="s">
        <v>42</v>
      </c>
      <c r="AG59" s="4" t="s">
        <v>43</v>
      </c>
      <c r="AH59" s="4" t="s">
        <v>44</v>
      </c>
      <c r="AI59" s="4" t="s">
        <v>45</v>
      </c>
      <c r="AJ59" s="4" t="s">
        <v>46</v>
      </c>
      <c r="AK59" s="4" t="s">
        <v>47</v>
      </c>
      <c r="AL59" s="4" t="s">
        <v>48</v>
      </c>
      <c r="AM59" s="4" t="s">
        <v>49</v>
      </c>
      <c r="AN59" s="4" t="s">
        <v>50</v>
      </c>
      <c r="AO59" s="4" t="s">
        <v>51</v>
      </c>
      <c r="AP59" s="4" t="s">
        <v>52</v>
      </c>
      <c r="AQ59" s="4" t="s">
        <v>53</v>
      </c>
      <c r="AR59" s="4" t="s">
        <v>54</v>
      </c>
      <c r="AS59" s="4" t="s">
        <v>55</v>
      </c>
      <c r="AT59" s="4" t="s">
        <v>4</v>
      </c>
      <c r="AU59" s="4" t="s">
        <v>5</v>
      </c>
      <c r="AV59" s="4" t="s">
        <v>6</v>
      </c>
      <c r="AW59" s="4" t="s">
        <v>7</v>
      </c>
      <c r="AX59" s="4" t="s">
        <v>8</v>
      </c>
      <c r="AY59" s="4" t="s">
        <v>9</v>
      </c>
      <c r="AZ59" s="4" t="s">
        <v>10</v>
      </c>
      <c r="BA59" s="4" t="s">
        <v>11</v>
      </c>
      <c r="BB59" s="4" t="s">
        <v>12</v>
      </c>
      <c r="BC59" s="4" t="s">
        <v>13</v>
      </c>
      <c r="BD59" s="4" t="s">
        <v>14</v>
      </c>
      <c r="BE59" s="4" t="s">
        <v>56</v>
      </c>
    </row>
    <row r="60" spans="3:57" x14ac:dyDescent="0.2">
      <c r="C60" s="157" t="s">
        <v>57</v>
      </c>
      <c r="D60" s="158" t="s">
        <v>58</v>
      </c>
      <c r="E60" s="146"/>
      <c r="F60" s="140"/>
      <c r="G60" s="146"/>
      <c r="H60" s="146"/>
      <c r="I60" s="146"/>
      <c r="J60" s="140"/>
      <c r="K60" s="146"/>
      <c r="L60" s="146"/>
      <c r="M60" s="146"/>
      <c r="N60" s="146"/>
      <c r="O60" s="145"/>
      <c r="P60" s="145"/>
      <c r="Q60" s="146"/>
      <c r="R60" s="146"/>
      <c r="S60" s="146"/>
      <c r="T60" s="140"/>
      <c r="U60" s="140"/>
      <c r="V60" s="140"/>
      <c r="W60" s="140"/>
      <c r="X60" s="146"/>
      <c r="Y60" s="146"/>
      <c r="Z60" s="140"/>
      <c r="AA60" s="111"/>
      <c r="AB60" s="140"/>
      <c r="AC60" s="145"/>
      <c r="AD60" s="145"/>
      <c r="AE60" s="146"/>
      <c r="AF60" s="146"/>
      <c r="AG60" s="140"/>
      <c r="AH60" s="146"/>
      <c r="AI60" s="140"/>
      <c r="AJ60" s="194"/>
      <c r="AK60" s="140"/>
      <c r="AL60" s="140"/>
      <c r="AM60" s="140"/>
      <c r="AN60" s="140"/>
      <c r="AO60" s="140"/>
      <c r="AP60" s="140"/>
      <c r="AQ60" s="140"/>
      <c r="AR60" s="140"/>
      <c r="AS60" s="140"/>
      <c r="AT60" s="140"/>
      <c r="AU60" s="146"/>
      <c r="AV60" s="140"/>
      <c r="AW60" s="140"/>
      <c r="AX60" s="140"/>
      <c r="AY60" s="140"/>
      <c r="AZ60" s="43"/>
      <c r="BA60" s="140"/>
      <c r="BB60" s="194"/>
      <c r="BC60" s="194"/>
      <c r="BD60" s="194"/>
      <c r="BE60" s="140"/>
    </row>
    <row r="61" spans="3:57" x14ac:dyDescent="0.2">
      <c r="C61" s="157" t="s">
        <v>59</v>
      </c>
      <c r="D61" s="158" t="s">
        <v>58</v>
      </c>
      <c r="E61" s="146"/>
      <c r="F61" s="140"/>
      <c r="G61" s="146"/>
      <c r="H61" s="146"/>
      <c r="I61" s="146"/>
      <c r="J61" s="140"/>
      <c r="K61" s="146"/>
      <c r="L61" s="146"/>
      <c r="M61" s="146"/>
      <c r="N61" s="146"/>
      <c r="O61" s="145"/>
      <c r="P61" s="145"/>
      <c r="Q61" s="146"/>
      <c r="R61" s="146"/>
      <c r="S61" s="146"/>
      <c r="T61" s="140"/>
      <c r="U61" s="140"/>
      <c r="V61" s="140"/>
      <c r="W61" s="140"/>
      <c r="X61" s="146"/>
      <c r="Y61" s="146"/>
      <c r="Z61" s="140"/>
      <c r="AA61" s="111"/>
      <c r="AB61" s="140"/>
      <c r="AC61" s="145"/>
      <c r="AD61" s="145"/>
      <c r="AE61" s="146"/>
      <c r="AF61" s="146"/>
      <c r="AG61" s="140"/>
      <c r="AH61" s="146"/>
      <c r="AI61" s="140"/>
      <c r="AJ61" s="194"/>
      <c r="AK61" s="140"/>
      <c r="AL61" s="140"/>
      <c r="AM61" s="140"/>
      <c r="AN61" s="140"/>
      <c r="AO61" s="140"/>
      <c r="AP61" s="140"/>
      <c r="AQ61" s="140"/>
      <c r="AR61" s="140"/>
      <c r="AS61" s="140"/>
      <c r="AT61" s="140"/>
      <c r="AU61" s="146"/>
      <c r="AV61" s="140"/>
      <c r="AW61" s="140"/>
      <c r="AX61" s="140"/>
      <c r="AY61" s="140"/>
      <c r="AZ61" s="43"/>
      <c r="BA61" s="140"/>
      <c r="BB61" s="194"/>
      <c r="BC61" s="194"/>
      <c r="BD61" s="194"/>
      <c r="BE61" s="140"/>
    </row>
    <row r="62" spans="3:57" x14ac:dyDescent="0.2">
      <c r="C62" s="157" t="s">
        <v>60</v>
      </c>
      <c r="D62" s="158" t="s">
        <v>58</v>
      </c>
      <c r="E62" s="146"/>
      <c r="F62" s="140"/>
      <c r="G62" s="146"/>
      <c r="H62" s="146"/>
      <c r="I62" s="146"/>
      <c r="J62" s="140"/>
      <c r="K62" s="146"/>
      <c r="L62" s="146"/>
      <c r="M62" s="146"/>
      <c r="N62" s="146"/>
      <c r="O62" s="145"/>
      <c r="P62" s="145"/>
      <c r="Q62" s="146"/>
      <c r="R62" s="146"/>
      <c r="S62" s="146"/>
      <c r="T62" s="140"/>
      <c r="U62" s="140"/>
      <c r="V62" s="140"/>
      <c r="W62" s="140"/>
      <c r="X62" s="146"/>
      <c r="Y62" s="146"/>
      <c r="Z62" s="140"/>
      <c r="AA62" s="111"/>
      <c r="AB62" s="140"/>
      <c r="AC62" s="145"/>
      <c r="AD62" s="145"/>
      <c r="AE62" s="146"/>
      <c r="AF62" s="146"/>
      <c r="AG62" s="140"/>
      <c r="AH62" s="146"/>
      <c r="AI62" s="140"/>
      <c r="AJ62" s="194"/>
      <c r="AK62" s="140"/>
      <c r="AL62" s="140"/>
      <c r="AM62" s="140"/>
      <c r="AN62" s="140"/>
      <c r="AO62" s="140"/>
      <c r="AP62" s="140"/>
      <c r="AQ62" s="140"/>
      <c r="AR62" s="140"/>
      <c r="AS62" s="140"/>
      <c r="AT62" s="140"/>
      <c r="AU62" s="146"/>
      <c r="AV62" s="140"/>
      <c r="AW62" s="140"/>
      <c r="AX62" s="140"/>
      <c r="AY62" s="140"/>
      <c r="AZ62" s="43"/>
      <c r="BA62" s="140"/>
      <c r="BB62" s="194"/>
      <c r="BC62" s="194"/>
      <c r="BD62" s="194"/>
      <c r="BE62" s="140"/>
    </row>
    <row r="63" spans="3:57" x14ac:dyDescent="0.2">
      <c r="C63" s="157" t="s">
        <v>61</v>
      </c>
      <c r="D63" s="158" t="s">
        <v>58</v>
      </c>
      <c r="E63" s="146"/>
      <c r="F63" s="140"/>
      <c r="G63" s="146"/>
      <c r="H63" s="146"/>
      <c r="I63" s="146"/>
      <c r="J63" s="140"/>
      <c r="K63" s="146"/>
      <c r="L63" s="146"/>
      <c r="M63" s="146"/>
      <c r="N63" s="146"/>
      <c r="O63" s="145"/>
      <c r="P63" s="145"/>
      <c r="Q63" s="146"/>
      <c r="R63" s="146"/>
      <c r="S63" s="146"/>
      <c r="T63" s="140"/>
      <c r="U63" s="140"/>
      <c r="V63" s="140"/>
      <c r="W63" s="140"/>
      <c r="X63" s="146"/>
      <c r="Y63" s="146"/>
      <c r="Z63" s="140"/>
      <c r="AA63" s="111"/>
      <c r="AB63" s="140"/>
      <c r="AC63" s="145"/>
      <c r="AD63" s="145"/>
      <c r="AE63" s="146"/>
      <c r="AF63" s="146"/>
      <c r="AG63" s="140"/>
      <c r="AH63" s="146"/>
      <c r="AI63" s="140"/>
      <c r="AJ63" s="194"/>
      <c r="AK63" s="140"/>
      <c r="AL63" s="140"/>
      <c r="AM63" s="140"/>
      <c r="AN63" s="140"/>
      <c r="AO63" s="140"/>
      <c r="AP63" s="140"/>
      <c r="AQ63" s="140"/>
      <c r="AR63" s="140"/>
      <c r="AS63" s="140"/>
      <c r="AT63" s="140"/>
      <c r="AU63" s="146"/>
      <c r="AV63" s="140"/>
      <c r="AW63" s="140"/>
      <c r="AX63" s="140"/>
      <c r="AY63" s="140"/>
      <c r="AZ63" s="43"/>
      <c r="BA63" s="140"/>
      <c r="BB63" s="194"/>
      <c r="BC63" s="194"/>
      <c r="BD63" s="194"/>
      <c r="BE63" s="140"/>
    </row>
    <row r="64" spans="3:57" x14ac:dyDescent="0.2">
      <c r="C64" s="157" t="s">
        <v>62</v>
      </c>
      <c r="D64" s="158" t="s">
        <v>58</v>
      </c>
      <c r="E64" s="146"/>
      <c r="F64" s="140"/>
      <c r="G64" s="146"/>
      <c r="H64" s="146"/>
      <c r="I64" s="146"/>
      <c r="J64" s="140"/>
      <c r="K64" s="146"/>
      <c r="L64" s="146"/>
      <c r="M64" s="146"/>
      <c r="N64" s="146"/>
      <c r="O64" s="145"/>
      <c r="P64" s="145"/>
      <c r="Q64" s="146"/>
      <c r="R64" s="146"/>
      <c r="S64" s="146"/>
      <c r="T64" s="140"/>
      <c r="U64" s="140"/>
      <c r="V64" s="140"/>
      <c r="W64" s="140"/>
      <c r="X64" s="146"/>
      <c r="Y64" s="146"/>
      <c r="Z64" s="140"/>
      <c r="AA64" s="111"/>
      <c r="AB64" s="140"/>
      <c r="AC64" s="145"/>
      <c r="AD64" s="145"/>
      <c r="AE64" s="146"/>
      <c r="AF64" s="146"/>
      <c r="AG64" s="140"/>
      <c r="AH64" s="146"/>
      <c r="AI64" s="140"/>
      <c r="AJ64" s="194"/>
      <c r="AK64" s="140"/>
      <c r="AL64" s="140"/>
      <c r="AM64" s="140"/>
      <c r="AN64" s="140"/>
      <c r="AO64" s="140"/>
      <c r="AP64" s="140"/>
      <c r="AQ64" s="140"/>
      <c r="AR64" s="140"/>
      <c r="AS64" s="140"/>
      <c r="AT64" s="140"/>
      <c r="AU64" s="146"/>
      <c r="AV64" s="140"/>
      <c r="AW64" s="140"/>
      <c r="AX64" s="140"/>
      <c r="AY64" s="140"/>
      <c r="AZ64" s="194"/>
      <c r="BA64" s="140"/>
      <c r="BB64" s="194"/>
      <c r="BC64" s="194"/>
      <c r="BD64" s="194"/>
      <c r="BE64" s="140"/>
    </row>
    <row r="65" spans="3:57" x14ac:dyDescent="0.2">
      <c r="C65" s="157" t="s">
        <v>75</v>
      </c>
      <c r="D65" s="158" t="s">
        <v>76</v>
      </c>
      <c r="E65" s="146"/>
      <c r="F65" s="140"/>
      <c r="G65" s="146"/>
      <c r="H65" s="146"/>
      <c r="I65" s="146"/>
      <c r="J65" s="140"/>
      <c r="K65" s="146"/>
      <c r="L65" s="146"/>
      <c r="M65" s="146"/>
      <c r="N65" s="146"/>
      <c r="O65" s="145"/>
      <c r="P65" s="145"/>
      <c r="Q65" s="146"/>
      <c r="R65" s="146"/>
      <c r="S65" s="146"/>
      <c r="T65" s="140"/>
      <c r="U65" s="140"/>
      <c r="V65" s="140"/>
      <c r="W65" s="140"/>
      <c r="X65" s="146"/>
      <c r="Y65" s="146"/>
      <c r="Z65" s="140"/>
      <c r="AA65" s="111"/>
      <c r="AB65" s="140"/>
      <c r="AC65" s="145"/>
      <c r="AD65" s="145"/>
      <c r="AE65" s="146"/>
      <c r="AF65" s="146"/>
      <c r="AG65" s="140"/>
      <c r="AH65" s="146"/>
      <c r="AI65" s="140"/>
      <c r="AJ65" s="194"/>
      <c r="AK65" s="140"/>
      <c r="AL65" s="140"/>
      <c r="AM65" s="140"/>
      <c r="AN65" s="140"/>
      <c r="AO65" s="140"/>
      <c r="AP65" s="140"/>
      <c r="AQ65" s="140"/>
      <c r="AR65" s="140"/>
      <c r="AS65" s="140"/>
      <c r="AT65" s="140"/>
      <c r="AU65" s="146"/>
      <c r="AV65" s="140"/>
      <c r="AW65" s="140"/>
      <c r="AX65" s="140"/>
      <c r="AY65" s="140"/>
      <c r="AZ65" s="194"/>
      <c r="BA65" s="140"/>
      <c r="BB65" s="194"/>
      <c r="BC65" s="194"/>
      <c r="BD65" s="194"/>
      <c r="BE65" s="140"/>
    </row>
    <row r="66" spans="3:57" x14ac:dyDescent="0.2">
      <c r="C66" s="157" t="s">
        <v>63</v>
      </c>
      <c r="D66" s="158" t="s">
        <v>58</v>
      </c>
      <c r="E66" s="146">
        <v>9.1035439394375519</v>
      </c>
      <c r="F66" s="140">
        <v>10.289832081503523</v>
      </c>
      <c r="G66" s="146">
        <v>9.1507139521244252</v>
      </c>
      <c r="H66" s="146">
        <v>7.3735380775834942</v>
      </c>
      <c r="I66" s="146">
        <v>7.1300093678929581</v>
      </c>
      <c r="J66" s="140">
        <v>7.4670383103496842</v>
      </c>
      <c r="K66" s="146">
        <v>7.7341796416449018</v>
      </c>
      <c r="L66" s="146">
        <v>8.9125906460124273</v>
      </c>
      <c r="M66" s="146">
        <v>9.1767207888533466</v>
      </c>
      <c r="N66" s="146">
        <v>10.298760957454125</v>
      </c>
      <c r="O66" s="146">
        <v>9.8303882511602581</v>
      </c>
      <c r="P66" s="146">
        <v>7.2293086285007266</v>
      </c>
      <c r="Q66" s="146">
        <v>6.8810075086966531</v>
      </c>
      <c r="R66" s="146">
        <v>7.8701032711675429</v>
      </c>
      <c r="S66" s="146">
        <v>8.4956535218761502</v>
      </c>
      <c r="T66" s="140">
        <v>8.2028573781592584</v>
      </c>
      <c r="U66" s="140">
        <v>9.6492990461049288</v>
      </c>
      <c r="V66" s="140">
        <v>9.541633868879499</v>
      </c>
      <c r="W66" s="140">
        <v>8.6937642806166568</v>
      </c>
      <c r="X66" s="146">
        <v>9.0486136225990652</v>
      </c>
      <c r="Y66" s="146">
        <v>9.725265272768258</v>
      </c>
      <c r="Z66" s="140">
        <v>8.9502975978007804</v>
      </c>
      <c r="AA66" s="111">
        <v>7.4648328170646581</v>
      </c>
      <c r="AB66" s="140">
        <v>7.0312958797997425</v>
      </c>
      <c r="AC66" s="146">
        <v>7.2865824543936606</v>
      </c>
      <c r="AD66" s="146">
        <v>7.1419312056933215</v>
      </c>
      <c r="AE66" s="146">
        <v>7.2301627979695162</v>
      </c>
      <c r="AF66" s="146">
        <v>7.4667517331859319</v>
      </c>
      <c r="AG66" s="140">
        <v>7.3773488253644883</v>
      </c>
      <c r="AH66" s="146">
        <v>6.94</v>
      </c>
      <c r="AI66" s="140">
        <v>6.9330601641856173</v>
      </c>
      <c r="AJ66" s="145">
        <v>6.3492132032231838</v>
      </c>
      <c r="AK66" s="140">
        <v>6.0618355308550242</v>
      </c>
      <c r="AL66" s="140">
        <v>6.0618355308550242</v>
      </c>
      <c r="AM66" s="140">
        <v>6.4071803446943703</v>
      </c>
      <c r="AN66" s="140">
        <v>7.7323716974087882</v>
      </c>
      <c r="AO66" s="140">
        <v>8.3586776817745445</v>
      </c>
      <c r="AP66" s="140">
        <v>9.3894005885631753</v>
      </c>
      <c r="AQ66" s="8">
        <v>9.4775082389258714</v>
      </c>
      <c r="AR66" s="140">
        <v>9.3468255988768938</v>
      </c>
      <c r="AS66" s="140">
        <v>8.847415811801925</v>
      </c>
      <c r="AT66" s="140">
        <v>9.6994278648345933</v>
      </c>
      <c r="AU66" s="146">
        <v>9.5774878687721881</v>
      </c>
      <c r="AV66" s="140">
        <v>8.6155767244756269</v>
      </c>
      <c r="AW66" s="140">
        <v>8.1268007311634296</v>
      </c>
      <c r="AX66" s="140">
        <v>9.1003720253064042</v>
      </c>
      <c r="AY66" s="140">
        <v>9.1388619440627963</v>
      </c>
      <c r="AZ66" s="146">
        <v>10.372946226269825</v>
      </c>
      <c r="BA66" s="140">
        <v>10.529447698275197</v>
      </c>
      <c r="BB66" s="145">
        <v>8.8666745288915934</v>
      </c>
      <c r="BC66" s="146">
        <v>11.511726777520449</v>
      </c>
      <c r="BD66" s="145">
        <v>12.505951890342232</v>
      </c>
      <c r="BE66" s="140"/>
    </row>
    <row r="67" spans="3:57" x14ac:dyDescent="0.2">
      <c r="C67" s="157" t="s">
        <v>64</v>
      </c>
      <c r="D67" s="158" t="s">
        <v>58</v>
      </c>
      <c r="E67" s="146">
        <v>7.2747764584112016</v>
      </c>
      <c r="F67" s="140">
        <v>8.0267209055535904</v>
      </c>
      <c r="G67" s="146">
        <v>8.1860833800710413</v>
      </c>
      <c r="H67" s="146">
        <v>6.7516665264857778</v>
      </c>
      <c r="I67" s="146">
        <v>6.9916891639622047</v>
      </c>
      <c r="J67" s="140">
        <v>6.9884237418303217</v>
      </c>
      <c r="K67" s="146">
        <v>6.5859545794011813</v>
      </c>
      <c r="L67" s="146">
        <v>6.9065325898340779</v>
      </c>
      <c r="M67" s="146">
        <v>6.6459305003899374</v>
      </c>
      <c r="N67" s="146">
        <v>7.552050878430947</v>
      </c>
      <c r="O67" s="146">
        <v>7.3497012588271424</v>
      </c>
      <c r="P67" s="146">
        <v>6.4058329443713671</v>
      </c>
      <c r="Q67" s="146">
        <v>6.345562287282382</v>
      </c>
      <c r="R67" s="146">
        <v>6.951527516663818</v>
      </c>
      <c r="S67" s="146">
        <v>7.780055074744296</v>
      </c>
      <c r="T67" s="140">
        <v>7.4931506214451229</v>
      </c>
      <c r="U67" s="140">
        <v>7.2244369541902866</v>
      </c>
      <c r="V67" s="140">
        <v>6.6199313807801605</v>
      </c>
      <c r="W67" s="140">
        <v>6.5273376294990539</v>
      </c>
      <c r="X67" s="146">
        <v>5.9957807641712506</v>
      </c>
      <c r="Y67" s="146">
        <v>6.4903569171283042</v>
      </c>
      <c r="Z67" s="140">
        <v>6.2984090126093841</v>
      </c>
      <c r="AA67" s="111">
        <v>6.3377284899104218</v>
      </c>
      <c r="AB67" s="140">
        <v>6.2605659486359837</v>
      </c>
      <c r="AC67" s="146">
        <v>6.3416542962219991</v>
      </c>
      <c r="AD67" s="146">
        <v>6.6112517813634897</v>
      </c>
      <c r="AE67" s="146">
        <v>6.1607235989474924</v>
      </c>
      <c r="AF67" s="146">
        <v>6.1633216313439956</v>
      </c>
      <c r="AG67" s="184">
        <v>6.1668317042073948</v>
      </c>
      <c r="AH67" s="146">
        <v>6.0839670785564532</v>
      </c>
      <c r="AI67" s="140">
        <v>6.8216987890614558</v>
      </c>
      <c r="AJ67" s="145">
        <v>7.7250881139857528</v>
      </c>
      <c r="AK67" s="140">
        <v>5.8358843714256006</v>
      </c>
      <c r="AL67" s="140">
        <v>5.8358843714256006</v>
      </c>
      <c r="AM67" s="140">
        <v>5.4391108795331391</v>
      </c>
      <c r="AN67" s="140">
        <v>5.8263077529079199</v>
      </c>
      <c r="AO67" s="140">
        <v>6.0286425529362369</v>
      </c>
      <c r="AP67" s="140">
        <v>5.8462086882295079</v>
      </c>
      <c r="AQ67" s="8">
        <v>5.5800162216836204</v>
      </c>
      <c r="AR67" s="140">
        <v>6.7544532165682565</v>
      </c>
      <c r="AS67" s="140">
        <v>6.3774314846347204</v>
      </c>
      <c r="AT67" s="140">
        <v>6.3347327848195096</v>
      </c>
      <c r="AU67" s="146">
        <v>6.6504268279785954</v>
      </c>
      <c r="AV67" s="140">
        <v>7.1193331698945821</v>
      </c>
      <c r="AW67" s="140">
        <v>6.4326983960399504</v>
      </c>
      <c r="AX67" s="140">
        <v>6.9458766724097591</v>
      </c>
      <c r="AY67" s="184">
        <v>6.761176671473021</v>
      </c>
      <c r="AZ67" s="146">
        <v>7.1590948845940536</v>
      </c>
      <c r="BA67" s="140">
        <v>6.9126112807982087</v>
      </c>
      <c r="BB67" s="145">
        <v>6.0213279974890144</v>
      </c>
      <c r="BC67" s="146">
        <v>6.8195598617996094</v>
      </c>
      <c r="BD67" s="145">
        <v>6.5867539933478421</v>
      </c>
      <c r="BE67" s="184"/>
    </row>
    <row r="68" spans="3:57" x14ac:dyDescent="0.2">
      <c r="C68" s="157" t="s">
        <v>65</v>
      </c>
      <c r="D68" s="158" t="s">
        <v>58</v>
      </c>
      <c r="E68" s="146">
        <v>3.2305569456489285</v>
      </c>
      <c r="F68" s="140">
        <v>3.4109762635250962</v>
      </c>
      <c r="G68" s="146">
        <v>2.4986734143262033</v>
      </c>
      <c r="H68" s="146">
        <v>2.4962547630559855</v>
      </c>
      <c r="I68" s="146">
        <v>2.9118620875149195</v>
      </c>
      <c r="J68" s="140">
        <v>2.7052675108464799</v>
      </c>
      <c r="K68" s="146">
        <v>3.3022286543394506</v>
      </c>
      <c r="L68" s="146">
        <v>2.8074725461214212</v>
      </c>
      <c r="M68" s="146">
        <v>3.0535574271209946</v>
      </c>
      <c r="N68" s="146">
        <v>3.0273884651398695</v>
      </c>
      <c r="O68" s="146">
        <v>3.6227838219596089</v>
      </c>
      <c r="P68" s="146">
        <v>3.3058269266343556</v>
      </c>
      <c r="Q68" s="146">
        <v>3.1736680938762243</v>
      </c>
      <c r="R68" s="146">
        <v>2.6896285822761605</v>
      </c>
      <c r="S68" s="146">
        <v>2.9447177177399642</v>
      </c>
      <c r="T68" s="140">
        <v>2.9986674970227369</v>
      </c>
      <c r="U68" s="140">
        <v>2.6323409933744011</v>
      </c>
      <c r="V68" s="140">
        <v>2.5112737544430987</v>
      </c>
      <c r="W68" s="140">
        <v>2.4959270316817439</v>
      </c>
      <c r="X68" s="146">
        <v>2.5968330728227329</v>
      </c>
      <c r="Y68" s="146">
        <v>2.8546382554173477</v>
      </c>
      <c r="Z68" s="140">
        <v>2.5713458962654867</v>
      </c>
      <c r="AA68" s="111">
        <v>2.462487183823352</v>
      </c>
      <c r="AB68" s="140">
        <v>2.6489434122950746</v>
      </c>
      <c r="AC68" s="146">
        <v>3.1195973290851775</v>
      </c>
      <c r="AD68" s="146">
        <v>2.9137062436131203</v>
      </c>
      <c r="AE68" s="146">
        <v>2.5955459194444082</v>
      </c>
      <c r="AF68" s="146">
        <v>2.6649496225527298</v>
      </c>
      <c r="AG68" s="140">
        <v>2.732957584079748</v>
      </c>
      <c r="AH68" s="146">
        <v>2.9201016300749352</v>
      </c>
      <c r="AI68" s="140">
        <v>2.6180904268617455</v>
      </c>
      <c r="AJ68" s="145">
        <v>3.1252397313386537</v>
      </c>
      <c r="AK68" s="140">
        <v>3.0348969655327642</v>
      </c>
      <c r="AL68" s="140">
        <v>3.0348969655327642</v>
      </c>
      <c r="AM68" s="140">
        <v>2.9123930780955796</v>
      </c>
      <c r="AN68" s="140">
        <v>3.0444532962650683</v>
      </c>
      <c r="AO68" s="140">
        <v>2.5106035774586255</v>
      </c>
      <c r="AP68" s="140">
        <v>2.8170185016367628</v>
      </c>
      <c r="AQ68" s="8">
        <v>2.6675445045906128</v>
      </c>
      <c r="AR68" s="140">
        <v>2.3329982277907146</v>
      </c>
      <c r="AS68" s="140">
        <v>2.2254556522829643</v>
      </c>
      <c r="AT68" s="140">
        <v>2.2577753947963446</v>
      </c>
      <c r="AU68" s="146">
        <v>2.7353213723386114</v>
      </c>
      <c r="AV68" s="140">
        <v>2.6435380858365294</v>
      </c>
      <c r="AW68" s="140">
        <v>2.6514015277316507</v>
      </c>
      <c r="AX68" s="140">
        <v>2.7827750884863627</v>
      </c>
      <c r="AY68" s="140">
        <v>3.381115867041403</v>
      </c>
      <c r="AZ68" s="146">
        <v>2.71231492505706</v>
      </c>
      <c r="BA68" s="140">
        <v>2.5323266636834365</v>
      </c>
      <c r="BB68" s="145">
        <v>3.4643224506540511</v>
      </c>
      <c r="BC68" s="146">
        <v>3.3979463508099634</v>
      </c>
      <c r="BD68" s="145">
        <v>3.347509838200776</v>
      </c>
      <c r="BE68" s="140"/>
    </row>
    <row r="69" spans="3:57" x14ac:dyDescent="0.2">
      <c r="C69" s="157" t="s">
        <v>66</v>
      </c>
      <c r="D69" s="158" t="s">
        <v>58</v>
      </c>
      <c r="E69" s="146">
        <v>3.7804117364612271</v>
      </c>
      <c r="F69" s="140">
        <v>3.4925387674681656</v>
      </c>
      <c r="G69" s="146">
        <v>2.2420136568356819</v>
      </c>
      <c r="H69" s="146">
        <v>2.7291533684458766</v>
      </c>
      <c r="I69" s="146">
        <v>3.8934113269808934</v>
      </c>
      <c r="J69" s="140">
        <v>4.1055466057545891</v>
      </c>
      <c r="K69" s="146">
        <v>4.1286411639772469</v>
      </c>
      <c r="L69" s="146">
        <v>3.7131098835814416</v>
      </c>
      <c r="M69" s="146">
        <v>3.0130132875116225</v>
      </c>
      <c r="N69" s="146">
        <v>2.9589150054725208</v>
      </c>
      <c r="O69" s="146">
        <v>3.8530083342847359</v>
      </c>
      <c r="P69" s="146">
        <v>4.8123865345243058</v>
      </c>
      <c r="Q69" s="146">
        <v>3.5423688937474549</v>
      </c>
      <c r="R69" s="146">
        <v>3.2063961964266139</v>
      </c>
      <c r="S69" s="146">
        <v>3.148903108532398</v>
      </c>
      <c r="T69" s="140">
        <v>3.5857052057840053</v>
      </c>
      <c r="U69" s="140">
        <v>3.3112699743370397</v>
      </c>
      <c r="V69" s="140">
        <v>3.0471218153129063</v>
      </c>
      <c r="W69" s="140">
        <v>3.1465501206935165</v>
      </c>
      <c r="X69" s="146">
        <v>3.4353959995552508</v>
      </c>
      <c r="Y69" s="146">
        <v>4.9533195846736939</v>
      </c>
      <c r="Z69" s="140">
        <v>3.5927003444316878</v>
      </c>
      <c r="AA69" s="111">
        <v>3.6145586929307414</v>
      </c>
      <c r="AB69" s="140">
        <v>3.7004968624571966</v>
      </c>
      <c r="AC69" s="146">
        <v>4.4245081304197837</v>
      </c>
      <c r="AD69" s="146">
        <v>3.9601235488794009</v>
      </c>
      <c r="AE69" s="146">
        <v>3.4603853464249554</v>
      </c>
      <c r="AF69" s="146">
        <v>3.8396971959226107</v>
      </c>
      <c r="AG69" s="140">
        <v>3.4368762256046317</v>
      </c>
      <c r="AH69" s="146">
        <v>3.0832862854254333</v>
      </c>
      <c r="AI69" s="140">
        <v>3.0274167322318384</v>
      </c>
      <c r="AJ69" s="145">
        <v>3.89713100581737</v>
      </c>
      <c r="AK69" s="140">
        <v>5.1428406903277786</v>
      </c>
      <c r="AL69" s="140">
        <v>5.1428406903277786</v>
      </c>
      <c r="AM69" s="140">
        <v>4.3072166890807617</v>
      </c>
      <c r="AN69" s="140">
        <v>3.4653162883729025</v>
      </c>
      <c r="AO69" s="140">
        <v>3.3104096038770447</v>
      </c>
      <c r="AP69" s="140">
        <v>3.4693174265019171</v>
      </c>
      <c r="AQ69" s="8">
        <v>5.0664314300262205</v>
      </c>
      <c r="AR69" s="140">
        <v>3.9941278401936153</v>
      </c>
      <c r="AS69" s="140">
        <v>4.0742295542082303</v>
      </c>
      <c r="AT69" s="140">
        <v>4.2029119773622261</v>
      </c>
      <c r="AU69" s="146">
        <v>3.6515302248180372</v>
      </c>
      <c r="AV69" s="140">
        <v>4.153665321848325</v>
      </c>
      <c r="AW69" s="140">
        <v>3.9258216442046052</v>
      </c>
      <c r="AX69" s="140">
        <v>5.2997887314282579</v>
      </c>
      <c r="AY69" s="140">
        <v>5.3428217556638637</v>
      </c>
      <c r="AZ69" s="146">
        <v>5.3147594139903607</v>
      </c>
      <c r="BA69" s="140">
        <v>4.7593694038696492</v>
      </c>
      <c r="BB69" s="145">
        <v>3.973406341420779</v>
      </c>
      <c r="BC69" s="146">
        <v>5.0287781577461255</v>
      </c>
      <c r="BD69" s="145">
        <v>5.7358600752784143</v>
      </c>
      <c r="BE69" s="140"/>
    </row>
    <row r="70" spans="3:57" x14ac:dyDescent="0.2">
      <c r="C70" s="157" t="s">
        <v>116</v>
      </c>
      <c r="D70" s="158" t="s">
        <v>58</v>
      </c>
      <c r="E70" s="146">
        <v>11.275986923643417</v>
      </c>
      <c r="F70" s="140">
        <v>11.248945805406546</v>
      </c>
      <c r="G70" s="146">
        <v>8.3189267045980202</v>
      </c>
      <c r="H70" s="146">
        <v>7.0903763777504833</v>
      </c>
      <c r="I70" s="146">
        <v>7.6431293798980153</v>
      </c>
      <c r="J70" s="140">
        <v>7.3466624893137489</v>
      </c>
      <c r="K70" s="146">
        <v>7.5675163611596439</v>
      </c>
      <c r="L70" s="146">
        <v>8.5784773021540399</v>
      </c>
      <c r="M70" s="146">
        <v>9.1627408687220839</v>
      </c>
      <c r="N70" s="146">
        <v>8.9604209923027263</v>
      </c>
      <c r="O70" s="146">
        <v>8.3484344479110142</v>
      </c>
      <c r="P70" s="146">
        <v>8.5645976621718667</v>
      </c>
      <c r="Q70" s="146">
        <v>7.2246117143632036</v>
      </c>
      <c r="R70" s="146">
        <v>6.4670685841456228</v>
      </c>
      <c r="S70" s="146">
        <v>6.0941203137805875</v>
      </c>
      <c r="T70" s="140">
        <v>7.103338759826352</v>
      </c>
      <c r="U70" s="140">
        <v>8.0851674278534542</v>
      </c>
      <c r="V70" s="140">
        <v>7.7723390148617364</v>
      </c>
      <c r="W70" s="140">
        <v>6.6730134275713695</v>
      </c>
      <c r="X70" s="146">
        <v>5.6707104233929178</v>
      </c>
      <c r="Y70" s="146">
        <v>6.8933372105099178</v>
      </c>
      <c r="Z70" s="140">
        <v>6.4461012003880622</v>
      </c>
      <c r="AA70" s="111">
        <v>6.643508832498993</v>
      </c>
      <c r="AB70" s="140">
        <v>6.5611168473298918</v>
      </c>
      <c r="AC70" s="146">
        <v>6.7751882636379275</v>
      </c>
      <c r="AD70" s="146">
        <v>6.486746476951974</v>
      </c>
      <c r="AE70" s="146">
        <v>7.8080719605850506</v>
      </c>
      <c r="AF70" s="146">
        <v>6.708695224995088</v>
      </c>
      <c r="AG70" s="140">
        <v>7.2467825678374247</v>
      </c>
      <c r="AH70" s="146">
        <v>7.9099768271894311</v>
      </c>
      <c r="AI70" s="140">
        <v>5.9869567371870067</v>
      </c>
      <c r="AJ70" s="145">
        <v>5.9301328355946339</v>
      </c>
      <c r="AK70" s="140">
        <v>6.6020400552737328</v>
      </c>
      <c r="AL70" s="140">
        <v>6.6020400552737328</v>
      </c>
      <c r="AM70" s="140">
        <v>8.1556417676965189</v>
      </c>
      <c r="AN70" s="140">
        <v>7.2407338207171676</v>
      </c>
      <c r="AO70" s="140">
        <v>8.767506209854794</v>
      </c>
      <c r="AP70" s="140">
        <v>8.6258614604690056</v>
      </c>
      <c r="AQ70" s="8">
        <v>8.1657836167769471</v>
      </c>
      <c r="AR70" s="140">
        <v>9.2267772514704465</v>
      </c>
      <c r="AS70" s="140">
        <v>9.1991954915788412</v>
      </c>
      <c r="AT70" s="140">
        <v>9.4218988272039681</v>
      </c>
      <c r="AU70" s="146">
        <v>9.7183488937106528</v>
      </c>
      <c r="AV70" s="140">
        <v>8.9630408824168679</v>
      </c>
      <c r="AW70" s="140">
        <v>9.0351308743680967</v>
      </c>
      <c r="AX70" s="140">
        <v>10.645793193175434</v>
      </c>
      <c r="AY70" s="140">
        <v>9.7869961201593991</v>
      </c>
      <c r="AZ70" s="146">
        <v>10.556308196068855</v>
      </c>
      <c r="BA70" s="140">
        <v>8.9362757155727461</v>
      </c>
      <c r="BB70" s="145">
        <v>7.880900464635114</v>
      </c>
      <c r="BC70" s="146">
        <v>7.2492040144682308</v>
      </c>
      <c r="BD70" s="145">
        <v>7.2792049847950002</v>
      </c>
      <c r="BE70" s="140"/>
    </row>
    <row r="71" spans="3:57" x14ac:dyDescent="0.2">
      <c r="C71" s="157" t="s">
        <v>68</v>
      </c>
      <c r="D71" s="158" t="s">
        <v>58</v>
      </c>
      <c r="E71" s="146">
        <v>3.8553094314155554</v>
      </c>
      <c r="F71" s="140">
        <v>4.8089216035317577</v>
      </c>
      <c r="G71" s="146">
        <v>4.7566772842517411</v>
      </c>
      <c r="H71" s="146">
        <v>4.3407308854998128</v>
      </c>
      <c r="I71" s="146">
        <v>4.2577677995763104</v>
      </c>
      <c r="J71" s="140">
        <v>4.4004392838486011</v>
      </c>
      <c r="K71" s="146">
        <v>4.0223422427330702</v>
      </c>
      <c r="L71" s="146">
        <v>4.3111351709173826</v>
      </c>
      <c r="M71" s="146">
        <v>4.2408082454124445</v>
      </c>
      <c r="N71" s="146">
        <v>4.5391657746153689</v>
      </c>
      <c r="O71" s="146">
        <v>5.2676400180668477</v>
      </c>
      <c r="P71" s="146">
        <v>4.479040737928262</v>
      </c>
      <c r="Q71" s="146">
        <v>4.0387430259560837</v>
      </c>
      <c r="R71" s="146">
        <v>3.9472653148232038</v>
      </c>
      <c r="S71" s="146">
        <v>3.4191936502209801</v>
      </c>
      <c r="T71" s="140">
        <v>3.7956561113660707</v>
      </c>
      <c r="U71" s="140">
        <v>3.3341471607103705</v>
      </c>
      <c r="V71" s="140">
        <v>3.4110866391150489</v>
      </c>
      <c r="W71" s="140">
        <v>3.0152598306230369</v>
      </c>
      <c r="X71" s="146">
        <v>2.9727997573083287</v>
      </c>
      <c r="Y71" s="146">
        <v>3.1381238246984049</v>
      </c>
      <c r="Z71" s="140">
        <v>3.1449934693495845</v>
      </c>
      <c r="AA71" s="111">
        <v>3.2234572804035868</v>
      </c>
      <c r="AB71" s="140">
        <v>3.2835556978233038</v>
      </c>
      <c r="AC71" s="146">
        <v>3.5381604764749284</v>
      </c>
      <c r="AD71" s="146">
        <v>3.1178278168293185</v>
      </c>
      <c r="AE71" s="146">
        <v>3.2236561875340728</v>
      </c>
      <c r="AF71" s="146">
        <v>3.2329897539189068</v>
      </c>
      <c r="AG71" s="140">
        <v>3.1339644362969756</v>
      </c>
      <c r="AH71" s="146">
        <v>4.0832860026917892</v>
      </c>
      <c r="AI71" s="140">
        <v>3.6536596580771925</v>
      </c>
      <c r="AJ71" s="145">
        <v>3.6674772342916611</v>
      </c>
      <c r="AK71" s="140">
        <v>3.7128320654396729</v>
      </c>
      <c r="AL71" s="140">
        <v>3.7128320654396729</v>
      </c>
      <c r="AM71" s="140">
        <v>4.0096500069168588</v>
      </c>
      <c r="AN71" s="140">
        <v>3.7363935311127774</v>
      </c>
      <c r="AO71" s="140">
        <v>3.9643487812982547</v>
      </c>
      <c r="AP71" s="140">
        <v>3.8015899594398106</v>
      </c>
      <c r="AQ71" s="8">
        <v>3.3522845745190932</v>
      </c>
      <c r="AR71" s="140">
        <v>3.8827982061177817</v>
      </c>
      <c r="AS71" s="140">
        <v>3.6016303264639058</v>
      </c>
      <c r="AT71" s="140">
        <v>3.6716640745227731</v>
      </c>
      <c r="AU71" s="146">
        <v>3.6226614757525084</v>
      </c>
      <c r="AV71" s="140">
        <v>3.3653190281001533</v>
      </c>
      <c r="AW71" s="140">
        <v>3.449430437202929</v>
      </c>
      <c r="AX71" s="140">
        <v>3.9507978365946128</v>
      </c>
      <c r="AY71" s="140">
        <v>3.9991232283597737</v>
      </c>
      <c r="AZ71" s="146">
        <v>4.0052872361882752</v>
      </c>
      <c r="BA71" s="140">
        <v>3.8610973974523066</v>
      </c>
      <c r="BB71" s="145">
        <v>3.8873995028713466</v>
      </c>
      <c r="BC71" s="146">
        <v>3.8209665973985985</v>
      </c>
      <c r="BD71" s="145">
        <v>3.2626433526715082</v>
      </c>
      <c r="BE71" s="140"/>
    </row>
    <row r="72" spans="3:57" x14ac:dyDescent="0.2">
      <c r="C72" s="157" t="s">
        <v>69</v>
      </c>
      <c r="D72" s="158" t="s">
        <v>58</v>
      </c>
      <c r="E72" s="146">
        <v>3.4574432637235346</v>
      </c>
      <c r="F72" s="140">
        <v>3.9842826745948474</v>
      </c>
      <c r="G72" s="146">
        <v>3.7235932209482048</v>
      </c>
      <c r="H72" s="146">
        <v>3.9215588020911878</v>
      </c>
      <c r="I72" s="146">
        <v>4.0759605949326758</v>
      </c>
      <c r="J72" s="140">
        <v>3.9113548415812938</v>
      </c>
      <c r="K72" s="146">
        <v>3.6792191247423216</v>
      </c>
      <c r="L72" s="146">
        <v>3.4906253141559422</v>
      </c>
      <c r="M72" s="146">
        <v>2.5731754912144664</v>
      </c>
      <c r="N72" s="146">
        <v>2.46093128450836</v>
      </c>
      <c r="O72" s="146">
        <v>4.286960236983024</v>
      </c>
      <c r="P72" s="146">
        <v>4.2509014709780022</v>
      </c>
      <c r="Q72" s="146">
        <v>3.2862152032279557</v>
      </c>
      <c r="R72" s="146">
        <v>2.7647798868234625</v>
      </c>
      <c r="S72" s="146">
        <v>3.0061258950152778</v>
      </c>
      <c r="T72" s="140">
        <v>2.7770584891421639</v>
      </c>
      <c r="U72" s="140">
        <v>2.5361205622207885</v>
      </c>
      <c r="V72" s="140">
        <v>2.0284258518674427</v>
      </c>
      <c r="W72" s="140">
        <v>2.0007772588605697</v>
      </c>
      <c r="X72" s="146">
        <v>2.0555681652788738</v>
      </c>
      <c r="Y72" s="146">
        <v>2.2183335948822567</v>
      </c>
      <c r="Z72" s="140">
        <v>2.251247749910926</v>
      </c>
      <c r="AA72" s="111">
        <v>2.4288549291920369</v>
      </c>
      <c r="AB72" s="140">
        <v>2.3357568592528901</v>
      </c>
      <c r="AC72" s="146">
        <v>2.0077431371406207</v>
      </c>
      <c r="AD72" s="146">
        <v>1.9442050210135422</v>
      </c>
      <c r="AE72" s="146">
        <v>2.0436349546591868</v>
      </c>
      <c r="AF72" s="146">
        <v>1.9556927418485097</v>
      </c>
      <c r="AG72" s="140">
        <v>1.8716454353395964</v>
      </c>
      <c r="AH72" s="146">
        <v>2.0211317395482942</v>
      </c>
      <c r="AI72" s="140">
        <v>1.9203722832939509</v>
      </c>
      <c r="AJ72" s="145">
        <v>2.9257629583178195</v>
      </c>
      <c r="AK72" s="184">
        <v>2.3453265249354258</v>
      </c>
      <c r="AL72" s="140">
        <v>2.3453265249354258</v>
      </c>
      <c r="AM72" s="140">
        <v>2.4739241333592248</v>
      </c>
      <c r="AN72" s="140">
        <v>2.3216695601131287</v>
      </c>
      <c r="AO72" s="140">
        <v>2.2895592039213368</v>
      </c>
      <c r="AP72" s="140">
        <v>1.8760958297854449</v>
      </c>
      <c r="AQ72" s="8">
        <v>2.8296602259100232</v>
      </c>
      <c r="AR72" s="140">
        <v>2.0801153337330702</v>
      </c>
      <c r="AS72" s="140">
        <v>2.3117418410759933</v>
      </c>
      <c r="AT72" s="140">
        <v>2.2805675062802422</v>
      </c>
      <c r="AU72" s="146">
        <v>2.5719725860178344</v>
      </c>
      <c r="AV72" s="140">
        <v>2.2377678454359651</v>
      </c>
      <c r="AW72" s="140">
        <v>2.4431477894205731</v>
      </c>
      <c r="AX72" s="140">
        <v>2.5620453550232454</v>
      </c>
      <c r="AY72" s="140">
        <v>3.0097839414614853</v>
      </c>
      <c r="AZ72" s="146">
        <v>2.653292315775047</v>
      </c>
      <c r="BA72" s="140">
        <v>2.6403994695630209</v>
      </c>
      <c r="BB72" s="145">
        <v>2.6705780541681823</v>
      </c>
      <c r="BC72" s="146">
        <v>2.6452875863350056</v>
      </c>
      <c r="BD72" s="145">
        <v>2.705739749453822</v>
      </c>
      <c r="BE72" s="140"/>
    </row>
    <row r="73" spans="3:57" x14ac:dyDescent="0.2">
      <c r="C73" s="157" t="s">
        <v>70</v>
      </c>
      <c r="D73" s="158" t="s">
        <v>58</v>
      </c>
      <c r="E73" s="146">
        <v>4.6009799036704866</v>
      </c>
      <c r="F73" s="140">
        <v>5.1628641784558935</v>
      </c>
      <c r="G73" s="146">
        <v>4.8731066709635833</v>
      </c>
      <c r="H73" s="146">
        <v>4.5994607549430793</v>
      </c>
      <c r="I73" s="146">
        <v>4.4459757693727555</v>
      </c>
      <c r="J73" s="140">
        <v>4.146680153752782</v>
      </c>
      <c r="K73" s="146">
        <v>3.9629751796211621</v>
      </c>
      <c r="L73" s="146">
        <v>3.6270727191943131</v>
      </c>
      <c r="M73" s="146">
        <v>3.5792554871309012</v>
      </c>
      <c r="N73" s="146">
        <v>3.1903699319325245</v>
      </c>
      <c r="O73" s="146">
        <v>3.7494772572980315</v>
      </c>
      <c r="P73" s="146">
        <v>3.3929874950868353</v>
      </c>
      <c r="Q73" s="146">
        <v>2.605782790847567</v>
      </c>
      <c r="R73" s="146">
        <v>2.4485166498486377</v>
      </c>
      <c r="S73" s="146">
        <v>2.5202758808448849</v>
      </c>
      <c r="T73" s="140">
        <v>2.6273119388345361</v>
      </c>
      <c r="U73" s="140">
        <v>2.7606329832529095</v>
      </c>
      <c r="V73" s="140">
        <v>2.687364045250102</v>
      </c>
      <c r="W73" s="140">
        <v>2.8478866989489369</v>
      </c>
      <c r="X73" s="146">
        <v>3.0861705224162694</v>
      </c>
      <c r="Y73" s="146">
        <v>3.4223089444127939</v>
      </c>
      <c r="Z73" s="140">
        <v>3.2274972949403273</v>
      </c>
      <c r="AA73" s="111">
        <v>3.5197916999201921</v>
      </c>
      <c r="AB73" s="140">
        <v>4.0915597885306108</v>
      </c>
      <c r="AC73" s="146">
        <v>4.0682380236085969</v>
      </c>
      <c r="AD73" s="146">
        <v>4.1519978529651294</v>
      </c>
      <c r="AE73" s="146">
        <v>4.2528639246515514</v>
      </c>
      <c r="AF73" s="146">
        <v>3.9512826859453498</v>
      </c>
      <c r="AG73" s="140">
        <v>4.1757237134335945</v>
      </c>
      <c r="AH73" s="146">
        <v>3.8863292531976343</v>
      </c>
      <c r="AI73" s="140">
        <v>3.5731321630639781</v>
      </c>
      <c r="AJ73" s="145">
        <v>3.6976480541455161</v>
      </c>
      <c r="AK73" s="140">
        <v>3.4055656123490112</v>
      </c>
      <c r="AL73" s="140">
        <v>3.4055656123490112</v>
      </c>
      <c r="AM73" s="140">
        <v>3.704398480804763</v>
      </c>
      <c r="AN73" s="140">
        <v>3.1033161316957374</v>
      </c>
      <c r="AO73" s="140">
        <v>2.9654380174694852</v>
      </c>
      <c r="AP73" s="140">
        <v>3.2509258194364579</v>
      </c>
      <c r="AQ73" s="8">
        <v>3.2886402777777781</v>
      </c>
      <c r="AR73" s="140">
        <v>4.131522707034728</v>
      </c>
      <c r="AS73" s="140">
        <v>3.9117760817764271</v>
      </c>
      <c r="AT73" s="140">
        <v>3.7662940468087331</v>
      </c>
      <c r="AU73" s="146">
        <v>3.6723823975720791</v>
      </c>
      <c r="AV73" s="140">
        <v>3.4727424852804463</v>
      </c>
      <c r="AW73" s="140">
        <v>3.7668829184263175</v>
      </c>
      <c r="AX73" s="140">
        <v>3.7479266453382087</v>
      </c>
      <c r="AY73" s="140">
        <v>4.2108577082117762</v>
      </c>
      <c r="AZ73" s="146">
        <v>4.1467364607638464</v>
      </c>
      <c r="BA73" s="140">
        <v>4.1130425130425126</v>
      </c>
      <c r="BB73" s="145">
        <v>4.2471121416526136</v>
      </c>
      <c r="BC73" s="146">
        <v>4.345774786605384</v>
      </c>
      <c r="BD73" s="145">
        <v>4.9412902977610216</v>
      </c>
      <c r="BE73" s="140"/>
    </row>
    <row r="74" spans="3:57" x14ac:dyDescent="0.2">
      <c r="C74" s="157" t="s">
        <v>101</v>
      </c>
      <c r="D74" s="158" t="s">
        <v>58</v>
      </c>
      <c r="E74" s="146">
        <v>7.8378695784972505</v>
      </c>
      <c r="F74" s="140">
        <v>7.9703889860139858</v>
      </c>
      <c r="G74" s="146">
        <v>8.5981187892632782</v>
      </c>
      <c r="H74" s="146">
        <v>7.7844671156893819</v>
      </c>
      <c r="I74" s="146">
        <v>9.1566153578572038</v>
      </c>
      <c r="J74" s="140">
        <v>9.3391212121212117</v>
      </c>
      <c r="K74" s="146">
        <v>9.3974237427864793</v>
      </c>
      <c r="L74" s="146">
        <v>8.7665078158005905</v>
      </c>
      <c r="M74" s="146">
        <v>9.5071196883211027</v>
      </c>
      <c r="N74" s="146">
        <v>9.0014231100066908</v>
      </c>
      <c r="O74" s="146">
        <v>9.1167059757342095</v>
      </c>
      <c r="P74" s="146">
        <v>8.9100907710797639</v>
      </c>
      <c r="Q74" s="146">
        <v>6.5118921916592729</v>
      </c>
      <c r="R74" s="146">
        <v>8.1931566311341584</v>
      </c>
      <c r="S74" s="146">
        <v>10.074068116771608</v>
      </c>
      <c r="T74" s="140">
        <v>8.6396964980544748</v>
      </c>
      <c r="U74" s="140">
        <v>7.7487038547827867</v>
      </c>
      <c r="V74" s="140">
        <v>8.4155386731695128</v>
      </c>
      <c r="W74" s="140">
        <v>8.4729046157863817</v>
      </c>
      <c r="X74" s="146">
        <v>9.3968404262106802</v>
      </c>
      <c r="Y74" s="146">
        <v>9.2096573390335532</v>
      </c>
      <c r="Z74" s="140">
        <v>8.8162266711910426</v>
      </c>
      <c r="AA74" s="111">
        <v>10.176055907736959</v>
      </c>
      <c r="AB74" s="140">
        <v>10.951842374990848</v>
      </c>
      <c r="AC74" s="146">
        <v>8.9409286640726346</v>
      </c>
      <c r="AD74" s="146">
        <v>7.3983342848832825</v>
      </c>
      <c r="AE74" s="146">
        <v>6.4426813852043088</v>
      </c>
      <c r="AF74" s="146">
        <v>5.8639925020604267</v>
      </c>
      <c r="AG74" s="140">
        <v>5.8957748097695948</v>
      </c>
      <c r="AH74" s="146">
        <v>5.9240599999999999</v>
      </c>
      <c r="AI74" s="140">
        <v>6.3293532377091779</v>
      </c>
      <c r="AJ74" s="145">
        <v>6.0835126328006437</v>
      </c>
      <c r="AK74" s="140">
        <v>5.7616493723425792</v>
      </c>
      <c r="AL74" s="140">
        <v>5.7616493723425792</v>
      </c>
      <c r="AM74" s="140">
        <v>6.6129461756373935</v>
      </c>
      <c r="AN74" s="140">
        <v>5.969318691169879</v>
      </c>
      <c r="AO74" s="140">
        <v>6.9005470817715908</v>
      </c>
      <c r="AP74" s="140">
        <v>6.6186915800142652</v>
      </c>
      <c r="AQ74" s="8">
        <v>6.0578480801613903</v>
      </c>
      <c r="AR74" s="140">
        <v>5.7084751665657176</v>
      </c>
      <c r="AS74" s="140">
        <v>5.8656368940447159</v>
      </c>
      <c r="AT74" s="140">
        <v>5.833290218270009</v>
      </c>
      <c r="AU74" s="146">
        <v>5.781272864545798</v>
      </c>
      <c r="AV74" s="140">
        <v>6.7494180425638772</v>
      </c>
      <c r="AW74" s="140">
        <v>7.7762002764166356</v>
      </c>
      <c r="AX74" s="140">
        <v>6.6312652225046484</v>
      </c>
      <c r="AY74" s="140">
        <v>6.6357334112044555</v>
      </c>
      <c r="AZ74" s="146">
        <v>6.5194047888813351</v>
      </c>
      <c r="BA74" s="140">
        <v>6.481507458996127</v>
      </c>
      <c r="BB74" s="145">
        <v>6.9705301299724303</v>
      </c>
      <c r="BC74" s="146">
        <v>6.0222864861120735</v>
      </c>
      <c r="BD74" s="145">
        <v>5.7593120424953037</v>
      </c>
      <c r="BE74" s="140"/>
    </row>
    <row r="75" spans="3:57" x14ac:dyDescent="0.2">
      <c r="C75" s="157" t="s">
        <v>71</v>
      </c>
      <c r="D75" s="158" t="s">
        <v>58</v>
      </c>
      <c r="E75" s="146">
        <v>4.4483718617946808</v>
      </c>
      <c r="F75" s="140">
        <v>4.481063192572627</v>
      </c>
      <c r="G75" s="146">
        <v>4.4880400471893633</v>
      </c>
      <c r="H75" s="146">
        <v>4.615257099434297</v>
      </c>
      <c r="I75" s="146">
        <v>4.4840546212098173</v>
      </c>
      <c r="J75" s="140">
        <v>4.4905356706572199</v>
      </c>
      <c r="K75" s="146">
        <v>4.5162469229312627</v>
      </c>
      <c r="L75" s="146">
        <v>4.4978221295468845</v>
      </c>
      <c r="M75" s="146">
        <v>4.4982062141865677</v>
      </c>
      <c r="N75" s="146">
        <v>4.5172461164535562</v>
      </c>
      <c r="O75" s="146">
        <v>4.7598424547366687</v>
      </c>
      <c r="P75" s="146">
        <v>4.4601018509450592</v>
      </c>
      <c r="Q75" s="146">
        <v>4.6371041412911085</v>
      </c>
      <c r="R75" s="146">
        <v>4.6402948243392421</v>
      </c>
      <c r="S75" s="146">
        <v>4.7422601170781364</v>
      </c>
      <c r="T75" s="140">
        <v>4.6240080480516026</v>
      </c>
      <c r="U75" s="140">
        <v>4.6464812312753327</v>
      </c>
      <c r="V75" s="140">
        <v>4.6743284417361028</v>
      </c>
      <c r="W75" s="140">
        <v>4.6544890203927718</v>
      </c>
      <c r="X75" s="146">
        <v>4.6976525821596251</v>
      </c>
      <c r="Y75" s="146">
        <v>4.7585031857330389</v>
      </c>
      <c r="Z75" s="140">
        <v>4.5902542122376584</v>
      </c>
      <c r="AA75" s="111">
        <v>4.5717030886922014</v>
      </c>
      <c r="AB75" s="140">
        <v>4.7012404670738279</v>
      </c>
      <c r="AC75" s="146">
        <v>4.7062994134149454</v>
      </c>
      <c r="AD75" s="146">
        <v>4.5366959318497919</v>
      </c>
      <c r="AE75" s="146">
        <v>4.7566409922066892</v>
      </c>
      <c r="AF75" s="146">
        <v>4.6163361732207298</v>
      </c>
      <c r="AG75" s="140">
        <v>4.6784092771676775</v>
      </c>
      <c r="AH75" s="146">
        <v>3.8329766191611303</v>
      </c>
      <c r="AI75" s="140">
        <v>4.2786470675355446</v>
      </c>
      <c r="AJ75" s="145">
        <v>4.1695419256283088</v>
      </c>
      <c r="AK75" s="140">
        <v>4.2323730117372635</v>
      </c>
      <c r="AL75" s="140">
        <v>4.2323730117372635</v>
      </c>
      <c r="AM75" s="140">
        <v>4.2603665283540799</v>
      </c>
      <c r="AN75" s="140">
        <v>4.5777558468642932</v>
      </c>
      <c r="AO75" s="140">
        <v>4.5477480254286267</v>
      </c>
      <c r="AP75" s="140">
        <v>4.5527222810267274</v>
      </c>
      <c r="AQ75" s="8">
        <v>4.6159000241779502</v>
      </c>
      <c r="AR75" s="140">
        <v>4.6145844206680584</v>
      </c>
      <c r="AS75" s="140">
        <v>4.6045710267229252</v>
      </c>
      <c r="AT75" s="140">
        <v>4.6178270610589607</v>
      </c>
      <c r="AU75" s="146">
        <v>4.6944353770824998</v>
      </c>
      <c r="AV75" s="140">
        <v>4.5563639328224355</v>
      </c>
      <c r="AW75" s="140">
        <v>4.774537857262243</v>
      </c>
      <c r="AX75" s="140">
        <v>4.7910731760356642</v>
      </c>
      <c r="AY75" s="140">
        <v>4.8247623680862217</v>
      </c>
      <c r="AZ75" s="146">
        <v>4.7536912751677853</v>
      </c>
      <c r="BA75" s="140">
        <v>4.8323032506415737</v>
      </c>
      <c r="BB75" s="145">
        <v>4.7599282394193922</v>
      </c>
      <c r="BC75" s="146">
        <v>4.635539311665144</v>
      </c>
      <c r="BD75" s="145">
        <v>4.560515953336032</v>
      </c>
      <c r="BE75" s="140"/>
    </row>
    <row r="76" spans="3:57" x14ac:dyDescent="0.2">
      <c r="C76" s="157" t="s">
        <v>102</v>
      </c>
      <c r="D76" s="158" t="s">
        <v>58</v>
      </c>
      <c r="E76" s="146">
        <v>5.2715820932202284</v>
      </c>
      <c r="F76" s="140">
        <v>5.5860903899738856</v>
      </c>
      <c r="G76" s="146">
        <v>5.5898734335839588</v>
      </c>
      <c r="H76" s="146">
        <v>5.6867719351867523</v>
      </c>
      <c r="I76" s="146">
        <v>5.7156744770220955</v>
      </c>
      <c r="J76" s="140">
        <v>5.691865733129756</v>
      </c>
      <c r="K76" s="146">
        <v>5.6647914602620171</v>
      </c>
      <c r="L76" s="146">
        <v>5.75787541335926</v>
      </c>
      <c r="M76" s="146">
        <v>5.8021305495347022</v>
      </c>
      <c r="N76" s="146">
        <v>5.6813157654713224</v>
      </c>
      <c r="O76" s="146">
        <v>5.5662920244871037</v>
      </c>
      <c r="P76" s="146">
        <v>5.562203257240359</v>
      </c>
      <c r="Q76" s="146">
        <v>5.4702143524708555</v>
      </c>
      <c r="R76" s="146">
        <v>5.4500299196302535</v>
      </c>
      <c r="S76" s="146">
        <v>5.7183491269107325</v>
      </c>
      <c r="T76" s="140">
        <v>5.6569644589595338</v>
      </c>
      <c r="U76" s="140">
        <v>5.5801756251081036</v>
      </c>
      <c r="V76" s="140">
        <v>5.7134292490403178</v>
      </c>
      <c r="W76" s="140">
        <v>5.6563676337214028</v>
      </c>
      <c r="X76" s="146">
        <v>5.7836200529918829</v>
      </c>
      <c r="Y76" s="146">
        <v>5.7863504554319576</v>
      </c>
      <c r="Z76" s="140">
        <v>5.7615883626395892</v>
      </c>
      <c r="AA76" s="111">
        <v>5.7920331133732335</v>
      </c>
      <c r="AB76" s="140">
        <v>5.7541610563349694</v>
      </c>
      <c r="AC76" s="146">
        <v>5.8734877522408278</v>
      </c>
      <c r="AD76" s="146">
        <v>5.9338137747217399</v>
      </c>
      <c r="AE76" s="146">
        <v>5.9581045878777665</v>
      </c>
      <c r="AF76" s="146">
        <v>5.9956804828769732</v>
      </c>
      <c r="AG76" s="140">
        <v>6.0392908446885496</v>
      </c>
      <c r="AH76" s="146">
        <v>6.1639232793043375</v>
      </c>
      <c r="AI76" s="140">
        <v>5.9910224588162544</v>
      </c>
      <c r="AJ76" s="145">
        <v>5.9399767096619343</v>
      </c>
      <c r="AK76" s="140">
        <v>5.9370730559493632</v>
      </c>
      <c r="AL76" s="140">
        <v>5.9370730559493632</v>
      </c>
      <c r="AM76" s="140">
        <v>5.7921758043103688</v>
      </c>
      <c r="AN76" s="140">
        <v>5.7542338487113387</v>
      </c>
      <c r="AO76" s="140">
        <v>5.6917639633537549</v>
      </c>
      <c r="AP76" s="140">
        <v>5.7880485429593369</v>
      </c>
      <c r="AQ76" s="8">
        <v>5.7352280068558628</v>
      </c>
      <c r="AR76" s="140">
        <v>6.127107930917659</v>
      </c>
      <c r="AS76" s="140">
        <v>5.9414748673379858</v>
      </c>
      <c r="AT76" s="140">
        <v>5.5776945298551865</v>
      </c>
      <c r="AU76" s="146">
        <v>5.526254483821714</v>
      </c>
      <c r="AV76" s="140">
        <v>5.6400387622684356</v>
      </c>
      <c r="AW76" s="140">
        <v>5.5164331002401417</v>
      </c>
      <c r="AX76" s="140">
        <v>5.5415164994480959</v>
      </c>
      <c r="AY76" s="140">
        <v>5.5240688483563209</v>
      </c>
      <c r="AZ76" s="146">
        <v>5.3682735159966466</v>
      </c>
      <c r="BA76" s="140">
        <v>5.3114814210621715</v>
      </c>
      <c r="BB76" s="145">
        <v>5.4790568505943993</v>
      </c>
      <c r="BC76" s="146">
        <v>5.4713443785813833</v>
      </c>
      <c r="BD76" s="145">
        <v>5.6059919515745289</v>
      </c>
      <c r="BE76" s="140"/>
    </row>
    <row r="77" spans="3:57" x14ac:dyDescent="0.2">
      <c r="C77" s="157" t="s">
        <v>72</v>
      </c>
      <c r="D77" s="158" t="s">
        <v>58</v>
      </c>
      <c r="E77" s="146">
        <v>7.8067517556062196</v>
      </c>
      <c r="F77" s="140">
        <v>8.0476759967947835</v>
      </c>
      <c r="G77" s="146">
        <v>8.3575177559187974</v>
      </c>
      <c r="H77" s="146">
        <v>8.4214090774586428</v>
      </c>
      <c r="I77" s="146">
        <v>8.0615533025384813</v>
      </c>
      <c r="J77" s="140">
        <v>8.2734240476711012</v>
      </c>
      <c r="K77" s="146">
        <v>8.8240562711021564</v>
      </c>
      <c r="L77" s="146">
        <v>10.328604505027069</v>
      </c>
      <c r="M77" s="146">
        <v>9.9091054624192552</v>
      </c>
      <c r="N77" s="146">
        <v>9.6570183690321105</v>
      </c>
      <c r="O77" s="146">
        <v>9.8961587486515636</v>
      </c>
      <c r="P77" s="146">
        <v>9.5179566678599627</v>
      </c>
      <c r="Q77" s="146">
        <v>9.6313513248420133</v>
      </c>
      <c r="R77" s="146">
        <v>10.24385146897167</v>
      </c>
      <c r="S77" s="146">
        <v>11.768411956442232</v>
      </c>
      <c r="T77" s="140">
        <v>12.160264776231346</v>
      </c>
      <c r="U77" s="140">
        <v>13.639017899799741</v>
      </c>
      <c r="V77" s="140">
        <v>14.329232571976513</v>
      </c>
      <c r="W77" s="140">
        <v>13.208418986365437</v>
      </c>
      <c r="X77" s="146">
        <v>12.597545356423206</v>
      </c>
      <c r="Y77" s="146">
        <v>11.677695245453409</v>
      </c>
      <c r="Z77" s="140">
        <v>11.681041170307711</v>
      </c>
      <c r="AA77" s="111">
        <v>11.600941200937932</v>
      </c>
      <c r="AB77" s="140">
        <v>11.650556805657606</v>
      </c>
      <c r="AC77" s="146">
        <v>11.732125753153374</v>
      </c>
      <c r="AD77" s="146">
        <v>11.615235967677568</v>
      </c>
      <c r="AE77" s="146">
        <v>11.315677510201851</v>
      </c>
      <c r="AF77" s="146">
        <v>10.910107136784834</v>
      </c>
      <c r="AG77" s="140">
        <v>10.72317549734808</v>
      </c>
      <c r="AH77" s="146">
        <v>9.9750667575126428</v>
      </c>
      <c r="AI77" s="140">
        <v>9.1480255930937453</v>
      </c>
      <c r="AJ77" s="145">
        <v>9.0214491184342247</v>
      </c>
      <c r="AK77" s="140">
        <v>9.112310195981145</v>
      </c>
      <c r="AL77" s="140">
        <v>9.112310195981145</v>
      </c>
      <c r="AM77" s="140">
        <v>8.4245342436948789</v>
      </c>
      <c r="AN77" s="140">
        <v>7.7823816616583246</v>
      </c>
      <c r="AO77" s="140">
        <v>7.7211093031074407</v>
      </c>
      <c r="AP77" s="140">
        <v>7.7128627364934204</v>
      </c>
      <c r="AQ77" s="8">
        <v>7.9242120475027935</v>
      </c>
      <c r="AR77" s="140">
        <v>7.9108926620295739</v>
      </c>
      <c r="AS77" s="140">
        <v>8.0444529684946922</v>
      </c>
      <c r="AT77" s="140">
        <v>8.3653426176570704</v>
      </c>
      <c r="AU77" s="146">
        <v>8.3166559219479783</v>
      </c>
      <c r="AV77" s="140">
        <v>8.3553546943614876</v>
      </c>
      <c r="AW77" s="140">
        <v>8.5351634828985219</v>
      </c>
      <c r="AX77" s="140">
        <v>8.3804958424276794</v>
      </c>
      <c r="AY77" s="140">
        <v>8.5415266559879406</v>
      </c>
      <c r="AZ77" s="146">
        <v>9.9716989106873513</v>
      </c>
      <c r="BA77" s="140">
        <v>9.6452601914142271</v>
      </c>
      <c r="BB77" s="145">
        <v>8.8082659699542791</v>
      </c>
      <c r="BC77" s="146">
        <v>8.5721230719824693</v>
      </c>
      <c r="BD77" s="145">
        <v>8.8759540900844058</v>
      </c>
      <c r="BE77" s="140"/>
    </row>
    <row r="78" spans="3:57" x14ac:dyDescent="0.2">
      <c r="C78" s="157" t="s">
        <v>73</v>
      </c>
      <c r="D78" s="158" t="s">
        <v>58</v>
      </c>
      <c r="E78" s="146">
        <v>6.0274586084715738</v>
      </c>
      <c r="F78" s="140">
        <v>5.8986569814651366</v>
      </c>
      <c r="G78" s="146">
        <v>5.8440548871915183</v>
      </c>
      <c r="H78" s="146">
        <v>5.8717970504088459</v>
      </c>
      <c r="I78" s="146">
        <v>6.0311835393635764</v>
      </c>
      <c r="J78" s="140">
        <v>5.8822374159905282</v>
      </c>
      <c r="K78" s="146">
        <v>5.8634411468446599</v>
      </c>
      <c r="L78" s="146">
        <v>5.8068233404089336</v>
      </c>
      <c r="M78" s="146">
        <v>5.6142795356712965</v>
      </c>
      <c r="N78" s="146">
        <v>5.9988033555327878</v>
      </c>
      <c r="O78" s="146">
        <v>6.3413637093411168</v>
      </c>
      <c r="P78" s="146">
        <v>6.2329702618318965</v>
      </c>
      <c r="Q78" s="146">
        <v>6.2405988689723682</v>
      </c>
      <c r="R78" s="146">
        <v>6.3232258941207977</v>
      </c>
      <c r="S78" s="146">
        <v>6.1133844236687498</v>
      </c>
      <c r="T78" s="140">
        <v>6.2709745244315256</v>
      </c>
      <c r="U78" s="140">
        <v>6.3075429948435486</v>
      </c>
      <c r="V78" s="140">
        <v>6.3057545565302151</v>
      </c>
      <c r="W78" s="140">
        <v>6.3194472871016929</v>
      </c>
      <c r="X78" s="146">
        <v>6.2333612699731438</v>
      </c>
      <c r="Y78" s="146">
        <v>6.3717902570622345</v>
      </c>
      <c r="Z78" s="140">
        <v>5.9744044875246809</v>
      </c>
      <c r="AA78" s="111">
        <v>5.8628458866384596</v>
      </c>
      <c r="AB78" s="140">
        <v>5.9389407718286256</v>
      </c>
      <c r="AC78" s="146">
        <v>5.7086971456209765</v>
      </c>
      <c r="AD78" s="146">
        <v>5.905333292137608</v>
      </c>
      <c r="AE78" s="146">
        <v>5.948616749919144</v>
      </c>
      <c r="AF78" s="146">
        <v>5.9014530273986177</v>
      </c>
      <c r="AG78" s="140">
        <v>5.8463174268389135</v>
      </c>
      <c r="AH78" s="146">
        <v>5.6213769144804342</v>
      </c>
      <c r="AI78" s="140">
        <v>5.6039504636133746</v>
      </c>
      <c r="AJ78" s="145">
        <v>6.195956050636533</v>
      </c>
      <c r="AK78" s="140">
        <v>6.39426732834895</v>
      </c>
      <c r="AL78" s="140">
        <v>6.39426732834895</v>
      </c>
      <c r="AM78" s="140">
        <v>6.0227546375798067</v>
      </c>
      <c r="AN78" s="140">
        <v>4.7421007747270396</v>
      </c>
      <c r="AO78" s="140">
        <v>4.6838612675497737</v>
      </c>
      <c r="AP78" s="140">
        <v>4.7643969335194729</v>
      </c>
      <c r="AQ78" s="8">
        <v>5.0870046413808101</v>
      </c>
      <c r="AR78" s="140">
        <v>5.1722241460801603</v>
      </c>
      <c r="AS78" s="140">
        <v>5.3220255932478491</v>
      </c>
      <c r="AT78" s="140">
        <v>5.3479303089921908</v>
      </c>
      <c r="AU78" s="146">
        <v>5.0739642128527711</v>
      </c>
      <c r="AV78" s="140">
        <v>5.2668417181937421</v>
      </c>
      <c r="AW78" s="140">
        <v>5.8305117892851808</v>
      </c>
      <c r="AX78" s="140">
        <v>5.290011705506986</v>
      </c>
      <c r="AY78" s="140">
        <v>5.8250285584297412</v>
      </c>
      <c r="AZ78" s="146">
        <v>5.3106454606940323</v>
      </c>
      <c r="BA78" s="140">
        <v>5.6854059781330823</v>
      </c>
      <c r="BB78" s="145">
        <v>5.7201475098385126</v>
      </c>
      <c r="BC78" s="146">
        <v>6.0077658765054487</v>
      </c>
      <c r="BD78" s="145">
        <v>5.9719932472632076</v>
      </c>
      <c r="BE78" s="140"/>
    </row>
    <row r="79" spans="3:57" x14ac:dyDescent="0.2">
      <c r="C79" s="157" t="s">
        <v>74</v>
      </c>
      <c r="D79" s="158" t="s">
        <v>58</v>
      </c>
      <c r="E79" s="146">
        <v>1.6728254213115059</v>
      </c>
      <c r="F79" s="140">
        <v>1.6907092101727321</v>
      </c>
      <c r="G79" s="146">
        <v>1.7001573223639175</v>
      </c>
      <c r="H79" s="146">
        <v>1.6972800591582322</v>
      </c>
      <c r="I79" s="146">
        <v>1.7173263932983831</v>
      </c>
      <c r="J79" s="140">
        <v>1.7181342153001886</v>
      </c>
      <c r="K79" s="146">
        <v>1.7149142663073029</v>
      </c>
      <c r="L79" s="146">
        <v>1.7131157840810782</v>
      </c>
      <c r="M79" s="146">
        <v>1.7252131259096837</v>
      </c>
      <c r="N79" s="146">
        <v>1.715197333811145</v>
      </c>
      <c r="O79" s="146">
        <v>2.0672664187753846</v>
      </c>
      <c r="P79" s="146">
        <v>1.7896370769043703</v>
      </c>
      <c r="Q79" s="146">
        <v>1.8093443315632403</v>
      </c>
      <c r="R79" s="146">
        <v>1.8001660282004974</v>
      </c>
      <c r="S79" s="146">
        <v>1.7641597601284771</v>
      </c>
      <c r="T79" s="140">
        <v>1.80642191801005</v>
      </c>
      <c r="U79" s="184">
        <v>1.7900325392325958</v>
      </c>
      <c r="V79" s="140">
        <v>1.806615373081452</v>
      </c>
      <c r="W79" s="140">
        <v>1.7942417060603613</v>
      </c>
      <c r="X79" s="146">
        <v>1.7961500202951894</v>
      </c>
      <c r="Y79" s="146">
        <v>1.8678642863959476</v>
      </c>
      <c r="Z79" s="140">
        <v>1.8411318567899564</v>
      </c>
      <c r="AA79" s="111">
        <v>1.8390258509124797</v>
      </c>
      <c r="AB79" s="140">
        <v>1.8449741992449282</v>
      </c>
      <c r="AC79" s="146">
        <v>1.8768934726081687</v>
      </c>
      <c r="AD79" s="146">
        <v>1.8588862105215171</v>
      </c>
      <c r="AE79" s="146">
        <v>1.8732685301778778</v>
      </c>
      <c r="AF79" s="146">
        <v>1.8577300274110835</v>
      </c>
      <c r="AG79" s="140">
        <v>1.8612275500261892</v>
      </c>
      <c r="AH79" s="146">
        <v>1.9338494920489149</v>
      </c>
      <c r="AI79" s="140">
        <v>1.8926802629193673</v>
      </c>
      <c r="AJ79" s="145">
        <v>1.9535031511609369</v>
      </c>
      <c r="AK79" s="140">
        <v>1.9105111408217754</v>
      </c>
      <c r="AL79" s="140">
        <v>1.9105111408217754</v>
      </c>
      <c r="AM79" s="140">
        <v>1.8356374386432301</v>
      </c>
      <c r="AN79" s="140">
        <v>1.9060515053176297</v>
      </c>
      <c r="AO79" s="140">
        <v>1.9337778986369982</v>
      </c>
      <c r="AP79" s="140">
        <v>1.9522559421485677</v>
      </c>
      <c r="AQ79" s="8">
        <v>1.9501000712926202</v>
      </c>
      <c r="AR79" s="140">
        <v>2.0717870104616063</v>
      </c>
      <c r="AS79" s="140">
        <v>2.0462142998281774</v>
      </c>
      <c r="AT79" s="140">
        <v>1.9974148516060126</v>
      </c>
      <c r="AU79" s="146">
        <v>1.9867139743794184</v>
      </c>
      <c r="AV79" s="140">
        <v>1.9914946853552136</v>
      </c>
      <c r="AW79" s="140">
        <v>2.0040687206972039</v>
      </c>
      <c r="AX79" s="140">
        <v>1.9959868293116529</v>
      </c>
      <c r="AY79" s="140">
        <v>1.997823603990095</v>
      </c>
      <c r="AZ79" s="146">
        <v>2.0162148887229456</v>
      </c>
      <c r="BA79" s="140">
        <v>2.0452525479245685</v>
      </c>
      <c r="BB79" s="145">
        <v>2.0579111053951515</v>
      </c>
      <c r="BC79" s="146">
        <v>2.0380047646585076</v>
      </c>
      <c r="BD79" s="145">
        <v>2.0136134051571744</v>
      </c>
      <c r="BE79" s="140"/>
    </row>
    <row r="80" spans="3:57" x14ac:dyDescent="0.2">
      <c r="C80" s="126" t="s">
        <v>78</v>
      </c>
      <c r="D80" s="158" t="s">
        <v>58</v>
      </c>
      <c r="E80" s="146">
        <v>0.28215807182685976</v>
      </c>
      <c r="F80" s="140">
        <v>0.29894795827088899</v>
      </c>
      <c r="G80" s="146">
        <v>0.30013422461838668</v>
      </c>
      <c r="H80" s="146">
        <v>0.31701433772730453</v>
      </c>
      <c r="I80" s="146">
        <v>0.30764653607040643</v>
      </c>
      <c r="J80" s="140">
        <v>0.31680975440026926</v>
      </c>
      <c r="K80" s="146">
        <v>0.32438874527898187</v>
      </c>
      <c r="L80" s="146">
        <v>0.32717426863314908</v>
      </c>
      <c r="M80" s="146">
        <v>0.40091838284614312</v>
      </c>
      <c r="N80" s="146">
        <v>0.32059913464532269</v>
      </c>
      <c r="O80" s="146">
        <v>0.32228510111800285</v>
      </c>
      <c r="P80" s="146">
        <v>0.42420553922055398</v>
      </c>
      <c r="Q80" s="198">
        <v>0.41890739998965876</v>
      </c>
      <c r="R80" s="146">
        <v>0.39338413485682627</v>
      </c>
      <c r="S80" s="198">
        <v>0.41041005524853325</v>
      </c>
      <c r="T80" s="184">
        <v>0.38744516703748455</v>
      </c>
      <c r="U80" s="140">
        <v>0.39929060493254703</v>
      </c>
      <c r="V80" s="140">
        <v>0.38028986063882619</v>
      </c>
      <c r="W80" s="140">
        <v>0.40665776822703203</v>
      </c>
      <c r="X80" s="146">
        <v>0.4044753716836359</v>
      </c>
      <c r="Y80" s="146">
        <v>0.40476467304877151</v>
      </c>
      <c r="Z80" s="140">
        <v>0.39490390927802294</v>
      </c>
      <c r="AA80" s="111">
        <v>0.37428201775020531</v>
      </c>
      <c r="AB80" s="140">
        <v>0.39108314959176815</v>
      </c>
      <c r="AC80" s="146">
        <v>0.39173783724956113</v>
      </c>
      <c r="AD80" s="146">
        <v>0.39833842854959522</v>
      </c>
      <c r="AE80" s="146">
        <v>0.41124313971060378</v>
      </c>
      <c r="AF80" s="146">
        <v>0.41799966986970261</v>
      </c>
      <c r="AG80" s="140">
        <v>0.41963782946806327</v>
      </c>
      <c r="AH80" s="146">
        <v>0.42554596670666922</v>
      </c>
      <c r="AI80" s="140">
        <v>0.4397177415461252</v>
      </c>
      <c r="AJ80" s="145">
        <v>0.43058088993295313</v>
      </c>
      <c r="AK80" s="140">
        <v>0.40535439680929136</v>
      </c>
      <c r="AL80" s="140">
        <v>0.40535439680929136</v>
      </c>
      <c r="AM80" s="140">
        <v>0.42047829811284942</v>
      </c>
      <c r="AN80" s="140">
        <v>0.45618147746746118</v>
      </c>
      <c r="AO80" s="140">
        <v>0.45449738950802326</v>
      </c>
      <c r="AP80" s="140">
        <v>0.46672506030213573</v>
      </c>
      <c r="AQ80" s="8">
        <v>0.48469265139755963</v>
      </c>
      <c r="AR80" s="140">
        <v>0.47607364777344535</v>
      </c>
      <c r="AS80" s="140">
        <v>0.46007352426976517</v>
      </c>
      <c r="AT80" s="140">
        <v>0.46750111333976158</v>
      </c>
      <c r="AU80" s="146">
        <v>0.47829643545729572</v>
      </c>
      <c r="AV80" s="140">
        <v>0.46003098089736283</v>
      </c>
      <c r="AW80" s="140">
        <v>0.46736295351504148</v>
      </c>
      <c r="AX80" s="140">
        <v>0.47242860621337107</v>
      </c>
      <c r="AY80" s="140">
        <v>0.46502365300138171</v>
      </c>
      <c r="AZ80" s="146">
        <v>0.45251347508759204</v>
      </c>
      <c r="BA80" s="140">
        <v>0.46612986595105449</v>
      </c>
      <c r="BB80" s="145">
        <v>0.46778484252258151</v>
      </c>
      <c r="BC80" s="146">
        <v>0.43858269187310073</v>
      </c>
      <c r="BD80" s="145">
        <v>0.45718725160296059</v>
      </c>
      <c r="BE80" s="140"/>
    </row>
    <row r="81" spans="3:57" x14ac:dyDescent="0.2">
      <c r="C81" s="126" t="s">
        <v>79</v>
      </c>
      <c r="D81" s="158" t="s">
        <v>58</v>
      </c>
      <c r="E81" s="146">
        <v>0.56782497771202023</v>
      </c>
      <c r="F81" s="140">
        <v>0.65390300823056091</v>
      </c>
      <c r="G81" s="146">
        <v>0.62716987786829692</v>
      </c>
      <c r="H81" s="146">
        <v>0.56930684193127257</v>
      </c>
      <c r="I81" s="146">
        <v>0.51230567008882866</v>
      </c>
      <c r="J81" s="140">
        <v>0.53136481817132697</v>
      </c>
      <c r="K81" s="146">
        <v>0.56392576806491324</v>
      </c>
      <c r="L81" s="146">
        <v>0.55990718151482011</v>
      </c>
      <c r="M81" s="146">
        <v>0.56280667320902844</v>
      </c>
      <c r="N81" s="146">
        <v>0.59254714502020944</v>
      </c>
      <c r="O81" s="146">
        <v>0.67788510889814968</v>
      </c>
      <c r="P81" s="146">
        <v>0.62383410536447714</v>
      </c>
      <c r="Q81" s="146">
        <v>0.64148360744721267</v>
      </c>
      <c r="R81" s="146">
        <v>0.66623881770202997</v>
      </c>
      <c r="S81" s="146">
        <v>0.67898219833325113</v>
      </c>
      <c r="T81" s="140">
        <v>0.7636286664650741</v>
      </c>
      <c r="U81" s="140">
        <v>0.68581714563030394</v>
      </c>
      <c r="V81" s="140">
        <v>0.68773975441686963</v>
      </c>
      <c r="W81" s="140">
        <v>0.7878613979843635</v>
      </c>
      <c r="X81" s="146">
        <v>0.71447170199244892</v>
      </c>
      <c r="Y81" s="146">
        <v>0.67666421428376788</v>
      </c>
      <c r="Z81" s="140">
        <v>0.73399008757220041</v>
      </c>
      <c r="AA81" s="111">
        <v>0.79111053868190373</v>
      </c>
      <c r="AB81" s="140">
        <v>0.66212418661078642</v>
      </c>
      <c r="AC81" s="153">
        <v>0.70644039280032656</v>
      </c>
      <c r="AD81" s="146">
        <v>0.75000423440175257</v>
      </c>
      <c r="AE81" s="146">
        <v>0.78489812105615675</v>
      </c>
      <c r="AF81" s="146">
        <v>0.77086070184351874</v>
      </c>
      <c r="AG81" s="140">
        <v>0.79173401256244125</v>
      </c>
      <c r="AH81" s="146">
        <v>0.74</v>
      </c>
      <c r="AI81" s="140">
        <v>0.77229414446148104</v>
      </c>
      <c r="AJ81" s="145">
        <v>0.77341925592314875</v>
      </c>
      <c r="AK81" s="140">
        <v>0.7275178601096528</v>
      </c>
      <c r="AL81" s="140">
        <v>0.7275178601096528</v>
      </c>
      <c r="AM81" s="140">
        <v>0.79658540147762269</v>
      </c>
      <c r="AN81" s="140">
        <v>0.81891331540742063</v>
      </c>
      <c r="AO81" s="140">
        <v>0.91948485825319215</v>
      </c>
      <c r="AP81" s="140">
        <v>0.98450922989347001</v>
      </c>
      <c r="AQ81" s="8">
        <v>0.7773677955050059</v>
      </c>
      <c r="AR81" s="140">
        <v>0.90283481082143979</v>
      </c>
      <c r="AS81" s="140">
        <v>0.93955958380751103</v>
      </c>
      <c r="AT81" s="140">
        <v>0.83492231886319013</v>
      </c>
      <c r="AU81" s="146">
        <v>0.84202440322761407</v>
      </c>
      <c r="AV81" s="140">
        <v>0.75074306276264535</v>
      </c>
      <c r="AW81" s="140">
        <v>0.67589186072353125</v>
      </c>
      <c r="AX81" s="140">
        <v>0.62065772706988043</v>
      </c>
      <c r="AY81" s="140">
        <v>0.64472579257726303</v>
      </c>
      <c r="AZ81" s="146">
        <v>0.61835116867840789</v>
      </c>
      <c r="BA81" s="140">
        <v>0.62503439916131565</v>
      </c>
      <c r="BB81" s="145">
        <v>0.71193241974334198</v>
      </c>
      <c r="BC81" s="146">
        <v>0.6767885934711072</v>
      </c>
      <c r="BD81" s="145">
        <v>0.61145536921555566</v>
      </c>
      <c r="BE81" s="140"/>
    </row>
    <row r="82" spans="3:57" x14ac:dyDescent="0.2">
      <c r="C82" s="126" t="s">
        <v>80</v>
      </c>
      <c r="D82" s="158" t="s">
        <v>58</v>
      </c>
      <c r="E82" s="146">
        <v>1.1984864444392063</v>
      </c>
      <c r="F82" s="140">
        <v>1.5593133632670049</v>
      </c>
      <c r="G82" s="146">
        <v>2.2364641241793168</v>
      </c>
      <c r="H82" s="146">
        <v>1.887516558197325</v>
      </c>
      <c r="I82" s="146">
        <v>1.5020813611628423</v>
      </c>
      <c r="J82" s="140">
        <v>1.0362332633777931</v>
      </c>
      <c r="K82" s="146">
        <v>0.97225603022236828</v>
      </c>
      <c r="L82" s="146">
        <v>0.89126172619904509</v>
      </c>
      <c r="M82" s="146">
        <v>0.9078661419474735</v>
      </c>
      <c r="N82" s="146">
        <v>1.3490017383450994</v>
      </c>
      <c r="O82" s="146">
        <v>1.9048127051472541</v>
      </c>
      <c r="P82" s="146">
        <v>1.8560397508481419</v>
      </c>
      <c r="Q82" s="146">
        <v>2.3511616924079859</v>
      </c>
      <c r="R82" s="146">
        <v>2.038447449501537</v>
      </c>
      <c r="S82" s="146">
        <v>1.5334340441720606</v>
      </c>
      <c r="T82" s="140">
        <v>0.87196769845017819</v>
      </c>
      <c r="U82" s="140">
        <v>0.74023637674868836</v>
      </c>
      <c r="V82" s="140">
        <v>0.71844200408552095</v>
      </c>
      <c r="W82" s="140">
        <v>0.68439049060682244</v>
      </c>
      <c r="X82" s="146">
        <v>0.71086601925216941</v>
      </c>
      <c r="Y82" s="146">
        <v>0.73454405962012437</v>
      </c>
      <c r="Z82" s="140">
        <v>0.8198670409154073</v>
      </c>
      <c r="AA82" s="111">
        <v>0.8592409497970549</v>
      </c>
      <c r="AB82" s="140">
        <v>0.83446782535067843</v>
      </c>
      <c r="AC82" s="146">
        <v>0.84675790230956804</v>
      </c>
      <c r="AD82" s="146">
        <v>0.76981203869870873</v>
      </c>
      <c r="AE82" s="146">
        <v>0.79348174594233922</v>
      </c>
      <c r="AF82" s="146">
        <v>0.71011635749211666</v>
      </c>
      <c r="AG82" s="140">
        <v>0.91297787562721278</v>
      </c>
      <c r="AH82" s="146">
        <v>0.89225167981437659</v>
      </c>
      <c r="AI82" s="140">
        <v>0.76943847271050192</v>
      </c>
      <c r="AJ82" s="145">
        <v>0.765373082470862</v>
      </c>
      <c r="AK82" s="140">
        <v>0.72608533113127172</v>
      </c>
      <c r="AL82" s="140">
        <v>0.72608533113127172</v>
      </c>
      <c r="AM82" s="140">
        <v>1.0486734619374842</v>
      </c>
      <c r="AN82" s="140">
        <v>1.2572726337024991</v>
      </c>
      <c r="AO82" s="140">
        <v>1.4990346708804763</v>
      </c>
      <c r="AP82" s="140">
        <v>1.3720164320344217</v>
      </c>
      <c r="AQ82" s="8">
        <v>2.2092777173124896</v>
      </c>
      <c r="AR82" s="140">
        <v>2.2768134468249848</v>
      </c>
      <c r="AS82" s="184">
        <v>1.6397741079578017</v>
      </c>
      <c r="AT82" s="140">
        <v>1.0397780108094614</v>
      </c>
      <c r="AU82" s="146">
        <v>0.85604017016160605</v>
      </c>
      <c r="AV82" s="140">
        <v>1.044249089101343</v>
      </c>
      <c r="AW82" s="140">
        <v>1.4534768483427316</v>
      </c>
      <c r="AX82" s="140">
        <v>1.4218832801617067</v>
      </c>
      <c r="AY82" s="140">
        <v>1.2662118289364792</v>
      </c>
      <c r="AZ82" s="146">
        <v>1.2637658108104894</v>
      </c>
      <c r="BA82" s="140">
        <v>1.3093474575199846</v>
      </c>
      <c r="BB82" s="145">
        <v>1.1101204353797378</v>
      </c>
      <c r="BC82" s="146">
        <v>1.003176453187907</v>
      </c>
      <c r="BD82" s="145">
        <v>0.93347050623847894</v>
      </c>
      <c r="BE82" s="140"/>
    </row>
    <row r="83" spans="3:57" x14ac:dyDescent="0.2">
      <c r="C83" s="126" t="s">
        <v>122</v>
      </c>
      <c r="D83" s="158" t="s">
        <v>58</v>
      </c>
      <c r="E83" s="146">
        <v>0.27336735320738337</v>
      </c>
      <c r="F83" s="140">
        <v>0.26629412001519315</v>
      </c>
      <c r="G83" s="146">
        <v>0.25088328230521545</v>
      </c>
      <c r="H83" s="146">
        <v>0.26855241138314556</v>
      </c>
      <c r="I83" s="146">
        <v>0.26808741808561198</v>
      </c>
      <c r="J83" s="140">
        <v>0.25173411796559486</v>
      </c>
      <c r="K83" s="146">
        <v>0.24622082590002264</v>
      </c>
      <c r="L83" s="146">
        <v>0.24820255352303092</v>
      </c>
      <c r="M83" s="146">
        <v>0.26510239488823795</v>
      </c>
      <c r="N83" s="146">
        <v>0.29123644979822083</v>
      </c>
      <c r="O83" s="146">
        <v>0.40852204001939152</v>
      </c>
      <c r="P83" s="146">
        <v>0.40519495952724466</v>
      </c>
      <c r="Q83" s="146">
        <v>0.41835842290297715</v>
      </c>
      <c r="R83" s="146">
        <v>0.41655929254329149</v>
      </c>
      <c r="S83" s="146">
        <v>0.42552897288197816</v>
      </c>
      <c r="T83" s="140">
        <v>0.39107159658819579</v>
      </c>
      <c r="U83" s="140">
        <v>0.45391188128741927</v>
      </c>
      <c r="V83" s="140">
        <v>0.43198696838841111</v>
      </c>
      <c r="W83" s="140">
        <v>0.47080387352215586</v>
      </c>
      <c r="X83" s="146">
        <v>0.58681367924528305</v>
      </c>
      <c r="Y83" s="146">
        <v>0.5233384988083446</v>
      </c>
      <c r="Z83" s="140">
        <v>0.49929956463081804</v>
      </c>
      <c r="AA83" s="111">
        <v>0.40160938950119984</v>
      </c>
      <c r="AB83" s="140">
        <v>0.4645841890650555</v>
      </c>
      <c r="AC83" s="146">
        <v>0.48685343488539856</v>
      </c>
      <c r="AD83" s="146">
        <v>0.48251940111311437</v>
      </c>
      <c r="AE83" s="146">
        <v>0.57416774719848862</v>
      </c>
      <c r="AF83" s="146">
        <v>0.56123145772000405</v>
      </c>
      <c r="AG83" s="140">
        <v>0.53753091132141284</v>
      </c>
      <c r="AH83" s="146">
        <v>0.53556690016907571</v>
      </c>
      <c r="AI83" s="140">
        <v>0.62197698451985106</v>
      </c>
      <c r="AJ83" s="145">
        <v>0.60205085269505088</v>
      </c>
      <c r="AK83" s="140">
        <v>0.44090356276111042</v>
      </c>
      <c r="AL83" s="140">
        <v>0.44090356276111042</v>
      </c>
      <c r="AM83" s="140">
        <v>0.44260429666904705</v>
      </c>
      <c r="AN83" s="140">
        <v>0.49708092750878174</v>
      </c>
      <c r="AO83" s="140">
        <v>0.50126817368955257</v>
      </c>
      <c r="AP83" s="140">
        <v>0.54096173288012606</v>
      </c>
      <c r="AQ83" s="8">
        <v>0.53455795702248954</v>
      </c>
      <c r="AR83" s="140">
        <v>0.53583020134350934</v>
      </c>
      <c r="AS83" s="140">
        <v>0.54443939926693452</v>
      </c>
      <c r="AT83" s="140">
        <v>0.53390259786001082</v>
      </c>
      <c r="AU83" s="146">
        <v>0.54705008086486318</v>
      </c>
      <c r="AV83" s="140">
        <v>0.53948463223282106</v>
      </c>
      <c r="AW83" s="140">
        <v>0.54130525990754863</v>
      </c>
      <c r="AX83" s="140">
        <v>0.55703861339840643</v>
      </c>
      <c r="AY83" s="140">
        <v>0.55551137344792301</v>
      </c>
      <c r="AZ83" s="146">
        <v>0.55493583234044741</v>
      </c>
      <c r="BA83" s="140">
        <v>0.5792631873159787</v>
      </c>
      <c r="BB83" s="145">
        <v>0.66156487445967072</v>
      </c>
      <c r="BC83" s="146">
        <v>0.70168424640997362</v>
      </c>
      <c r="BD83" s="145">
        <v>0.72888002896838255</v>
      </c>
      <c r="BE83" s="140"/>
    </row>
    <row r="84" spans="3:57" x14ac:dyDescent="0.2">
      <c r="C84" s="126" t="s">
        <v>82</v>
      </c>
      <c r="D84" s="158" t="s">
        <v>58</v>
      </c>
      <c r="E84" s="146">
        <v>2.4077297784723153</v>
      </c>
      <c r="F84" s="140">
        <v>3.1784759416600279</v>
      </c>
      <c r="G84" s="146">
        <v>3.3329392727594445</v>
      </c>
      <c r="H84" s="146">
        <v>2.9637853663114759</v>
      </c>
      <c r="I84" s="146">
        <v>2.3066540535582516</v>
      </c>
      <c r="J84" s="140">
        <v>1.9260739539098573</v>
      </c>
      <c r="K84" s="146">
        <v>2.7010651196009654</v>
      </c>
      <c r="L84" s="146">
        <v>2.5476805002072918</v>
      </c>
      <c r="M84" s="146">
        <v>2.5386324030459315</v>
      </c>
      <c r="N84" s="146">
        <v>2.3159861138134792</v>
      </c>
      <c r="O84" s="146">
        <v>2.9774906707676703</v>
      </c>
      <c r="P84" s="146">
        <v>2.8127968312351874</v>
      </c>
      <c r="Q84" s="146">
        <v>2.9075378625235011</v>
      </c>
      <c r="R84" s="146">
        <v>2.977420139373117</v>
      </c>
      <c r="S84" s="146">
        <v>2.8028081143876022</v>
      </c>
      <c r="T84" s="140">
        <v>2.3194154654363195</v>
      </c>
      <c r="U84" s="140">
        <v>2.5723087025700058</v>
      </c>
      <c r="V84" s="140">
        <v>2.1122079427070521</v>
      </c>
      <c r="W84" s="140">
        <v>2.3010479762860299</v>
      </c>
      <c r="X84" s="146">
        <v>2.3692750772748892</v>
      </c>
      <c r="Y84" s="146">
        <v>2.4200080617655266</v>
      </c>
      <c r="Z84" s="140">
        <v>2.5593798465498301</v>
      </c>
      <c r="AA84" s="111">
        <v>2.714406916081411</v>
      </c>
      <c r="AB84" s="140">
        <v>2.404603437469337</v>
      </c>
      <c r="AC84" s="146">
        <v>2.5100441175297377</v>
      </c>
      <c r="AD84" s="146">
        <v>2.761253866515653</v>
      </c>
      <c r="AE84" s="146">
        <v>2.8073145926563323</v>
      </c>
      <c r="AF84" s="146">
        <v>2.521235039207594</v>
      </c>
      <c r="AG84" s="140">
        <v>2.7310843383088805</v>
      </c>
      <c r="AH84" s="146">
        <v>2.7475930073507917</v>
      </c>
      <c r="AI84" s="140">
        <v>3.699755454793527</v>
      </c>
      <c r="AJ84" s="145">
        <v>4.4847458735348047</v>
      </c>
      <c r="AK84" s="140">
        <v>4.4538686735743855</v>
      </c>
      <c r="AL84" s="140">
        <v>4.4538686735743855</v>
      </c>
      <c r="AM84" s="140">
        <v>5.1124576661558123</v>
      </c>
      <c r="AN84" s="140">
        <v>3.5139671396148651</v>
      </c>
      <c r="AO84" s="140">
        <v>3.65294448713369</v>
      </c>
      <c r="AP84" s="140">
        <v>3.5366681724573179</v>
      </c>
      <c r="AQ84" s="8">
        <v>3.7586168285633375</v>
      </c>
      <c r="AR84" s="140">
        <v>3.7919262317643816</v>
      </c>
      <c r="AS84" s="140">
        <v>3.3304763811215792</v>
      </c>
      <c r="AT84" s="140">
        <v>2.8372658066273493</v>
      </c>
      <c r="AU84" s="146">
        <v>2.7122289409088189</v>
      </c>
      <c r="AV84" s="140">
        <v>2.0562795744787619</v>
      </c>
      <c r="AW84" s="140">
        <v>2.5977677897760003</v>
      </c>
      <c r="AX84" s="140">
        <v>3.3240927732780814</v>
      </c>
      <c r="AY84" s="140">
        <v>3.5570369930159695</v>
      </c>
      <c r="AZ84" s="146">
        <v>4.2281539093910157</v>
      </c>
      <c r="BA84" s="140">
        <v>4.2290899421353432</v>
      </c>
      <c r="BB84" s="145">
        <v>4.2093055667589834</v>
      </c>
      <c r="BC84" s="146">
        <v>4.1254620356310978</v>
      </c>
      <c r="BD84" s="145">
        <v>3.6510861977191684</v>
      </c>
      <c r="BE84" s="140"/>
    </row>
    <row r="85" spans="3:57" x14ac:dyDescent="0.2">
      <c r="C85" s="126" t="s">
        <v>84</v>
      </c>
      <c r="D85" s="158" t="s">
        <v>85</v>
      </c>
      <c r="E85" s="146">
        <v>0.59999988192816023</v>
      </c>
      <c r="F85" s="140">
        <v>0.55580054169173787</v>
      </c>
      <c r="G85" s="146">
        <v>0.56232304926825127</v>
      </c>
      <c r="H85" s="146">
        <v>0.53466875464256092</v>
      </c>
      <c r="I85" s="146">
        <v>0.5812658637947985</v>
      </c>
      <c r="J85" s="140">
        <v>0.63553129574722633</v>
      </c>
      <c r="K85" s="146">
        <v>0.67630434679172913</v>
      </c>
      <c r="L85" s="146">
        <v>0.64002044055180096</v>
      </c>
      <c r="M85" s="146">
        <v>0.60486473439601562</v>
      </c>
      <c r="N85" s="146">
        <v>0.58182987663191021</v>
      </c>
      <c r="O85" s="146">
        <v>0.63130977757811302</v>
      </c>
      <c r="P85" s="146">
        <v>0.58212346106151647</v>
      </c>
      <c r="Q85" s="146">
        <v>0.59106678916297251</v>
      </c>
      <c r="R85" s="146">
        <v>0.57028136539331742</v>
      </c>
      <c r="S85" s="146">
        <v>0.52541983616913523</v>
      </c>
      <c r="T85" s="140">
        <v>0.84182416195601639</v>
      </c>
      <c r="U85" s="140">
        <v>0.8713563981670257</v>
      </c>
      <c r="V85" s="140">
        <v>0.7867771731928217</v>
      </c>
      <c r="W85" s="140">
        <v>0.7927675355288466</v>
      </c>
      <c r="X85" s="146">
        <v>0.86516373556127069</v>
      </c>
      <c r="Y85" s="146">
        <v>0.74277663914094816</v>
      </c>
      <c r="Z85" s="140">
        <v>0.73106502606742318</v>
      </c>
      <c r="AA85" s="111">
        <v>0.71072492659606501</v>
      </c>
      <c r="AB85" s="140">
        <v>0.66521278784592952</v>
      </c>
      <c r="AC85" s="146">
        <v>0.66362005372030997</v>
      </c>
      <c r="AD85" s="146">
        <v>0.62570705434065998</v>
      </c>
      <c r="AE85" s="146">
        <v>0.63792555651322891</v>
      </c>
      <c r="AF85" s="146">
        <v>0.62709032071457893</v>
      </c>
      <c r="AG85" s="140">
        <v>0.60684815525178348</v>
      </c>
      <c r="AH85" s="146">
        <v>0.62753315703686674</v>
      </c>
      <c r="AI85" s="140">
        <v>0.64549607099431972</v>
      </c>
      <c r="AJ85" s="145">
        <v>0.71864103782507005</v>
      </c>
      <c r="AK85" s="140">
        <v>0.84596059300594584</v>
      </c>
      <c r="AL85" s="140">
        <v>0.84596059300594584</v>
      </c>
      <c r="AM85" s="140">
        <v>0.67890173932123365</v>
      </c>
      <c r="AN85" s="140">
        <v>0.69763205354378688</v>
      </c>
      <c r="AO85" s="140">
        <v>0.70926541378895169</v>
      </c>
      <c r="AP85" s="140">
        <v>0.88600776030520145</v>
      </c>
      <c r="AQ85" s="8">
        <v>0.84786200854573834</v>
      </c>
      <c r="AR85" s="140">
        <v>0.8583194306516343</v>
      </c>
      <c r="AS85" s="140">
        <v>0.86259260068764332</v>
      </c>
      <c r="AT85" s="140">
        <v>0.90111641450434732</v>
      </c>
      <c r="AU85" s="146">
        <v>0.7856339120561977</v>
      </c>
      <c r="AV85" s="140">
        <v>0.72438549757451709</v>
      </c>
      <c r="AW85" s="140">
        <v>0.63245898823054081</v>
      </c>
      <c r="AX85" s="140">
        <v>0.63995696027760463</v>
      </c>
      <c r="AY85" s="140">
        <v>0.63798410827196594</v>
      </c>
      <c r="AZ85" s="146">
        <v>0.63639866682362123</v>
      </c>
      <c r="BA85" s="140">
        <v>0.63222248899559819</v>
      </c>
      <c r="BB85" s="145">
        <v>0.60920080700084622</v>
      </c>
      <c r="BC85" s="146">
        <v>0.61304829445069897</v>
      </c>
      <c r="BD85" s="145">
        <v>0.64796133069952067</v>
      </c>
      <c r="BE85" s="140"/>
    </row>
    <row r="86" spans="3:57" x14ac:dyDescent="0.2">
      <c r="C86" s="126" t="s">
        <v>118</v>
      </c>
      <c r="D86" s="158" t="s">
        <v>58</v>
      </c>
      <c r="E86" s="146">
        <v>1.1995736935370624</v>
      </c>
      <c r="F86" s="140">
        <v>1.4437320579339514</v>
      </c>
      <c r="G86" s="146">
        <v>1.3372469014111732</v>
      </c>
      <c r="H86" s="146">
        <v>1.3629249886472374</v>
      </c>
      <c r="I86" s="146">
        <v>1.5417350086788404</v>
      </c>
      <c r="J86" s="140">
        <v>1.5803923815832388</v>
      </c>
      <c r="K86" s="146">
        <v>1.6549607880128432</v>
      </c>
      <c r="L86" s="146">
        <v>1.7586135011126494</v>
      </c>
      <c r="M86" s="146">
        <v>2.0144862974953006</v>
      </c>
      <c r="N86" s="146">
        <v>2.086666149099881</v>
      </c>
      <c r="O86" s="146">
        <v>2.581372750552084</v>
      </c>
      <c r="P86" s="146">
        <v>2.7502456699518469</v>
      </c>
      <c r="Q86" s="146">
        <v>2.6488079392968014</v>
      </c>
      <c r="R86" s="146">
        <v>2.3273976518393287</v>
      </c>
      <c r="S86" s="146">
        <v>2.456894647754067</v>
      </c>
      <c r="T86" s="140">
        <v>2.0382462813285338</v>
      </c>
      <c r="U86" s="140">
        <v>1.8294273559767411</v>
      </c>
      <c r="V86" s="140">
        <v>1.7682303714094041</v>
      </c>
      <c r="W86" s="140">
        <v>1.2688430213461726</v>
      </c>
      <c r="X86" s="146">
        <v>0.97909989326051905</v>
      </c>
      <c r="Y86" s="146">
        <v>1.0712749182344647</v>
      </c>
      <c r="Z86" s="140">
        <v>1.096624901066424</v>
      </c>
      <c r="AA86" s="111">
        <v>1.2728713181324551</v>
      </c>
      <c r="AB86" s="140">
        <v>1.4934287421811274</v>
      </c>
      <c r="AC86" s="146">
        <v>1.4566454549046586</v>
      </c>
      <c r="AD86" s="146">
        <v>1.4430035133516304</v>
      </c>
      <c r="AE86" s="146">
        <v>1.5167479766105603</v>
      </c>
      <c r="AF86" s="146">
        <v>1.5587621063790802</v>
      </c>
      <c r="AG86" s="140">
        <v>1.5483522006895596</v>
      </c>
      <c r="AH86" s="146">
        <v>1.4040152991562707</v>
      </c>
      <c r="AI86" s="140">
        <v>1.2166739158346236</v>
      </c>
      <c r="AJ86" s="145">
        <v>1.1438638606837923</v>
      </c>
      <c r="AK86" s="140">
        <v>1.1891517096534945</v>
      </c>
      <c r="AL86" s="140">
        <v>1.1891517096534945</v>
      </c>
      <c r="AM86" s="140">
        <v>1.10188637188536</v>
      </c>
      <c r="AN86" s="140">
        <v>1.5028358646303319</v>
      </c>
      <c r="AO86" s="140">
        <v>1.6032584882755099</v>
      </c>
      <c r="AP86" s="140">
        <v>1.5613536218877664</v>
      </c>
      <c r="AQ86" s="8">
        <v>1.5327054686050665</v>
      </c>
      <c r="AR86" s="140">
        <v>1.5383450527286944</v>
      </c>
      <c r="AS86" s="140">
        <v>1.5542042112606245</v>
      </c>
      <c r="AT86" s="140">
        <v>1.5218525060853223</v>
      </c>
      <c r="AU86" s="146">
        <v>1.4220395470238343</v>
      </c>
      <c r="AV86" s="140">
        <v>1.2006982207093591</v>
      </c>
      <c r="AW86" s="140">
        <v>1.2444264150704103</v>
      </c>
      <c r="AX86" s="140">
        <v>1.1440559193145017</v>
      </c>
      <c r="AY86" s="140">
        <v>1.2348600714686846</v>
      </c>
      <c r="AZ86" s="146">
        <v>1.3073366786767717</v>
      </c>
      <c r="BA86" s="140">
        <v>1.8736945552559265</v>
      </c>
      <c r="BB86" s="145">
        <v>1.8750124920311391</v>
      </c>
      <c r="BC86" s="146">
        <v>1.5207269909083803</v>
      </c>
      <c r="BD86" s="145">
        <v>1.4411261909803093</v>
      </c>
      <c r="BE86" s="140"/>
    </row>
    <row r="87" spans="3:57" x14ac:dyDescent="0.2">
      <c r="C87" s="126" t="s">
        <v>104</v>
      </c>
      <c r="D87" s="158" t="s">
        <v>58</v>
      </c>
      <c r="E87" s="146">
        <v>1.1787227294738474</v>
      </c>
      <c r="F87" s="140">
        <v>1.1933308298826648</v>
      </c>
      <c r="G87" s="146">
        <v>1.1951398688061496</v>
      </c>
      <c r="H87" s="146">
        <v>1.2552708958816541</v>
      </c>
      <c r="I87" s="146">
        <v>1.3674360403441852</v>
      </c>
      <c r="J87" s="140">
        <v>1.4213299194274809</v>
      </c>
      <c r="K87" s="146">
        <v>1.4464909185356374</v>
      </c>
      <c r="L87" s="146">
        <v>1.4722677222251028</v>
      </c>
      <c r="M87" s="146">
        <v>1.3758602348330384</v>
      </c>
      <c r="N87" s="146">
        <v>1.4228261784444691</v>
      </c>
      <c r="O87" s="146">
        <v>1.611685307898916</v>
      </c>
      <c r="P87" s="146">
        <v>1.9014705117623765</v>
      </c>
      <c r="Q87" s="146">
        <v>1.9054168331861578</v>
      </c>
      <c r="R87" s="146">
        <v>1.9283397285369446</v>
      </c>
      <c r="S87" s="146">
        <v>1.9879466084528181</v>
      </c>
      <c r="T87" s="140">
        <v>1.8974404261979925</v>
      </c>
      <c r="U87" s="140">
        <v>1.5304004210223285</v>
      </c>
      <c r="V87" s="140">
        <v>1.3650142035699344</v>
      </c>
      <c r="W87" s="140">
        <v>1.4740132775381218</v>
      </c>
      <c r="X87" s="146">
        <v>1.4032149135905327</v>
      </c>
      <c r="Y87" s="146">
        <v>1.3078489207177681</v>
      </c>
      <c r="Z87" s="140">
        <v>1.323786461930414</v>
      </c>
      <c r="AA87" s="111">
        <v>1.4568466431637033</v>
      </c>
      <c r="AB87" s="140">
        <v>1.744475085883354</v>
      </c>
      <c r="AC87" s="146">
        <v>1.752265670168512</v>
      </c>
      <c r="AD87" s="146">
        <v>1.5365839240603767</v>
      </c>
      <c r="AE87" s="146">
        <v>1.5054783740246516</v>
      </c>
      <c r="AF87" s="146">
        <v>1.4675610174998428</v>
      </c>
      <c r="AG87" s="140">
        <v>1.3284672215601612</v>
      </c>
      <c r="AH87" s="146">
        <v>1.3041979502553773</v>
      </c>
      <c r="AI87" s="140">
        <v>1.3442986380175488</v>
      </c>
      <c r="AJ87" s="145">
        <v>1.3352392118493916</v>
      </c>
      <c r="AK87" s="140">
        <v>1.165415468668455</v>
      </c>
      <c r="AL87" s="140">
        <v>1.165415468668455</v>
      </c>
      <c r="AM87" s="140">
        <v>1.1176550127499665</v>
      </c>
      <c r="AN87" s="140">
        <v>1.3987364245661824</v>
      </c>
      <c r="AO87" s="140">
        <v>1.8717284574275439</v>
      </c>
      <c r="AP87" s="140">
        <v>1.8081931932115745</v>
      </c>
      <c r="AQ87" s="8">
        <v>1.874670402269301</v>
      </c>
      <c r="AR87" s="140">
        <v>1.8614519454365572</v>
      </c>
      <c r="AS87" s="140">
        <v>1.8203723277641983</v>
      </c>
      <c r="AT87" s="140">
        <v>1.6794114763818218</v>
      </c>
      <c r="AU87" s="146">
        <v>1.3764302844239125</v>
      </c>
      <c r="AV87" s="140">
        <v>1.2891211852331779</v>
      </c>
      <c r="AW87" s="140">
        <v>1.1387557506190482</v>
      </c>
      <c r="AX87" s="140">
        <v>1.1480358039888032</v>
      </c>
      <c r="AY87" s="140">
        <v>1.1055050587967195</v>
      </c>
      <c r="AZ87" s="146">
        <v>1.2599791499828394</v>
      </c>
      <c r="BA87" s="140">
        <v>1.3448932916291203</v>
      </c>
      <c r="BB87" s="145">
        <v>1.3382547096253656</v>
      </c>
      <c r="BC87" s="146">
        <v>1.3577702434315813</v>
      </c>
      <c r="BD87" s="145">
        <v>1.3681866090445916</v>
      </c>
      <c r="BE87" s="140"/>
    </row>
    <row r="88" spans="3:57" x14ac:dyDescent="0.2">
      <c r="C88" s="126" t="s">
        <v>87</v>
      </c>
      <c r="D88" s="158" t="s">
        <v>58</v>
      </c>
      <c r="E88" s="146">
        <v>0.47394363291512892</v>
      </c>
      <c r="F88" s="140">
        <v>0.48057685712715831</v>
      </c>
      <c r="G88" s="146">
        <v>0.45995552874646561</v>
      </c>
      <c r="H88" s="146">
        <v>0.45270638787291978</v>
      </c>
      <c r="I88" s="146">
        <v>0.46631304061160739</v>
      </c>
      <c r="J88" s="140">
        <v>0.43626816114207034</v>
      </c>
      <c r="K88" s="146">
        <v>0.4404209788448909</v>
      </c>
      <c r="L88" s="146">
        <v>0.44330315524430358</v>
      </c>
      <c r="M88" s="146">
        <v>0.44766294239316512</v>
      </c>
      <c r="N88" s="146">
        <v>0.4625962191827408</v>
      </c>
      <c r="O88" s="146">
        <v>0.45587601690505503</v>
      </c>
      <c r="P88" s="146">
        <v>0.51435146749654892</v>
      </c>
      <c r="Q88" s="146">
        <v>0.51835560283716209</v>
      </c>
      <c r="R88" s="146">
        <v>0.51323630085947647</v>
      </c>
      <c r="S88" s="146">
        <v>0.5102428615542518</v>
      </c>
      <c r="T88" s="140">
        <v>0.5107780880756766</v>
      </c>
      <c r="U88" s="140">
        <v>0.50302615992041055</v>
      </c>
      <c r="V88" s="140">
        <v>0.52879660633135972</v>
      </c>
      <c r="W88" s="140">
        <v>0.5171889581721868</v>
      </c>
      <c r="X88" s="146">
        <v>0.5041130363931573</v>
      </c>
      <c r="Y88" s="146">
        <v>0.49609542511868798</v>
      </c>
      <c r="Z88" s="140">
        <v>0.49620891126861055</v>
      </c>
      <c r="AA88" s="111">
        <v>0.50443547458103533</v>
      </c>
      <c r="AB88" s="140">
        <v>0.48784785254212215</v>
      </c>
      <c r="AC88" s="146">
        <v>0.4818210521386278</v>
      </c>
      <c r="AD88" s="146">
        <v>0.47870964075308847</v>
      </c>
      <c r="AE88" s="146">
        <v>0.48176327950888631</v>
      </c>
      <c r="AF88" s="146">
        <v>0.49741174501355279</v>
      </c>
      <c r="AG88" s="140">
        <v>0.48391611538015683</v>
      </c>
      <c r="AH88" s="146">
        <v>0.49186884025111177</v>
      </c>
      <c r="AI88" s="140">
        <v>0.49747283640159429</v>
      </c>
      <c r="AJ88" s="145">
        <v>0.49404287741578284</v>
      </c>
      <c r="AK88" s="140">
        <v>0.48283804079171744</v>
      </c>
      <c r="AL88" s="140">
        <v>0.48283804079171744</v>
      </c>
      <c r="AM88" s="140">
        <v>0.45482775954586879</v>
      </c>
      <c r="AN88" s="140">
        <v>0.45375803633038431</v>
      </c>
      <c r="AO88" s="140">
        <v>0.45883428298474876</v>
      </c>
      <c r="AP88" s="140">
        <v>0.4613769602320717</v>
      </c>
      <c r="AQ88" s="8">
        <v>0.51009235906087436</v>
      </c>
      <c r="AR88" s="140">
        <v>0.53941770369860587</v>
      </c>
      <c r="AS88" s="140">
        <v>0.55885126007787234</v>
      </c>
      <c r="AT88" s="140">
        <v>0.56582289341744629</v>
      </c>
      <c r="AU88" s="146">
        <v>0.60762510183812157</v>
      </c>
      <c r="AV88" s="140">
        <v>0.62084235511971964</v>
      </c>
      <c r="AW88" s="140">
        <v>0.61373223938080401</v>
      </c>
      <c r="AX88" s="140">
        <v>0.59998485935658852</v>
      </c>
      <c r="AY88" s="140">
        <v>0.62376553559526404</v>
      </c>
      <c r="AZ88" s="146">
        <v>0.62527182639465351</v>
      </c>
      <c r="BA88" s="140">
        <v>0.57967184322707133</v>
      </c>
      <c r="BB88" s="145">
        <v>0.59435082117767934</v>
      </c>
      <c r="BC88" s="146">
        <v>0.61053595582625331</v>
      </c>
      <c r="BD88" s="145">
        <v>0.62140015075314792</v>
      </c>
      <c r="BE88" s="140"/>
    </row>
    <row r="89" spans="3:57" x14ac:dyDescent="0.2">
      <c r="C89" s="126" t="s">
        <v>88</v>
      </c>
      <c r="D89" s="158" t="s">
        <v>58</v>
      </c>
      <c r="E89" s="140">
        <v>0.55537796825485464</v>
      </c>
      <c r="F89" s="140">
        <v>0.64160079424158001</v>
      </c>
      <c r="G89" s="140">
        <v>0.65981049594698693</v>
      </c>
      <c r="H89" s="140">
        <v>0.69192229889557744</v>
      </c>
      <c r="I89" s="140">
        <v>0.7798613876461441</v>
      </c>
      <c r="J89" s="140">
        <v>0.80225581108524413</v>
      </c>
      <c r="K89" s="140">
        <v>0.85241721613241872</v>
      </c>
      <c r="L89" s="140">
        <v>0.85834053460047099</v>
      </c>
      <c r="M89" s="140">
        <v>0.83459140215691208</v>
      </c>
      <c r="N89" s="140">
        <v>0.70814577357965647</v>
      </c>
      <c r="O89" s="140">
        <v>0.84373724026598218</v>
      </c>
      <c r="P89" s="146">
        <v>0.97730593491570095</v>
      </c>
      <c r="Q89" s="140">
        <v>1.0041540903940089</v>
      </c>
      <c r="R89" s="146">
        <v>0.91771185202821437</v>
      </c>
      <c r="S89" s="140">
        <v>0.87508895027902323</v>
      </c>
      <c r="T89" s="140">
        <v>1.1402990955605727</v>
      </c>
      <c r="U89" s="140">
        <v>1.0273843693347091</v>
      </c>
      <c r="V89" s="140">
        <v>0.89444795943567468</v>
      </c>
      <c r="W89" s="140">
        <v>0.86825465313610017</v>
      </c>
      <c r="X89" s="146">
        <v>0.86831779958970423</v>
      </c>
      <c r="Y89" s="140">
        <v>0.956573645849781</v>
      </c>
      <c r="Z89" s="140">
        <v>0.96573694889896677</v>
      </c>
      <c r="AA89" s="111">
        <v>1.0339896271670588</v>
      </c>
      <c r="AB89" s="140">
        <v>1.0927801445901846</v>
      </c>
      <c r="AC89" s="140">
        <v>1.1574273006959315</v>
      </c>
      <c r="AD89" s="140">
        <v>1.1082744073984658</v>
      </c>
      <c r="AE89" s="140">
        <v>1.0059081185383891</v>
      </c>
      <c r="AF89" s="140">
        <v>1.1759040451635128</v>
      </c>
      <c r="AG89" s="140">
        <v>1.1104134242676347</v>
      </c>
      <c r="AH89" s="140">
        <v>1.1030505407607034</v>
      </c>
      <c r="AI89" s="140">
        <v>1.1588633435273297</v>
      </c>
      <c r="AJ89" s="194">
        <v>1.1013882812450015</v>
      </c>
      <c r="AK89" s="140">
        <v>1.1407795184333753</v>
      </c>
      <c r="AL89" s="140">
        <v>1.1407795184333753</v>
      </c>
      <c r="AM89" s="140">
        <v>1.0684913886189396</v>
      </c>
      <c r="AN89" s="140">
        <v>1.1047200200301444</v>
      </c>
      <c r="AO89" s="140">
        <v>1.147281931864863</v>
      </c>
      <c r="AP89" s="140">
        <v>1.0057086326010296</v>
      </c>
      <c r="AQ89" s="17">
        <v>1.0236267970997373</v>
      </c>
      <c r="AR89" s="140">
        <v>1.1065852011535491</v>
      </c>
      <c r="AS89" s="140">
        <v>1.056856163103451</v>
      </c>
      <c r="AT89" s="140">
        <v>1.1521491913718289</v>
      </c>
      <c r="AU89" s="140">
        <v>1.1619560111235636</v>
      </c>
      <c r="AV89" s="140">
        <v>1.0429512227860074</v>
      </c>
      <c r="AW89" s="140">
        <v>0.92735510594387771</v>
      </c>
      <c r="AX89" s="140">
        <v>1.147058068907739</v>
      </c>
      <c r="AY89" s="140">
        <v>1.1661360824828439</v>
      </c>
      <c r="AZ89" s="140">
        <v>0.97556814401808156</v>
      </c>
      <c r="BA89" s="140">
        <v>0.78935887863367982</v>
      </c>
      <c r="BB89" s="194">
        <v>0.79872818981738636</v>
      </c>
      <c r="BC89" s="140">
        <v>0.75472377193756968</v>
      </c>
      <c r="BD89" s="194">
        <v>0.8175153914734965</v>
      </c>
      <c r="BE89" s="140"/>
    </row>
    <row r="90" spans="3:57" x14ac:dyDescent="0.2">
      <c r="C90" s="166" t="s">
        <v>123</v>
      </c>
      <c r="D90" s="158" t="s">
        <v>58</v>
      </c>
      <c r="E90" s="140">
        <v>1.1118266406528059</v>
      </c>
      <c r="F90" s="140">
        <v>1.1115797945064707</v>
      </c>
      <c r="G90" s="140">
        <v>1.0766540011282943</v>
      </c>
      <c r="H90" s="140">
        <v>1.0948194904606545</v>
      </c>
      <c r="I90" s="140">
        <v>0.69512006541055049</v>
      </c>
      <c r="J90" s="140">
        <v>0.78002917334916533</v>
      </c>
      <c r="K90" s="140">
        <v>0.7900078360359315</v>
      </c>
      <c r="L90" s="140">
        <v>1.3235382867202152</v>
      </c>
      <c r="M90" s="140">
        <v>1.4076967388274646</v>
      </c>
      <c r="N90" s="140">
        <v>1.4335291607357128</v>
      </c>
      <c r="O90" s="140">
        <v>1.8738173485803928</v>
      </c>
      <c r="P90" s="146">
        <v>1.7910412609812567</v>
      </c>
      <c r="Q90" s="140">
        <v>1.7133931661877759</v>
      </c>
      <c r="R90" s="146">
        <v>1.7546796831472642</v>
      </c>
      <c r="S90" s="140">
        <v>1.5340664603929262</v>
      </c>
      <c r="T90" s="140">
        <v>1.3591443021908083</v>
      </c>
      <c r="U90" s="140">
        <v>1.3642863519668633</v>
      </c>
      <c r="V90" s="140">
        <v>1.3737776988846484</v>
      </c>
      <c r="W90" s="140">
        <v>1.605163048790887</v>
      </c>
      <c r="X90" s="146">
        <v>1.4885809971891941</v>
      </c>
      <c r="Y90" s="140">
        <v>1.3890967370728984</v>
      </c>
      <c r="Z90" s="140">
        <v>1.2687055772759914</v>
      </c>
      <c r="AA90" s="111">
        <v>1.2632713386421988</v>
      </c>
      <c r="AB90" s="140">
        <v>1.3059059880756934</v>
      </c>
      <c r="AC90" s="140">
        <v>1.7945902313342836</v>
      </c>
      <c r="AD90" s="140">
        <v>1.8921074914735978</v>
      </c>
      <c r="AE90" s="140">
        <v>1.9682490386019569</v>
      </c>
      <c r="AF90" s="140">
        <v>2.0545578810890905</v>
      </c>
      <c r="AG90" s="140">
        <v>1.932608858858859</v>
      </c>
      <c r="AH90" s="140">
        <v>2.2107125818623414</v>
      </c>
      <c r="AI90" s="140">
        <v>2.25</v>
      </c>
      <c r="AJ90" s="194">
        <v>2.25</v>
      </c>
      <c r="AK90" s="140">
        <v>2.25</v>
      </c>
      <c r="AL90" s="140">
        <v>2.25</v>
      </c>
      <c r="AM90" s="140">
        <v>2.3212742321402411</v>
      </c>
      <c r="AN90" s="140">
        <v>2.2174652332286278</v>
      </c>
      <c r="AO90" s="140">
        <v>2.1217349994026637</v>
      </c>
      <c r="AP90" s="140">
        <v>2.1230825963373872</v>
      </c>
      <c r="AQ90" s="17">
        <v>2.0964301450442289</v>
      </c>
      <c r="AR90" s="140">
        <v>1.9837565468238298</v>
      </c>
      <c r="AS90" s="140">
        <v>1.5746979666023373</v>
      </c>
      <c r="AT90" s="140">
        <v>1.3290024104226159</v>
      </c>
      <c r="AU90" s="140">
        <v>1.0360554644193107</v>
      </c>
      <c r="AV90" s="140">
        <v>0.98417440618960195</v>
      </c>
      <c r="AW90" s="140">
        <v>1.1315325554908198</v>
      </c>
      <c r="AX90" s="140">
        <v>1.1505368568758281</v>
      </c>
      <c r="AY90" s="140">
        <v>1.0400763012664997</v>
      </c>
      <c r="AZ90" s="140">
        <v>1.1186187943984685</v>
      </c>
      <c r="BA90" s="140">
        <v>1.1122413717852195</v>
      </c>
      <c r="BB90" s="194">
        <v>1.1407583702677464</v>
      </c>
      <c r="BC90" s="140">
        <v>1.1442238240170695</v>
      </c>
      <c r="BD90" s="194">
        <v>1.1391692596810252</v>
      </c>
      <c r="BE90" s="140"/>
    </row>
    <row r="91" spans="3:57" x14ac:dyDescent="0.2">
      <c r="C91" s="166" t="s">
        <v>100</v>
      </c>
      <c r="D91" s="158" t="s">
        <v>58</v>
      </c>
      <c r="E91" s="146">
        <v>0.85812204481357968</v>
      </c>
      <c r="F91" s="140">
        <v>0.93042626034032216</v>
      </c>
      <c r="G91" s="146">
        <v>0.82658052799979354</v>
      </c>
      <c r="H91" s="146">
        <v>0.72776037511213276</v>
      </c>
      <c r="I91" s="146">
        <v>0.75466194798478792</v>
      </c>
      <c r="J91" s="140">
        <v>0.81891990017644034</v>
      </c>
      <c r="K91" s="146">
        <v>0.83535583616373721</v>
      </c>
      <c r="L91" s="146">
        <v>0.87347273115167157</v>
      </c>
      <c r="M91" s="146">
        <v>0.86585821293136001</v>
      </c>
      <c r="N91" s="146">
        <v>0.93383697891297524</v>
      </c>
      <c r="O91" s="146">
        <v>0.69461364507355405</v>
      </c>
      <c r="P91" s="146">
        <v>0.74413035955354256</v>
      </c>
      <c r="Q91" s="146">
        <v>0.8197175458544872</v>
      </c>
      <c r="R91" s="146">
        <v>0.83962357403846788</v>
      </c>
      <c r="S91" s="146">
        <v>0.74072533700421883</v>
      </c>
      <c r="T91" s="140">
        <v>0.78703496559551545</v>
      </c>
      <c r="U91" s="140">
        <v>0.78065543887854427</v>
      </c>
      <c r="V91" s="140">
        <v>0.79986672250341384</v>
      </c>
      <c r="W91" s="140">
        <v>0.68031649403821881</v>
      </c>
      <c r="X91" s="146">
        <v>0.60277364783337306</v>
      </c>
      <c r="Y91" s="146">
        <v>0.81111738097552066</v>
      </c>
      <c r="Z91" s="140">
        <v>0.70353034021390393</v>
      </c>
      <c r="AA91" s="111">
        <v>0.71105677496458419</v>
      </c>
      <c r="AB91" s="140">
        <v>0.74665398607003808</v>
      </c>
      <c r="AC91" s="146">
        <v>0.77522171110472216</v>
      </c>
      <c r="AD91" s="146">
        <v>0.82054159233002177</v>
      </c>
      <c r="AE91" s="146">
        <v>0.79756619292344566</v>
      </c>
      <c r="AF91" s="146">
        <v>0.74511649473097596</v>
      </c>
      <c r="AG91" s="140">
        <v>0.75648402162423667</v>
      </c>
      <c r="AH91" s="146">
        <v>0.80532935536999384</v>
      </c>
      <c r="AI91" s="140">
        <v>1.0091914570052132</v>
      </c>
      <c r="AJ91" s="145">
        <v>1.1103429518098877</v>
      </c>
      <c r="AK91" s="140">
        <v>1.0130039208071782</v>
      </c>
      <c r="AL91" s="140">
        <v>1.0130039208071782</v>
      </c>
      <c r="AM91" s="140">
        <v>1.258885201675652</v>
      </c>
      <c r="AN91" s="140">
        <v>1.1169262995851144</v>
      </c>
      <c r="AO91" s="140">
        <v>1.236735704582461</v>
      </c>
      <c r="AP91" s="140">
        <v>1.3055015048573051</v>
      </c>
      <c r="AQ91" s="8">
        <v>1.2905210649053276</v>
      </c>
      <c r="AR91" s="140">
        <v>1.3495183282692829</v>
      </c>
      <c r="AS91" s="140">
        <v>1.1530044382128279</v>
      </c>
      <c r="AT91" s="140">
        <v>1.1592290903343383</v>
      </c>
      <c r="AU91" s="146">
        <v>0.97905023275508696</v>
      </c>
      <c r="AV91" s="140">
        <v>1.0682452984969839</v>
      </c>
      <c r="AW91" s="140">
        <v>1.1493546087292352</v>
      </c>
      <c r="AX91" s="140">
        <v>0.971839360086314</v>
      </c>
      <c r="AY91" s="140">
        <v>0.97338260574041258</v>
      </c>
      <c r="AZ91" s="146">
        <v>0.95574883111402908</v>
      </c>
      <c r="BA91" s="140">
        <v>0.94760096615005684</v>
      </c>
      <c r="BB91" s="145">
        <v>0.95901195003904527</v>
      </c>
      <c r="BC91" s="146">
        <v>0.98838100014682695</v>
      </c>
      <c r="BD91" s="145">
        <v>0.98576746945673765</v>
      </c>
      <c r="BE91" s="140"/>
    </row>
    <row r="92" spans="3:57" x14ac:dyDescent="0.2">
      <c r="C92" s="126" t="s">
        <v>89</v>
      </c>
      <c r="D92" s="158" t="s">
        <v>58</v>
      </c>
      <c r="E92" s="146">
        <v>1.0010834377247784</v>
      </c>
      <c r="F92" s="140">
        <v>1.0802195537908534</v>
      </c>
      <c r="G92" s="146">
        <v>1.0856875981266902</v>
      </c>
      <c r="H92" s="146">
        <v>1.0778591559217194</v>
      </c>
      <c r="I92" s="146">
        <v>1.0721178022628115</v>
      </c>
      <c r="J92" s="140">
        <v>1.0304713387127662</v>
      </c>
      <c r="K92" s="146">
        <v>1.0379966260839433</v>
      </c>
      <c r="L92" s="146">
        <v>1.0540274176879998</v>
      </c>
      <c r="M92" s="146">
        <v>1.0602549459915347</v>
      </c>
      <c r="N92" s="146">
        <v>1.1398039276883465</v>
      </c>
      <c r="O92" s="146">
        <v>1.0773551957483614</v>
      </c>
      <c r="P92" s="146">
        <v>1.2635886500242288</v>
      </c>
      <c r="Q92" s="146">
        <v>1.1423346261261467</v>
      </c>
      <c r="R92" s="146">
        <v>0.96301881565315472</v>
      </c>
      <c r="S92" s="146">
        <v>1.0523316450965547</v>
      </c>
      <c r="T92" s="140">
        <v>1.1868264433442401</v>
      </c>
      <c r="U92" s="140">
        <v>1.0800053438485957</v>
      </c>
      <c r="V92" s="140">
        <v>1.0666909147057007</v>
      </c>
      <c r="W92" s="140">
        <v>1.2184687300281904</v>
      </c>
      <c r="X92" s="146">
        <v>1.2987108196395958</v>
      </c>
      <c r="Y92" s="146">
        <v>1.1671179012252875</v>
      </c>
      <c r="Z92" s="140">
        <v>1.0299585831223586</v>
      </c>
      <c r="AA92" s="111">
        <v>1.0395937628097935</v>
      </c>
      <c r="AB92" s="140">
        <v>0.99139831971614634</v>
      </c>
      <c r="AC92" s="146">
        <v>0.97254691999794651</v>
      </c>
      <c r="AD92" s="146">
        <v>0.98322016722668271</v>
      </c>
      <c r="AE92" s="146">
        <v>1.0640081750726376</v>
      </c>
      <c r="AF92" s="146">
        <v>1.3296730462178579</v>
      </c>
      <c r="AG92" s="140">
        <v>1.3660504637889621</v>
      </c>
      <c r="AH92" s="146">
        <v>1.4515070373254013</v>
      </c>
      <c r="AI92" s="140">
        <v>1.1309035995979204</v>
      </c>
      <c r="AJ92" s="145">
        <v>1.1725938801460554</v>
      </c>
      <c r="AK92" s="140">
        <v>1.2287052792697704</v>
      </c>
      <c r="AL92" s="140">
        <v>1.2287052792697704</v>
      </c>
      <c r="AM92" s="140">
        <v>1.1561712520023459</v>
      </c>
      <c r="AN92" s="140">
        <v>1.262675291780248</v>
      </c>
      <c r="AO92" s="140">
        <v>1.1891898190772252</v>
      </c>
      <c r="AP92" s="140">
        <v>1.1041516405105607</v>
      </c>
      <c r="AQ92" s="8">
        <v>1.1237085730041412</v>
      </c>
      <c r="AR92" s="140">
        <v>1.0671672013553455</v>
      </c>
      <c r="AS92" s="140">
        <v>1.0855576502734223</v>
      </c>
      <c r="AT92" s="140">
        <v>1.1456539422553027</v>
      </c>
      <c r="AU92" s="146">
        <v>1.1310844334757222</v>
      </c>
      <c r="AV92" s="140">
        <v>1.1227176684302256</v>
      </c>
      <c r="AW92" s="140">
        <v>1.0704233740637055</v>
      </c>
      <c r="AX92" s="140">
        <v>1.1935794975621565</v>
      </c>
      <c r="AY92" s="140">
        <v>1.1731337050272361</v>
      </c>
      <c r="AZ92" s="146">
        <v>1.2136057304085957</v>
      </c>
      <c r="BA92" s="140">
        <v>1.2011068535764844</v>
      </c>
      <c r="BB92" s="145">
        <v>1.1325786987093671</v>
      </c>
      <c r="BC92" s="146">
        <v>1.0886622284886562</v>
      </c>
      <c r="BD92" s="145">
        <v>1.1713342044134727</v>
      </c>
      <c r="BE92" s="140"/>
    </row>
    <row r="93" spans="3:57" x14ac:dyDescent="0.2">
      <c r="C93" s="126" t="s">
        <v>95</v>
      </c>
      <c r="D93" s="158" t="s">
        <v>58</v>
      </c>
      <c r="E93" s="146">
        <v>1.1923774057919905</v>
      </c>
      <c r="F93" s="140">
        <v>1.1363246948638304</v>
      </c>
      <c r="G93" s="146">
        <v>1.1710179856593794</v>
      </c>
      <c r="H93" s="146">
        <v>1.1472543126393586</v>
      </c>
      <c r="I93" s="146">
        <v>1.3887491693423675</v>
      </c>
      <c r="J93" s="140">
        <v>1.43291846378928</v>
      </c>
      <c r="K93" s="146">
        <v>1.4328716239729142</v>
      </c>
      <c r="L93" s="146">
        <v>1.5825459065317045</v>
      </c>
      <c r="M93" s="146">
        <v>1.6324296268729204</v>
      </c>
      <c r="N93" s="146">
        <v>1.6879166822490101</v>
      </c>
      <c r="O93" s="146">
        <v>1.6782776643123705</v>
      </c>
      <c r="P93" s="146">
        <v>1.4514397639846015</v>
      </c>
      <c r="Q93" s="146">
        <v>1.3705855443448254</v>
      </c>
      <c r="R93" s="146">
        <v>1.3058207828084221</v>
      </c>
      <c r="S93" s="146">
        <v>1.1560756991345622</v>
      </c>
      <c r="T93" s="140">
        <v>1.1531107076010469</v>
      </c>
      <c r="U93" s="140">
        <v>1.00010111851685</v>
      </c>
      <c r="V93" s="140">
        <v>1.1557856096117078</v>
      </c>
      <c r="W93" s="140">
        <v>1.4545124279859589</v>
      </c>
      <c r="X93" s="146">
        <v>1.1867691689815589</v>
      </c>
      <c r="Y93" s="146">
        <v>1.1739118823398766</v>
      </c>
      <c r="Z93" s="140">
        <v>1.2971364579050542</v>
      </c>
      <c r="AA93" s="111">
        <v>1.3606869448432752</v>
      </c>
      <c r="AB93" s="140">
        <v>1.5813736671038379</v>
      </c>
      <c r="AC93" s="146">
        <v>1.5599389260848264</v>
      </c>
      <c r="AD93" s="146">
        <v>1.2116354907007756</v>
      </c>
      <c r="AE93" s="146">
        <v>1.2524862747070993</v>
      </c>
      <c r="AF93" s="146">
        <v>1.2512713895338341</v>
      </c>
      <c r="AG93" s="140">
        <v>1.2906341578730705</v>
      </c>
      <c r="AH93" s="146">
        <v>1.2484276830106633</v>
      </c>
      <c r="AI93" s="140">
        <v>1.3018233802064791</v>
      </c>
      <c r="AJ93" s="145">
        <v>1.5812409772348694</v>
      </c>
      <c r="AK93" s="140">
        <v>1.6608756614447184</v>
      </c>
      <c r="AL93" s="140">
        <v>1.6608756614447184</v>
      </c>
      <c r="AM93" s="140">
        <v>1.6348881471768588</v>
      </c>
      <c r="AN93" s="140">
        <v>1.3739923141202075</v>
      </c>
      <c r="AO93" s="140">
        <v>1.3950637413456066</v>
      </c>
      <c r="AP93" s="140">
        <v>1.3049894877568253</v>
      </c>
      <c r="AQ93" s="8">
        <v>1.419386362025137</v>
      </c>
      <c r="AR93" s="140">
        <v>1.4239718683485443</v>
      </c>
      <c r="AS93" s="140">
        <v>1.2747162789277646</v>
      </c>
      <c r="AT93" s="140">
        <v>1.2485988502942389</v>
      </c>
      <c r="AU93" s="146">
        <v>1.3816332139343641</v>
      </c>
      <c r="AV93" s="140">
        <v>1.4255674853467271</v>
      </c>
      <c r="AW93" s="140">
        <v>1.2861376570032426</v>
      </c>
      <c r="AX93" s="140">
        <v>1.4191842148995775</v>
      </c>
      <c r="AY93" s="140">
        <v>1.3892552901698183</v>
      </c>
      <c r="AZ93" s="146">
        <v>1.3856173042422082</v>
      </c>
      <c r="BA93" s="140">
        <v>1.569586977890407</v>
      </c>
      <c r="BB93" s="145">
        <v>1.5076062098876857</v>
      </c>
      <c r="BC93" s="146">
        <v>1.5067714424846261</v>
      </c>
      <c r="BD93" s="145">
        <v>1.5679327098263089</v>
      </c>
      <c r="BE93" s="140"/>
    </row>
    <row r="94" spans="3:57" x14ac:dyDescent="0.2">
      <c r="C94" s="100" t="s">
        <v>96</v>
      </c>
      <c r="D94" s="158" t="s">
        <v>58</v>
      </c>
      <c r="E94" s="140">
        <v>1.2894880758311926</v>
      </c>
      <c r="F94" s="140">
        <v>1.5538366574779299</v>
      </c>
      <c r="G94" s="140">
        <v>1.928205222228099</v>
      </c>
      <c r="H94" s="140">
        <v>1.9241371088685815</v>
      </c>
      <c r="I94" s="140">
        <v>1.586668636906853</v>
      </c>
      <c r="J94" s="140">
        <v>1.6037940093086431</v>
      </c>
      <c r="K94" s="140">
        <v>1.7455469447740826</v>
      </c>
      <c r="L94" s="140">
        <v>1.688661629222139</v>
      </c>
      <c r="M94" s="140">
        <v>1.7945598132374432</v>
      </c>
      <c r="N94" s="140">
        <v>1.8253278381159384</v>
      </c>
      <c r="O94" s="140">
        <v>1.8404389731796087</v>
      </c>
      <c r="P94" s="146">
        <v>1.803728249982715</v>
      </c>
      <c r="Q94" s="140">
        <v>1.7294173305622047</v>
      </c>
      <c r="R94" s="146">
        <v>1.7189338823654912</v>
      </c>
      <c r="S94" s="140">
        <v>1.7155255526817803</v>
      </c>
      <c r="T94" s="140">
        <v>1.8350859043080241</v>
      </c>
      <c r="U94" s="140">
        <v>1.9615704034540071</v>
      </c>
      <c r="V94" s="140">
        <v>1.8543804844607532</v>
      </c>
      <c r="W94" s="140">
        <v>2.167780846613407</v>
      </c>
      <c r="X94" s="146">
        <v>2.1772465683739131</v>
      </c>
      <c r="Y94" s="140">
        <v>2.3383076354893113</v>
      </c>
      <c r="Z94" s="140">
        <v>2.5185634867256561</v>
      </c>
      <c r="AA94" s="111">
        <v>2.6155062555789299</v>
      </c>
      <c r="AB94" s="140">
        <v>2.6410298422747105</v>
      </c>
      <c r="AC94" s="140">
        <v>2.5041298388311493</v>
      </c>
      <c r="AD94" s="140">
        <v>2.5335334341131173</v>
      </c>
      <c r="AE94" s="140">
        <v>2.5032294000385709</v>
      </c>
      <c r="AF94" s="140">
        <v>2.5878988292629965</v>
      </c>
      <c r="AG94" s="140">
        <v>2.4439930633648053</v>
      </c>
      <c r="AH94" s="140">
        <v>2.4847951365398262</v>
      </c>
      <c r="AI94" s="140">
        <v>2.5067380821434972</v>
      </c>
      <c r="AJ94" s="194">
        <v>2.4120817063498023</v>
      </c>
      <c r="AK94" s="140">
        <v>2.3021293690293478</v>
      </c>
      <c r="AL94" s="140">
        <v>2.3021293690293478</v>
      </c>
      <c r="AM94" s="140">
        <v>1.8652647943752814</v>
      </c>
      <c r="AN94" s="140">
        <v>1.6862265833467434</v>
      </c>
      <c r="AO94" s="140">
        <v>1.6377109759156749</v>
      </c>
      <c r="AP94" s="140">
        <v>1.6933760262174034</v>
      </c>
      <c r="AQ94" s="17">
        <v>1.7044706619587615</v>
      </c>
      <c r="AR94" s="140">
        <v>1.7033594795351652</v>
      </c>
      <c r="AS94" s="140">
        <v>1.7024213839652953</v>
      </c>
      <c r="AT94" s="140">
        <v>1.7234505115000809</v>
      </c>
      <c r="AU94" s="140">
        <v>1.6405824407182215</v>
      </c>
      <c r="AV94" s="140">
        <v>1.5825217517554633</v>
      </c>
      <c r="AW94" s="140">
        <v>1.6360467179075608</v>
      </c>
      <c r="AX94" s="140">
        <v>1.5287172619817211</v>
      </c>
      <c r="AY94" s="140">
        <v>1.5129113639069844</v>
      </c>
      <c r="AZ94" s="140">
        <v>1.3114017284528805</v>
      </c>
      <c r="BA94" s="140">
        <v>1.2006599013920876</v>
      </c>
      <c r="BB94" s="194">
        <v>1.0985643615904812</v>
      </c>
      <c r="BC94" s="140">
        <v>0.96408449666396956</v>
      </c>
      <c r="BD94" s="194">
        <v>0.86962855771396008</v>
      </c>
      <c r="BE94" s="140"/>
    </row>
    <row r="95" spans="3:57" x14ac:dyDescent="0.2">
      <c r="C95" s="102"/>
      <c r="D95" s="168"/>
      <c r="E95" s="169"/>
      <c r="F95" s="169"/>
      <c r="G95" s="169"/>
      <c r="H95" s="169"/>
      <c r="J95" s="121"/>
      <c r="K95" s="169"/>
      <c r="L95" s="169"/>
      <c r="M95" s="169"/>
      <c r="N95" s="169"/>
      <c r="O95" s="169"/>
      <c r="P95" s="169"/>
      <c r="Q95" s="169"/>
      <c r="R95" s="169"/>
      <c r="S95" s="169"/>
      <c r="T95" s="169"/>
      <c r="U95" s="169"/>
      <c r="V95" s="169"/>
      <c r="W95" s="169"/>
      <c r="X95" s="169"/>
      <c r="Y95" s="169"/>
      <c r="Z95" s="169"/>
      <c r="AA95" s="169"/>
      <c r="AB95" s="169"/>
      <c r="AC95" s="169"/>
      <c r="AD95" s="169"/>
      <c r="AE95" s="169"/>
      <c r="AG95" s="169"/>
      <c r="AH95" s="169"/>
      <c r="AO95" s="169"/>
      <c r="AQ95" s="169"/>
      <c r="AR95" s="169"/>
      <c r="AS95" s="169"/>
      <c r="AT95" s="169"/>
      <c r="AU95" s="169"/>
      <c r="AV95" s="169"/>
      <c r="AW95" s="169"/>
      <c r="AX95" s="169"/>
      <c r="AY95" s="169"/>
      <c r="AZ95" s="169"/>
      <c r="BA95" s="169"/>
      <c r="BB95" s="169"/>
      <c r="BC95" s="169"/>
    </row>
    <row r="96" spans="3:57" x14ac:dyDescent="0.2">
      <c r="D96" s="168"/>
      <c r="E96" s="169"/>
      <c r="F96" s="169"/>
      <c r="G96" s="169"/>
      <c r="K96" s="169"/>
      <c r="M96" s="169"/>
      <c r="N96" s="169"/>
      <c r="P96" s="169"/>
      <c r="Q96" s="169"/>
      <c r="R96" s="169"/>
      <c r="S96" s="169"/>
      <c r="T96" s="169"/>
      <c r="U96" s="169"/>
      <c r="V96" s="169"/>
      <c r="W96" s="169"/>
      <c r="X96" s="169"/>
      <c r="Y96" s="169"/>
      <c r="Z96" s="169"/>
      <c r="AA96" s="169"/>
      <c r="AB96" s="169"/>
      <c r="AC96" s="169"/>
      <c r="AD96" s="169"/>
      <c r="AE96" s="169"/>
      <c r="AF96" s="169"/>
      <c r="AG96" s="169"/>
      <c r="AH96" s="169"/>
      <c r="AI96" s="169"/>
      <c r="AJ96" s="169"/>
      <c r="AK96" s="169"/>
      <c r="AL96" s="169"/>
      <c r="AM96" s="169"/>
      <c r="AN96" s="169"/>
      <c r="AO96" s="169"/>
      <c r="AP96" s="169"/>
      <c r="AQ96" s="169"/>
      <c r="AR96" s="169"/>
      <c r="AS96" s="169"/>
      <c r="AT96" s="169"/>
      <c r="AU96" s="169"/>
      <c r="AV96" s="169"/>
      <c r="AW96" s="169"/>
      <c r="AX96" s="169"/>
      <c r="AY96" s="169"/>
      <c r="AZ96" s="169"/>
      <c r="BA96" s="169"/>
      <c r="BB96" s="169"/>
      <c r="BC96" s="169"/>
    </row>
    <row r="97" spans="3:57" x14ac:dyDescent="0.2">
      <c r="C97" s="100" t="s">
        <v>106</v>
      </c>
      <c r="D97" s="158" t="s">
        <v>58</v>
      </c>
      <c r="E97" s="176">
        <v>7.5</v>
      </c>
      <c r="F97" s="140">
        <v>7.46</v>
      </c>
      <c r="G97" s="140">
        <v>9.32</v>
      </c>
      <c r="H97" s="140">
        <v>7.86</v>
      </c>
      <c r="I97" s="140">
        <v>8.15</v>
      </c>
      <c r="J97" s="140">
        <v>6.84</v>
      </c>
      <c r="K97" s="140">
        <v>7.3</v>
      </c>
      <c r="L97" s="140">
        <v>6.56</v>
      </c>
      <c r="M97" s="140">
        <v>7.6</v>
      </c>
      <c r="N97" s="140">
        <v>7.02</v>
      </c>
      <c r="O97" s="140">
        <v>6.61</v>
      </c>
      <c r="P97" s="140">
        <v>6.5</v>
      </c>
      <c r="Q97" s="140">
        <v>6.52</v>
      </c>
      <c r="R97" s="140">
        <v>7.16</v>
      </c>
      <c r="S97" s="140">
        <v>7.04</v>
      </c>
      <c r="T97" s="140">
        <v>7.25</v>
      </c>
      <c r="U97" s="140">
        <v>6.96</v>
      </c>
      <c r="V97" s="140">
        <v>8.94</v>
      </c>
      <c r="W97" s="140">
        <v>7.16</v>
      </c>
      <c r="X97" s="140">
        <v>9.31</v>
      </c>
      <c r="Y97" s="140">
        <v>7.63</v>
      </c>
      <c r="Z97" s="140">
        <v>7.25</v>
      </c>
      <c r="AA97" s="140">
        <v>7.46</v>
      </c>
      <c r="AB97" s="140">
        <v>7.91</v>
      </c>
      <c r="AC97" s="140">
        <v>8.18</v>
      </c>
      <c r="AD97" s="140">
        <v>7.49</v>
      </c>
      <c r="AE97" s="140">
        <v>6.76</v>
      </c>
      <c r="AF97" s="140">
        <v>6.69</v>
      </c>
      <c r="AG97" s="140">
        <v>7.41</v>
      </c>
      <c r="AH97" s="140">
        <v>6.53</v>
      </c>
      <c r="AI97" s="140">
        <v>7.31</v>
      </c>
      <c r="AJ97" s="140">
        <v>7.57</v>
      </c>
      <c r="AK97" s="140">
        <v>7.14</v>
      </c>
      <c r="AL97" s="187">
        <v>7.14</v>
      </c>
      <c r="AM97" s="140">
        <v>7.04</v>
      </c>
      <c r="AN97" s="140">
        <v>7.1</v>
      </c>
      <c r="AO97" s="140">
        <v>7.28</v>
      </c>
      <c r="AP97" s="140">
        <v>12.01</v>
      </c>
      <c r="AQ97" s="140">
        <v>12.01</v>
      </c>
      <c r="AR97" s="140">
        <v>10.66</v>
      </c>
      <c r="AS97" s="140">
        <v>10.6</v>
      </c>
      <c r="AT97" s="140">
        <v>11.08</v>
      </c>
      <c r="AU97" s="140">
        <v>11.15</v>
      </c>
      <c r="AV97" s="140">
        <v>12.04</v>
      </c>
      <c r="AW97" s="140">
        <v>12</v>
      </c>
      <c r="AX97" s="140">
        <v>12</v>
      </c>
      <c r="AY97" s="140">
        <v>11.81</v>
      </c>
      <c r="AZ97" s="140">
        <v>11.91</v>
      </c>
      <c r="BA97" s="140">
        <v>11.83</v>
      </c>
      <c r="BB97" s="140">
        <v>11.95</v>
      </c>
      <c r="BC97" s="140">
        <v>11.87</v>
      </c>
      <c r="BD97" s="140">
        <v>11.84</v>
      </c>
      <c r="BE97" s="100"/>
    </row>
    <row r="98" spans="3:57" x14ac:dyDescent="0.2">
      <c r="D98" s="168"/>
      <c r="E98" s="169"/>
      <c r="F98" s="169"/>
      <c r="G98" s="169"/>
      <c r="H98" s="169"/>
      <c r="K98" s="169"/>
      <c r="L98" s="169"/>
      <c r="M98" s="169"/>
      <c r="N98" s="169"/>
      <c r="O98" s="169"/>
      <c r="P98" s="169"/>
      <c r="Q98" s="169"/>
      <c r="R98" s="169"/>
      <c r="S98" s="169"/>
      <c r="T98" s="169"/>
      <c r="V98" s="169"/>
      <c r="W98" s="169"/>
      <c r="X98" s="169"/>
      <c r="Y98" s="169"/>
      <c r="Z98" s="169"/>
      <c r="AA98" s="169"/>
      <c r="AB98" s="169"/>
      <c r="AC98" s="169"/>
      <c r="AD98" s="169"/>
      <c r="AE98" s="169"/>
      <c r="AF98" s="169"/>
      <c r="AG98" s="169"/>
      <c r="AH98" s="169"/>
      <c r="AI98" s="169"/>
      <c r="AJ98" s="169"/>
      <c r="AK98" s="169"/>
      <c r="AL98" s="169"/>
      <c r="AM98" s="169"/>
      <c r="AN98" s="169"/>
      <c r="AO98" s="169"/>
      <c r="AP98" s="169"/>
      <c r="AQ98" s="169"/>
      <c r="AR98" s="169"/>
      <c r="AS98" s="169"/>
      <c r="AT98" s="169"/>
      <c r="AU98" s="169"/>
      <c r="AV98" s="169"/>
      <c r="AW98" s="169"/>
      <c r="AX98" s="169"/>
      <c r="AY98" s="169"/>
      <c r="AZ98" s="169"/>
      <c r="BA98" s="169"/>
      <c r="BB98" s="169"/>
      <c r="BC98" s="169"/>
    </row>
    <row r="102" spans="3:57" x14ac:dyDescent="0.2">
      <c r="C102" s="1"/>
      <c r="E102" s="2"/>
      <c r="F102" s="1"/>
      <c r="G102" s="1"/>
      <c r="H102" s="1"/>
      <c r="I102" s="1"/>
      <c r="J102" s="1"/>
      <c r="K102" s="1"/>
      <c r="L102" s="1"/>
      <c r="M102" s="1"/>
      <c r="U102" s="2"/>
    </row>
    <row r="103" spans="3:57" x14ac:dyDescent="0.2">
      <c r="C103" s="188"/>
      <c r="D103" s="188"/>
      <c r="E103" s="2"/>
      <c r="F103" s="2"/>
      <c r="G103" s="2"/>
      <c r="H103" s="2"/>
      <c r="I103" s="2"/>
      <c r="J103" s="2"/>
      <c r="K103" s="2"/>
      <c r="L103" s="2"/>
      <c r="M103" s="2"/>
      <c r="N103" s="2"/>
      <c r="O103" s="2"/>
      <c r="P103" s="2"/>
      <c r="Q103" s="2"/>
      <c r="R103" s="2"/>
      <c r="S103" s="2"/>
      <c r="T103" s="2"/>
      <c r="U103" s="169"/>
      <c r="V103" s="2"/>
      <c r="W103" s="2"/>
      <c r="X103" s="2"/>
      <c r="Y103" s="2"/>
      <c r="Z103" s="2"/>
      <c r="AA103" s="2"/>
      <c r="AB103" s="2"/>
      <c r="AC103" s="189"/>
      <c r="AD103" s="2"/>
      <c r="AE103" s="2"/>
      <c r="AF103" s="2"/>
      <c r="AG103" s="2"/>
      <c r="AH103" s="2"/>
      <c r="AI103" s="2"/>
      <c r="AJ103" s="2"/>
      <c r="AK103" s="2"/>
      <c r="AL103" s="2"/>
      <c r="AM103" s="2"/>
      <c r="AN103" s="2"/>
      <c r="AO103" s="2"/>
      <c r="AP103" s="2"/>
      <c r="AQ103" s="2"/>
      <c r="AR103" s="2"/>
      <c r="AS103" s="2"/>
      <c r="AT103" s="2"/>
      <c r="AU103" s="2"/>
      <c r="AV103" s="2"/>
      <c r="AW103" s="2"/>
      <c r="AX103" s="2"/>
      <c r="AY103" s="2"/>
      <c r="AZ103" s="2"/>
      <c r="BA103" s="2"/>
      <c r="BB103" s="2"/>
      <c r="BC103" s="2"/>
      <c r="BD103" s="2"/>
    </row>
    <row r="104" spans="3:57" x14ac:dyDescent="0.2">
      <c r="C104" s="190"/>
      <c r="D104" s="168"/>
      <c r="E104" s="169"/>
      <c r="F104" s="169"/>
      <c r="G104" s="169"/>
      <c r="H104" s="169"/>
      <c r="I104" s="169"/>
      <c r="J104" s="169"/>
      <c r="K104" s="169"/>
      <c r="L104" s="169"/>
      <c r="M104" s="169"/>
      <c r="N104" s="169"/>
      <c r="O104" s="169"/>
      <c r="P104" s="169"/>
      <c r="Q104" s="169"/>
      <c r="R104" s="169"/>
      <c r="S104" s="169"/>
      <c r="T104" s="169"/>
      <c r="U104" s="169"/>
      <c r="V104" s="169"/>
      <c r="W104" s="169"/>
      <c r="X104" s="169"/>
      <c r="Y104" s="169"/>
      <c r="Z104" s="169"/>
      <c r="AA104" s="169"/>
      <c r="AB104" s="169"/>
      <c r="AC104" s="169"/>
      <c r="AD104" s="169"/>
      <c r="AE104" s="169"/>
      <c r="AF104" s="169"/>
      <c r="AG104" s="169"/>
      <c r="AH104" s="169"/>
      <c r="AI104" s="169"/>
      <c r="AJ104" s="169"/>
      <c r="AK104" s="169"/>
      <c r="AL104" s="169"/>
      <c r="AM104" s="169"/>
      <c r="AN104" s="169"/>
      <c r="AO104" s="169"/>
      <c r="AP104" s="169"/>
      <c r="AQ104" s="169"/>
      <c r="AR104" s="169"/>
      <c r="AS104" s="169"/>
      <c r="AT104" s="169"/>
      <c r="AU104" s="169"/>
      <c r="AV104" s="169"/>
      <c r="AW104" s="169"/>
      <c r="AX104" s="169"/>
      <c r="AY104" s="169"/>
      <c r="AZ104" s="169"/>
      <c r="BA104" s="169"/>
      <c r="BB104" s="169"/>
      <c r="BC104" s="169"/>
      <c r="BD104" s="169"/>
    </row>
    <row r="105" spans="3:57" x14ac:dyDescent="0.2">
      <c r="C105" s="190"/>
      <c r="D105" s="168"/>
      <c r="E105" s="169"/>
      <c r="F105" s="169"/>
      <c r="G105" s="169"/>
      <c r="H105" s="169"/>
      <c r="I105" s="169"/>
      <c r="J105" s="169"/>
      <c r="K105" s="169"/>
      <c r="L105" s="169"/>
      <c r="M105" s="169"/>
      <c r="N105" s="169"/>
      <c r="O105" s="169"/>
      <c r="P105" s="169"/>
      <c r="Q105" s="169"/>
      <c r="R105" s="169"/>
      <c r="S105" s="169"/>
      <c r="T105" s="169"/>
      <c r="U105" s="169"/>
      <c r="V105" s="169"/>
      <c r="W105" s="169"/>
      <c r="X105" s="169"/>
      <c r="Y105" s="169"/>
      <c r="Z105" s="169"/>
      <c r="AA105" s="169"/>
      <c r="AB105" s="169"/>
      <c r="AC105" s="169"/>
      <c r="AD105" s="169"/>
      <c r="AE105" s="169"/>
      <c r="AF105" s="169"/>
      <c r="AG105" s="169"/>
      <c r="AH105" s="169"/>
      <c r="AI105" s="169"/>
      <c r="AJ105" s="169"/>
      <c r="AK105" s="169"/>
      <c r="AL105" s="169"/>
      <c r="AM105" s="169"/>
      <c r="AN105" s="169"/>
      <c r="AO105" s="169"/>
      <c r="AP105" s="169"/>
      <c r="AQ105" s="169"/>
      <c r="AR105" s="169"/>
      <c r="AS105" s="169"/>
      <c r="AT105" s="169"/>
      <c r="AU105" s="169"/>
      <c r="AV105" s="169"/>
      <c r="AW105" s="169"/>
      <c r="AX105" s="169"/>
      <c r="AY105" s="169"/>
      <c r="AZ105" s="169"/>
      <c r="BA105" s="169"/>
      <c r="BB105" s="169"/>
      <c r="BC105" s="169"/>
      <c r="BD105" s="169"/>
    </row>
    <row r="106" spans="3:57" x14ac:dyDescent="0.2">
      <c r="C106" s="190"/>
      <c r="D106" s="168"/>
      <c r="E106" s="169"/>
      <c r="F106" s="169"/>
      <c r="G106" s="169"/>
      <c r="H106" s="169"/>
      <c r="I106" s="169"/>
      <c r="J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  <c r="BD106" s="169"/>
    </row>
    <row r="107" spans="3:57" x14ac:dyDescent="0.2">
      <c r="C107" s="190"/>
      <c r="D107" s="168"/>
      <c r="E107" s="169"/>
      <c r="F107" s="169"/>
      <c r="G107" s="169"/>
      <c r="H107" s="169"/>
      <c r="I107" s="169"/>
      <c r="J107" s="169"/>
      <c r="K107" s="169"/>
      <c r="L107" s="169"/>
      <c r="M107" s="169"/>
      <c r="N107" s="169"/>
      <c r="O107" s="169"/>
      <c r="P107" s="169"/>
      <c r="Q107" s="169"/>
      <c r="R107" s="169"/>
      <c r="S107" s="169"/>
      <c r="T107" s="169"/>
      <c r="U107" s="169"/>
      <c r="V107" s="169"/>
      <c r="W107" s="169"/>
      <c r="X107" s="169"/>
      <c r="Y107" s="169"/>
      <c r="Z107" s="169"/>
      <c r="AA107" s="169"/>
      <c r="AB107" s="169"/>
      <c r="AC107" s="169"/>
      <c r="AD107" s="169"/>
      <c r="AE107" s="169"/>
      <c r="AF107" s="169"/>
      <c r="AG107" s="169"/>
      <c r="AH107" s="169"/>
      <c r="AI107" s="169"/>
      <c r="AJ107" s="169"/>
      <c r="AK107" s="169"/>
      <c r="AL107" s="169"/>
      <c r="AM107" s="169"/>
      <c r="AN107" s="169"/>
      <c r="AO107" s="169"/>
      <c r="AP107" s="169"/>
      <c r="AQ107" s="169"/>
      <c r="AR107" s="169"/>
      <c r="AS107" s="169"/>
      <c r="AT107" s="169"/>
      <c r="AU107" s="169"/>
      <c r="AV107" s="169"/>
      <c r="AW107" s="169"/>
      <c r="AX107" s="169"/>
      <c r="AY107" s="169"/>
      <c r="AZ107" s="169"/>
      <c r="BA107" s="169"/>
      <c r="BB107" s="169"/>
      <c r="BC107" s="169"/>
      <c r="BD107" s="169"/>
    </row>
    <row r="108" spans="3:57" x14ac:dyDescent="0.2">
      <c r="C108" s="190"/>
      <c r="D108" s="168"/>
      <c r="E108" s="169"/>
      <c r="F108" s="169"/>
      <c r="G108" s="169"/>
      <c r="H108" s="169"/>
      <c r="I108" s="169"/>
      <c r="J108" s="169"/>
      <c r="K108" s="169"/>
      <c r="L108" s="169"/>
      <c r="M108" s="169"/>
      <c r="N108" s="169"/>
      <c r="O108" s="169"/>
      <c r="P108" s="169"/>
      <c r="Q108" s="169"/>
      <c r="R108" s="169"/>
      <c r="S108" s="169"/>
      <c r="T108" s="169"/>
      <c r="U108" s="169"/>
      <c r="V108" s="169"/>
      <c r="W108" s="169"/>
      <c r="X108" s="169"/>
      <c r="Y108" s="169"/>
      <c r="Z108" s="169"/>
      <c r="AA108" s="169"/>
      <c r="AB108" s="169"/>
      <c r="AC108" s="169"/>
      <c r="AD108" s="169"/>
      <c r="AE108" s="169"/>
      <c r="AF108" s="169"/>
      <c r="AG108" s="169"/>
      <c r="AH108" s="169"/>
      <c r="AI108" s="169"/>
      <c r="AJ108" s="169"/>
      <c r="AK108" s="169"/>
      <c r="AL108" s="169"/>
      <c r="AM108" s="169"/>
      <c r="AN108" s="169"/>
      <c r="AO108" s="169"/>
      <c r="AP108" s="169"/>
      <c r="AQ108" s="169"/>
      <c r="AR108" s="169"/>
      <c r="AS108" s="169"/>
      <c r="AT108" s="169"/>
      <c r="AU108" s="169"/>
      <c r="AV108" s="169"/>
      <c r="AW108" s="169"/>
      <c r="AX108" s="169"/>
      <c r="AY108" s="169"/>
      <c r="AZ108" s="169"/>
      <c r="BA108" s="169"/>
      <c r="BB108" s="169"/>
      <c r="BC108" s="169"/>
      <c r="BD108" s="169"/>
    </row>
    <row r="109" spans="3:57" x14ac:dyDescent="0.2">
      <c r="C109" s="190"/>
      <c r="D109" s="168"/>
      <c r="E109" s="169"/>
      <c r="F109" s="169"/>
      <c r="G109" s="169"/>
      <c r="H109" s="169"/>
      <c r="I109" s="169"/>
      <c r="J109" s="169"/>
      <c r="K109" s="169"/>
      <c r="L109" s="169"/>
      <c r="M109" s="169"/>
      <c r="N109" s="169"/>
      <c r="O109" s="169"/>
      <c r="P109" s="169"/>
      <c r="Q109" s="169"/>
      <c r="R109" s="169"/>
      <c r="S109" s="169"/>
      <c r="T109" s="169"/>
      <c r="U109" s="169"/>
      <c r="V109" s="169"/>
      <c r="W109" s="169"/>
      <c r="X109" s="169"/>
      <c r="Y109" s="169"/>
      <c r="Z109" s="169"/>
      <c r="AA109" s="169"/>
      <c r="AB109" s="169"/>
      <c r="AC109" s="169"/>
      <c r="AD109" s="169"/>
      <c r="AE109" s="169"/>
      <c r="AF109" s="169"/>
      <c r="AG109" s="169"/>
      <c r="AH109" s="169"/>
      <c r="AI109" s="169"/>
      <c r="AJ109" s="169"/>
      <c r="AK109" s="169"/>
      <c r="AL109" s="169"/>
      <c r="AM109" s="169"/>
      <c r="AN109" s="169"/>
      <c r="AO109" s="169"/>
      <c r="AP109" s="169"/>
      <c r="AQ109" s="169"/>
      <c r="AR109" s="169"/>
      <c r="AS109" s="169"/>
      <c r="AT109" s="169"/>
      <c r="AU109" s="169"/>
      <c r="AV109" s="169"/>
      <c r="AW109" s="169"/>
      <c r="AX109" s="169"/>
      <c r="AY109" s="169"/>
      <c r="AZ109" s="169"/>
      <c r="BA109" s="169"/>
      <c r="BB109" s="169"/>
      <c r="BC109" s="169"/>
      <c r="BD109" s="169"/>
    </row>
    <row r="110" spans="3:57" x14ac:dyDescent="0.2">
      <c r="C110" s="190"/>
      <c r="D110" s="168"/>
      <c r="E110" s="169"/>
      <c r="F110" s="169"/>
      <c r="G110" s="169"/>
      <c r="H110" s="169"/>
      <c r="I110" s="169"/>
      <c r="J110" s="169"/>
      <c r="K110" s="169"/>
      <c r="L110" s="169"/>
      <c r="M110" s="169"/>
      <c r="N110" s="169"/>
      <c r="O110" s="169"/>
      <c r="P110" s="169"/>
      <c r="Q110" s="169"/>
      <c r="R110" s="169"/>
      <c r="S110" s="169"/>
      <c r="T110" s="169"/>
      <c r="U110" s="169"/>
      <c r="V110" s="169"/>
      <c r="W110" s="169"/>
      <c r="X110" s="169"/>
      <c r="Y110" s="169"/>
      <c r="Z110" s="169"/>
      <c r="AA110" s="169"/>
      <c r="AB110" s="169"/>
      <c r="AC110" s="169"/>
      <c r="AD110" s="169"/>
      <c r="AE110" s="169"/>
      <c r="AF110" s="169"/>
      <c r="AG110" s="169"/>
      <c r="AH110" s="169"/>
      <c r="AI110" s="169"/>
      <c r="AJ110" s="169"/>
      <c r="AK110" s="169"/>
      <c r="AL110" s="169"/>
      <c r="AM110" s="169"/>
      <c r="AN110" s="169"/>
      <c r="AO110" s="169"/>
      <c r="AP110" s="169"/>
      <c r="AQ110" s="169"/>
      <c r="AR110" s="169"/>
      <c r="AS110" s="169"/>
      <c r="AT110" s="169"/>
      <c r="AU110" s="169"/>
      <c r="AV110" s="169"/>
      <c r="AW110" s="169"/>
      <c r="AX110" s="169"/>
      <c r="AY110" s="169"/>
      <c r="AZ110" s="169"/>
      <c r="BA110" s="169"/>
      <c r="BB110" s="169"/>
      <c r="BC110" s="169"/>
      <c r="BD110" s="169"/>
    </row>
    <row r="111" spans="3:57" x14ac:dyDescent="0.2">
      <c r="C111" s="190"/>
      <c r="D111" s="168"/>
      <c r="E111" s="169"/>
      <c r="F111" s="169"/>
      <c r="G111" s="169"/>
      <c r="H111" s="169"/>
      <c r="I111" s="169"/>
      <c r="J111" s="169"/>
      <c r="K111" s="169"/>
      <c r="L111" s="169"/>
      <c r="M111" s="169"/>
      <c r="N111" s="169"/>
      <c r="O111" s="169"/>
      <c r="P111" s="169"/>
      <c r="Q111" s="169"/>
      <c r="R111" s="169"/>
      <c r="S111" s="169"/>
      <c r="T111" s="169"/>
      <c r="U111" s="169"/>
      <c r="V111" s="169"/>
      <c r="W111" s="169"/>
      <c r="X111" s="169"/>
      <c r="Y111" s="169"/>
      <c r="Z111" s="169"/>
      <c r="AA111" s="169"/>
      <c r="AB111" s="169"/>
      <c r="AC111" s="169"/>
      <c r="AD111" s="169"/>
      <c r="AE111" s="169"/>
      <c r="AF111" s="169"/>
      <c r="AG111" s="169"/>
      <c r="AH111" s="169"/>
      <c r="AI111" s="169"/>
      <c r="AJ111" s="169"/>
      <c r="AK111" s="169"/>
      <c r="AL111" s="169"/>
      <c r="AM111" s="169"/>
      <c r="AN111" s="169"/>
      <c r="AO111" s="169"/>
      <c r="AP111" s="169"/>
      <c r="AQ111" s="169"/>
      <c r="AR111" s="169"/>
      <c r="AS111" s="169"/>
      <c r="AT111" s="169"/>
      <c r="AU111" s="169"/>
      <c r="AV111" s="169"/>
      <c r="AW111" s="169"/>
      <c r="AX111" s="169"/>
      <c r="AY111" s="169"/>
      <c r="AZ111" s="169"/>
      <c r="BA111" s="169"/>
      <c r="BB111" s="169"/>
      <c r="BC111" s="169"/>
      <c r="BD111" s="169"/>
    </row>
    <row r="112" spans="3:57" x14ac:dyDescent="0.2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69"/>
      <c r="AJ114" s="169"/>
      <c r="AK114" s="169"/>
      <c r="AL114" s="169"/>
      <c r="AM114" s="169"/>
      <c r="AN114" s="169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70"/>
      <c r="AJ116" s="170"/>
      <c r="AK116" s="170"/>
      <c r="AL116" s="170"/>
      <c r="AM116" s="170"/>
      <c r="AN116" s="170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69"/>
      <c r="AJ118" s="169"/>
      <c r="AK118" s="169"/>
      <c r="AL118" s="169"/>
      <c r="AM118" s="169"/>
      <c r="AN118" s="169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">
      <c r="C119" s="190"/>
      <c r="D119" s="168"/>
      <c r="E119" s="169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69"/>
    </row>
    <row r="120" spans="3:56" x14ac:dyDescent="0.2">
      <c r="C120" s="190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">
      <c r="C121" s="129"/>
      <c r="D121" s="168"/>
      <c r="E121" s="192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92"/>
    </row>
    <row r="122" spans="3:56" x14ac:dyDescent="0.2">
      <c r="C122" s="129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">
      <c r="C123" s="129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">
      <c r="C124" s="129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69"/>
      <c r="AJ124" s="169"/>
      <c r="AK124" s="169"/>
      <c r="AL124" s="169"/>
      <c r="AM124" s="169"/>
      <c r="AN124" s="169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">
      <c r="C125" s="129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">
      <c r="C126" s="129"/>
      <c r="D126" s="168"/>
      <c r="E126" s="169"/>
      <c r="F126" s="169"/>
      <c r="G126" s="169"/>
      <c r="H126" s="169"/>
      <c r="I126" s="169"/>
      <c r="J126" s="169"/>
      <c r="K126" s="169"/>
      <c r="L126" s="169"/>
      <c r="M126" s="169"/>
      <c r="N126" s="169"/>
      <c r="O126" s="169"/>
      <c r="P126" s="169"/>
      <c r="Q126" s="169"/>
      <c r="R126" s="169"/>
      <c r="S126" s="169"/>
      <c r="T126" s="169"/>
      <c r="U126" s="169"/>
      <c r="V126" s="169"/>
      <c r="W126" s="169"/>
      <c r="X126" s="169"/>
      <c r="Y126" s="169"/>
      <c r="Z126" s="169"/>
      <c r="AA126" s="169"/>
      <c r="AB126" s="169"/>
      <c r="AC126" s="169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">
      <c r="C127" s="129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">
      <c r="C128" s="129"/>
      <c r="D128" s="168"/>
      <c r="E128" s="169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69"/>
    </row>
    <row r="129" spans="3:56" x14ac:dyDescent="0.2">
      <c r="C129" s="129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">
      <c r="C130" s="129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">
      <c r="C131" s="129"/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U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">
      <c r="C132" s="129"/>
      <c r="D132" s="168"/>
      <c r="E132" s="169"/>
      <c r="F132" s="169"/>
      <c r="G132" s="169"/>
      <c r="H132" s="169"/>
      <c r="I132" s="169"/>
      <c r="J132" s="169"/>
      <c r="K132" s="169"/>
      <c r="L132" s="169"/>
      <c r="M132" s="169"/>
      <c r="N132" s="169"/>
      <c r="O132" s="169"/>
      <c r="P132" s="169"/>
      <c r="Q132" s="169"/>
      <c r="R132" s="169"/>
      <c r="S132" s="169"/>
      <c r="T132" s="169"/>
      <c r="U132" s="169"/>
      <c r="V132" s="169"/>
      <c r="W132" s="169"/>
      <c r="X132" s="169"/>
      <c r="Y132" s="169"/>
      <c r="Z132" s="169"/>
      <c r="AA132" s="169"/>
      <c r="AB132" s="169"/>
      <c r="AC132" s="169"/>
      <c r="AD132" s="169"/>
      <c r="AE132" s="169"/>
      <c r="AF132" s="169"/>
      <c r="AG132" s="169"/>
      <c r="AH132" s="169"/>
      <c r="AI132" s="169"/>
      <c r="AJ132" s="169"/>
      <c r="AK132" s="169"/>
      <c r="AL132" s="169"/>
      <c r="AM132" s="169"/>
      <c r="AN132" s="169"/>
      <c r="AO132" s="169"/>
      <c r="AP132" s="169"/>
      <c r="AQ132" s="169"/>
      <c r="AR132" s="169"/>
      <c r="AS132" s="169"/>
      <c r="AT132" s="169"/>
      <c r="AU132" s="169"/>
      <c r="AV132" s="169"/>
      <c r="AW132" s="169"/>
      <c r="AX132" s="169"/>
      <c r="AY132" s="169"/>
      <c r="AZ132" s="169"/>
      <c r="BA132" s="169"/>
      <c r="BB132" s="169"/>
      <c r="BC132" s="169"/>
      <c r="BD132" s="169"/>
    </row>
    <row r="133" spans="3:56" x14ac:dyDescent="0.2">
      <c r="D133" s="168"/>
      <c r="E133" s="169"/>
      <c r="F133" s="169"/>
      <c r="G133" s="169"/>
      <c r="H133" s="169"/>
      <c r="I133" s="169"/>
      <c r="J133" s="169"/>
      <c r="K133" s="169"/>
      <c r="L133" s="169"/>
      <c r="M133" s="169"/>
      <c r="N133" s="169"/>
      <c r="O133" s="169"/>
      <c r="P133" s="169"/>
      <c r="Q133" s="169"/>
      <c r="R133" s="169"/>
      <c r="S133" s="169"/>
      <c r="T133" s="169"/>
      <c r="V133" s="169"/>
      <c r="W133" s="169"/>
      <c r="X133" s="169"/>
      <c r="Y133" s="169"/>
      <c r="Z133" s="169"/>
      <c r="AA133" s="169"/>
      <c r="AB133" s="169"/>
      <c r="AC133" s="169"/>
      <c r="AD133" s="169"/>
      <c r="AE133" s="169"/>
      <c r="AF133" s="169"/>
      <c r="AG133" s="169"/>
      <c r="AH133" s="169"/>
      <c r="AI133" s="169"/>
      <c r="AJ133" s="169"/>
      <c r="AK133" s="169"/>
      <c r="AL133" s="169"/>
      <c r="AM133" s="169"/>
      <c r="AN133" s="169"/>
      <c r="AO133" s="169"/>
      <c r="AP133" s="169"/>
      <c r="AQ133" s="169"/>
      <c r="AR133" s="169"/>
      <c r="AS133" s="169"/>
      <c r="AT133" s="169"/>
      <c r="AU133" s="169"/>
      <c r="AV133" s="169"/>
      <c r="AW133" s="169"/>
      <c r="AX133" s="169"/>
      <c r="AY133" s="169"/>
      <c r="AZ133" s="169"/>
      <c r="BA133" s="169"/>
      <c r="BB133" s="169"/>
      <c r="BC133" s="169"/>
      <c r="BD133" s="169"/>
    </row>
    <row r="134" spans="3:56" x14ac:dyDescent="0.2">
      <c r="E134" s="169"/>
      <c r="F134" s="169"/>
      <c r="H134" s="169"/>
      <c r="J134" s="169"/>
      <c r="L134" s="169"/>
      <c r="O134" s="169"/>
    </row>
    <row r="135" spans="3:56" x14ac:dyDescent="0.2">
      <c r="E135" s="169"/>
      <c r="F135" s="169"/>
      <c r="H135" s="169"/>
    </row>
    <row r="136" spans="3:56" x14ac:dyDescent="0.2">
      <c r="E136" s="169"/>
      <c r="F136" s="169"/>
      <c r="U136" s="169"/>
    </row>
    <row r="137" spans="3:56" x14ac:dyDescent="0.2">
      <c r="D137" s="168"/>
      <c r="E137" s="169"/>
      <c r="F137" s="169"/>
      <c r="G137" s="169"/>
      <c r="H137" s="169"/>
      <c r="I137" s="169"/>
      <c r="J137" s="169"/>
      <c r="K137" s="169"/>
      <c r="L137" s="169"/>
      <c r="M137" s="169"/>
      <c r="N137" s="169"/>
      <c r="O137" s="169"/>
      <c r="P137" s="169"/>
      <c r="Q137" s="169"/>
      <c r="R137" s="169"/>
      <c r="S137" s="169"/>
      <c r="T137" s="169"/>
      <c r="V137" s="169"/>
      <c r="W137" s="169"/>
      <c r="X137" s="169"/>
      <c r="Y137" s="169"/>
      <c r="Z137" s="169"/>
      <c r="AA137" s="169"/>
      <c r="AB137" s="169"/>
      <c r="AC137" s="169"/>
      <c r="AD137" s="169"/>
      <c r="AE137" s="169"/>
      <c r="AF137" s="169"/>
      <c r="AG137" s="169"/>
      <c r="AH137" s="169"/>
      <c r="AI137" s="169"/>
      <c r="AJ137" s="169"/>
      <c r="AK137" s="169"/>
      <c r="AL137" s="191"/>
      <c r="AM137" s="169"/>
      <c r="AN137" s="169"/>
      <c r="AO137" s="169"/>
      <c r="AP137" s="169"/>
      <c r="AQ137" s="169"/>
      <c r="AR137" s="169"/>
      <c r="AS137" s="169"/>
      <c r="AT137" s="169"/>
      <c r="AU137" s="169"/>
      <c r="AV137" s="169"/>
      <c r="AW137" s="169"/>
      <c r="AX137" s="169"/>
      <c r="AY137" s="169"/>
      <c r="AZ137" s="169"/>
      <c r="BA137" s="169"/>
      <c r="BB137" s="169"/>
      <c r="BC137" s="169"/>
      <c r="BD137" s="169"/>
    </row>
  </sheetData>
  <mergeCells count="1">
    <mergeCell ref="C2:AE6"/>
  </mergeCells>
  <pageMargins left="0.7" right="0.7" top="0.75" bottom="0.75" header="0.3" footer="0.3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C2:BD122"/>
  <sheetViews>
    <sheetView topLeftCell="B25" workbookViewId="0">
      <selection activeCell="C2" sqref="C2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56" width="5.42578125" customWidth="1"/>
  </cols>
  <sheetData>
    <row r="2" spans="3:56" ht="18" customHeight="1" x14ac:dyDescent="0.2">
      <c r="D2" s="30"/>
    </row>
    <row r="3" spans="3:56" ht="21" customHeight="1" x14ac:dyDescent="0.2">
      <c r="D3" s="30"/>
    </row>
    <row r="4" spans="3:56" ht="32.25" customHeight="1" x14ac:dyDescent="0.2">
      <c r="D4" s="214"/>
      <c r="E4" s="214"/>
      <c r="F4" s="214"/>
      <c r="G4" s="214"/>
    </row>
    <row r="5" spans="3:56" x14ac:dyDescent="0.2">
      <c r="E5" s="27"/>
    </row>
    <row r="6" spans="3:56" ht="24.95" customHeight="1" x14ac:dyDescent="0.2">
      <c r="C6" s="28" t="s">
        <v>98</v>
      </c>
    </row>
    <row r="7" spans="3:56" ht="24.95" customHeight="1" x14ac:dyDescent="0.2">
      <c r="C7" s="29" t="s">
        <v>99</v>
      </c>
    </row>
    <row r="11" spans="3:56" x14ac:dyDescent="0.2">
      <c r="C11" s="1" t="s">
        <v>0</v>
      </c>
    </row>
    <row r="12" spans="3:56" ht="15" customHeight="1" x14ac:dyDescent="0.2">
      <c r="E12" s="2">
        <v>2005</v>
      </c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2"/>
      <c r="AC12" s="2"/>
      <c r="AD12" s="2"/>
      <c r="AE12" s="2"/>
      <c r="AF12" s="2"/>
      <c r="AG12" s="2"/>
      <c r="AH12" s="2"/>
      <c r="AI12" s="2"/>
      <c r="AJ12" s="2"/>
      <c r="AK12" s="2"/>
      <c r="AL12" s="2"/>
      <c r="AM12" s="2"/>
      <c r="AN12" s="2"/>
      <c r="AO12" s="2"/>
      <c r="AP12" s="2"/>
      <c r="AQ12" s="2"/>
      <c r="AR12" s="2"/>
      <c r="AS12" s="2"/>
      <c r="AT12" s="2"/>
      <c r="AU12" s="2"/>
      <c r="AV12" s="2"/>
      <c r="AW12" s="2"/>
      <c r="AX12" s="2"/>
      <c r="AY12" s="2"/>
      <c r="AZ12" s="2"/>
      <c r="BA12" s="2"/>
      <c r="BB12" s="2"/>
      <c r="BC12" s="2"/>
      <c r="BD12" s="2"/>
    </row>
    <row r="13" spans="3:56" x14ac:dyDescent="0.2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">
      <c r="C14" s="5" t="s">
        <v>57</v>
      </c>
      <c r="D14" s="6" t="s">
        <v>58</v>
      </c>
      <c r="E14" s="8">
        <v>3.31</v>
      </c>
      <c r="F14" s="8">
        <v>3.33</v>
      </c>
      <c r="G14" s="8">
        <v>3.23</v>
      </c>
      <c r="H14" s="8">
        <v>3.32</v>
      </c>
      <c r="I14" s="8">
        <v>3.32</v>
      </c>
      <c r="J14" s="8">
        <v>3.31</v>
      </c>
      <c r="K14" s="8">
        <v>3.31</v>
      </c>
      <c r="L14" s="8">
        <v>3.3</v>
      </c>
      <c r="M14" s="8">
        <v>3.3</v>
      </c>
      <c r="N14" s="8">
        <v>3.31</v>
      </c>
      <c r="O14" s="8">
        <v>3.32</v>
      </c>
      <c r="P14" s="8">
        <v>3.33</v>
      </c>
      <c r="Q14" s="8">
        <v>3.33</v>
      </c>
      <c r="R14" s="8">
        <v>3.33</v>
      </c>
      <c r="S14" s="8">
        <v>3.33</v>
      </c>
      <c r="T14" s="8">
        <v>3.32</v>
      </c>
      <c r="U14" s="8">
        <v>3.29</v>
      </c>
      <c r="V14" s="8">
        <v>3.28</v>
      </c>
      <c r="W14" s="8">
        <v>3.26</v>
      </c>
      <c r="X14" s="8">
        <v>3.24</v>
      </c>
      <c r="Y14" s="8">
        <v>3.23</v>
      </c>
      <c r="Z14" s="8">
        <v>3.23</v>
      </c>
      <c r="AA14" s="8">
        <v>3.23</v>
      </c>
      <c r="AB14" s="8">
        <v>3.22</v>
      </c>
      <c r="AC14" s="8">
        <v>3.21</v>
      </c>
      <c r="AD14" s="8">
        <v>3.2</v>
      </c>
      <c r="AE14" s="8">
        <v>3.19</v>
      </c>
      <c r="AF14" s="8">
        <v>3.2</v>
      </c>
      <c r="AG14" s="8">
        <v>3.2</v>
      </c>
      <c r="AH14" s="8">
        <v>3.2</v>
      </c>
      <c r="AI14" s="8">
        <v>3.21</v>
      </c>
      <c r="AJ14" s="8">
        <v>3.21</v>
      </c>
      <c r="AK14" s="8">
        <v>3.22</v>
      </c>
      <c r="AL14" s="8">
        <v>3.23</v>
      </c>
      <c r="AM14" s="8">
        <v>3.23</v>
      </c>
      <c r="AN14" s="8">
        <v>3.24</v>
      </c>
      <c r="AO14" s="8">
        <v>3.24</v>
      </c>
      <c r="AP14" s="8">
        <v>3.28</v>
      </c>
      <c r="AQ14" s="8">
        <v>3.29</v>
      </c>
      <c r="AR14" s="8">
        <v>3.32</v>
      </c>
      <c r="AS14" s="8">
        <v>3.34</v>
      </c>
      <c r="AT14" s="8">
        <v>3.35</v>
      </c>
      <c r="AU14" s="8">
        <v>3.39</v>
      </c>
      <c r="AV14" s="8">
        <v>3.43</v>
      </c>
      <c r="AW14" s="8">
        <v>3.47</v>
      </c>
      <c r="AX14" s="8">
        <v>3.51</v>
      </c>
      <c r="AY14" s="8">
        <v>3.52</v>
      </c>
      <c r="AZ14" s="8">
        <v>3.52</v>
      </c>
      <c r="BA14" s="8">
        <v>3.52</v>
      </c>
      <c r="BB14" s="8">
        <v>3.52</v>
      </c>
      <c r="BC14" s="8">
        <v>3.52</v>
      </c>
      <c r="BD14" s="8">
        <v>3.75</v>
      </c>
    </row>
    <row r="15" spans="3:56" x14ac:dyDescent="0.2">
      <c r="C15" s="5" t="s">
        <v>59</v>
      </c>
      <c r="D15" s="6" t="s">
        <v>58</v>
      </c>
      <c r="E15" s="8">
        <v>5.13</v>
      </c>
      <c r="F15" s="8">
        <v>4.91</v>
      </c>
      <c r="G15" s="8">
        <v>4.54</v>
      </c>
      <c r="H15" s="8">
        <v>4.12</v>
      </c>
      <c r="I15" s="8">
        <v>3.94</v>
      </c>
      <c r="J15" s="8">
        <v>4.0199999999999996</v>
      </c>
      <c r="K15" s="8">
        <v>3.98</v>
      </c>
      <c r="L15" s="8">
        <v>4.04</v>
      </c>
      <c r="M15" s="8">
        <v>4.1500000000000004</v>
      </c>
      <c r="N15" s="8">
        <v>4.3899999999999997</v>
      </c>
      <c r="O15" s="8">
        <v>4.5199999999999996</v>
      </c>
      <c r="P15" s="8">
        <v>4.54</v>
      </c>
      <c r="Q15" s="8">
        <v>4.5599999999999996</v>
      </c>
      <c r="R15" s="8">
        <v>4.55</v>
      </c>
      <c r="S15" s="8">
        <v>4.53</v>
      </c>
      <c r="T15" s="8">
        <v>4.3099999999999996</v>
      </c>
      <c r="U15" s="8">
        <v>4.2699999999999996</v>
      </c>
      <c r="V15" s="8">
        <v>4.0599999999999996</v>
      </c>
      <c r="W15" s="8">
        <v>4.0999999999999996</v>
      </c>
      <c r="X15" s="8">
        <v>4.17</v>
      </c>
      <c r="Y15" s="8">
        <v>4.28</v>
      </c>
      <c r="Z15" s="8">
        <v>4.32</v>
      </c>
      <c r="AA15" s="8">
        <v>4.34</v>
      </c>
      <c r="AB15" s="8">
        <v>4.42</v>
      </c>
      <c r="AC15" s="8">
        <v>4.51</v>
      </c>
      <c r="AD15" s="8">
        <v>4.68</v>
      </c>
      <c r="AE15" s="8">
        <v>4.8600000000000003</v>
      </c>
      <c r="AF15" s="8">
        <v>4.93</v>
      </c>
      <c r="AG15" s="8">
        <v>4.93</v>
      </c>
      <c r="AH15" s="8">
        <v>4.93</v>
      </c>
      <c r="AI15" s="8">
        <v>4.93</v>
      </c>
      <c r="AJ15" s="8">
        <v>5.03</v>
      </c>
      <c r="AK15" s="8">
        <v>5.14</v>
      </c>
      <c r="AL15" s="8">
        <v>5.36</v>
      </c>
      <c r="AM15" s="8">
        <v>5.57</v>
      </c>
      <c r="AN15" s="8">
        <v>5.6</v>
      </c>
      <c r="AO15" s="8">
        <v>5.57</v>
      </c>
      <c r="AP15" s="8">
        <v>5.63</v>
      </c>
      <c r="AQ15" s="8">
        <v>5.73</v>
      </c>
      <c r="AR15" s="8">
        <v>6.05</v>
      </c>
      <c r="AS15" s="8">
        <v>6.55</v>
      </c>
      <c r="AT15" s="8">
        <v>6.95</v>
      </c>
      <c r="AU15" s="8">
        <v>7.39</v>
      </c>
      <c r="AV15" s="8">
        <v>7.61</v>
      </c>
      <c r="AW15" s="8">
        <v>7.92</v>
      </c>
      <c r="AX15" s="8">
        <v>7.92</v>
      </c>
      <c r="AY15" s="8">
        <v>7.88</v>
      </c>
      <c r="AZ15" s="8">
        <v>7.67</v>
      </c>
      <c r="BA15" s="8">
        <v>7.5</v>
      </c>
      <c r="BB15" s="8">
        <v>7.61</v>
      </c>
      <c r="BC15" s="8">
        <v>7.52</v>
      </c>
      <c r="BD15" s="8">
        <v>7.14</v>
      </c>
    </row>
    <row r="16" spans="3:56" x14ac:dyDescent="0.2">
      <c r="C16" s="5" t="s">
        <v>60</v>
      </c>
      <c r="D16" s="6" t="s">
        <v>58</v>
      </c>
      <c r="E16" s="8">
        <v>1.32</v>
      </c>
      <c r="F16" s="8">
        <v>1.32</v>
      </c>
      <c r="G16" s="8">
        <v>1.3</v>
      </c>
      <c r="H16" s="8">
        <v>1.3</v>
      </c>
      <c r="I16" s="8">
        <v>1.33</v>
      </c>
      <c r="J16" s="8">
        <v>1.38</v>
      </c>
      <c r="K16" s="8">
        <v>1.43</v>
      </c>
      <c r="L16" s="8">
        <v>1.46</v>
      </c>
      <c r="M16" s="8">
        <v>1.46</v>
      </c>
      <c r="N16" s="8">
        <v>1.46</v>
      </c>
      <c r="O16" s="8">
        <v>1.45</v>
      </c>
      <c r="P16" s="8">
        <v>1.44</v>
      </c>
      <c r="Q16" s="8">
        <v>1.4</v>
      </c>
      <c r="R16" s="8">
        <v>1.38</v>
      </c>
      <c r="S16" s="8">
        <v>1.37</v>
      </c>
      <c r="T16" s="8">
        <v>1.33</v>
      </c>
      <c r="U16" s="8">
        <v>1.29</v>
      </c>
      <c r="V16" s="8">
        <v>1.3</v>
      </c>
      <c r="W16" s="8">
        <v>1.32</v>
      </c>
      <c r="X16" s="8">
        <v>1.37</v>
      </c>
      <c r="Y16" s="8">
        <v>1.41</v>
      </c>
      <c r="Z16" s="8">
        <v>1.47</v>
      </c>
      <c r="AA16" s="8">
        <v>1.53</v>
      </c>
      <c r="AB16" s="8">
        <v>1.58</v>
      </c>
      <c r="AC16" s="8">
        <v>1.61</v>
      </c>
      <c r="AD16" s="8">
        <v>1.62</v>
      </c>
      <c r="AE16" s="8">
        <v>1.57</v>
      </c>
      <c r="AF16" s="8">
        <v>1.53</v>
      </c>
      <c r="AG16" s="8">
        <v>1.5</v>
      </c>
      <c r="AH16" s="8">
        <v>1.5</v>
      </c>
      <c r="AI16" s="8">
        <v>1.5</v>
      </c>
      <c r="AJ16" s="8">
        <v>1.5</v>
      </c>
      <c r="AK16" s="8">
        <v>1.51</v>
      </c>
      <c r="AL16" s="8">
        <v>1.5</v>
      </c>
      <c r="AM16" s="8">
        <v>1.51</v>
      </c>
      <c r="AN16" s="8">
        <v>1.45</v>
      </c>
      <c r="AO16" s="8">
        <v>1.38</v>
      </c>
      <c r="AP16" s="8">
        <v>1.38</v>
      </c>
      <c r="AQ16" s="8">
        <v>1.32</v>
      </c>
      <c r="AR16" s="8">
        <v>1.3</v>
      </c>
      <c r="AS16" s="8">
        <v>1.25</v>
      </c>
      <c r="AT16" s="8">
        <v>1.25</v>
      </c>
      <c r="AU16" s="8">
        <v>1.24</v>
      </c>
      <c r="AV16" s="8">
        <v>1.21</v>
      </c>
      <c r="AW16" s="8">
        <v>1.22</v>
      </c>
      <c r="AX16" s="8">
        <v>1.25</v>
      </c>
      <c r="AY16" s="8">
        <v>1.29</v>
      </c>
      <c r="AZ16" s="8">
        <v>1.32</v>
      </c>
      <c r="BA16" s="8">
        <v>1.33</v>
      </c>
      <c r="BB16" s="8">
        <v>1.36</v>
      </c>
      <c r="BC16" s="8">
        <v>1.38</v>
      </c>
      <c r="BD16" s="8">
        <v>1.39</v>
      </c>
    </row>
    <row r="17" spans="3:56" x14ac:dyDescent="0.2">
      <c r="C17" s="5" t="s">
        <v>61</v>
      </c>
      <c r="D17" s="6" t="s">
        <v>58</v>
      </c>
      <c r="E17" s="8">
        <v>1.55</v>
      </c>
      <c r="F17" s="8">
        <v>1.53</v>
      </c>
      <c r="G17" s="8">
        <v>1.51</v>
      </c>
      <c r="H17" s="8">
        <v>1.56</v>
      </c>
      <c r="I17" s="8">
        <v>1.5</v>
      </c>
      <c r="J17" s="8">
        <v>1.5</v>
      </c>
      <c r="K17" s="8">
        <v>1.47</v>
      </c>
      <c r="L17" s="8">
        <v>1.47</v>
      </c>
      <c r="M17" s="8">
        <v>1.45</v>
      </c>
      <c r="N17" s="8">
        <v>1.46</v>
      </c>
      <c r="O17" s="8">
        <v>1.55</v>
      </c>
      <c r="P17" s="8">
        <v>1.59</v>
      </c>
      <c r="Q17" s="8">
        <v>1.59</v>
      </c>
      <c r="R17" s="8">
        <v>1.59</v>
      </c>
      <c r="S17" s="8">
        <v>1.61</v>
      </c>
      <c r="T17" s="8">
        <v>1.63</v>
      </c>
      <c r="U17" s="8">
        <v>1.64</v>
      </c>
      <c r="V17" s="8">
        <v>1.62</v>
      </c>
      <c r="W17" s="8">
        <v>1.62</v>
      </c>
      <c r="X17" s="8">
        <v>1.65</v>
      </c>
      <c r="Y17" s="8">
        <v>1.63</v>
      </c>
      <c r="Z17" s="8">
        <v>1.61</v>
      </c>
      <c r="AA17" s="8">
        <v>1.5</v>
      </c>
      <c r="AB17" s="8">
        <v>1.51</v>
      </c>
      <c r="AC17" s="8">
        <v>1.38</v>
      </c>
      <c r="AD17" s="8">
        <v>1.38</v>
      </c>
      <c r="AE17" s="8">
        <v>1.34</v>
      </c>
      <c r="AF17" s="8">
        <v>1.4</v>
      </c>
      <c r="AG17" s="8">
        <v>1.39</v>
      </c>
      <c r="AH17" s="8">
        <v>1.41</v>
      </c>
      <c r="AI17" s="8">
        <v>1.4</v>
      </c>
      <c r="AJ17" s="8">
        <v>1.4</v>
      </c>
      <c r="AK17" s="8">
        <v>1.36</v>
      </c>
      <c r="AL17" s="8">
        <v>1.35</v>
      </c>
      <c r="AM17" s="8">
        <v>1.33</v>
      </c>
      <c r="AN17" s="8">
        <v>1.29</v>
      </c>
      <c r="AO17" s="8">
        <v>1.29</v>
      </c>
      <c r="AP17" s="8">
        <v>1.28</v>
      </c>
      <c r="AQ17" s="8">
        <v>1.28</v>
      </c>
      <c r="AR17" s="8">
        <v>1.22</v>
      </c>
      <c r="AS17" s="8">
        <v>1.25</v>
      </c>
      <c r="AT17" s="8">
        <v>1.24</v>
      </c>
      <c r="AU17" s="8">
        <v>1.22</v>
      </c>
      <c r="AV17" s="8">
        <v>1.1599999999999999</v>
      </c>
      <c r="AW17" s="8">
        <v>1.1399999999999999</v>
      </c>
      <c r="AX17" s="8">
        <v>1.1299999999999999</v>
      </c>
      <c r="AY17" s="8">
        <v>1.1000000000000001</v>
      </c>
      <c r="AZ17" s="8">
        <v>1.1200000000000001</v>
      </c>
      <c r="BA17" s="8">
        <v>1.22</v>
      </c>
      <c r="BB17" s="8">
        <v>1.39</v>
      </c>
      <c r="BC17" s="8">
        <v>1.41</v>
      </c>
      <c r="BD17" s="8">
        <v>1.46</v>
      </c>
    </row>
    <row r="18" spans="3:56" x14ac:dyDescent="0.2">
      <c r="C18" s="5" t="s">
        <v>62</v>
      </c>
      <c r="D18" s="6" t="s">
        <v>58</v>
      </c>
      <c r="E18" s="8">
        <v>3.1</v>
      </c>
      <c r="F18" s="8">
        <v>3.1</v>
      </c>
      <c r="G18" s="8">
        <v>2.21</v>
      </c>
      <c r="H18" s="8">
        <v>2.2599999999999998</v>
      </c>
      <c r="I18" s="8">
        <v>2.64</v>
      </c>
      <c r="J18" s="8">
        <v>2.98</v>
      </c>
      <c r="K18" s="8">
        <v>2.99</v>
      </c>
      <c r="L18" s="8">
        <v>2.83</v>
      </c>
      <c r="M18" s="8">
        <v>2.82</v>
      </c>
      <c r="N18" s="8"/>
      <c r="O18" s="8">
        <v>3.26</v>
      </c>
      <c r="P18" s="8">
        <v>3.27</v>
      </c>
      <c r="Q18" s="8">
        <v>3.27</v>
      </c>
      <c r="R18" s="8">
        <v>3.27</v>
      </c>
      <c r="S18" s="8">
        <v>3.27</v>
      </c>
      <c r="T18" s="8">
        <v>3.18</v>
      </c>
      <c r="U18" s="8">
        <v>3.18</v>
      </c>
      <c r="V18" s="8">
        <v>3.26</v>
      </c>
      <c r="W18" s="8">
        <v>3.28</v>
      </c>
      <c r="X18" s="8">
        <v>3.28</v>
      </c>
      <c r="Y18" s="8">
        <v>3.28</v>
      </c>
      <c r="Z18" s="8">
        <v>3.28</v>
      </c>
      <c r="AA18" s="8">
        <v>3.1</v>
      </c>
      <c r="AB18" s="8">
        <v>3.04</v>
      </c>
      <c r="AC18" s="8">
        <v>2.65</v>
      </c>
      <c r="AD18" s="8">
        <v>2.65</v>
      </c>
      <c r="AE18" s="8">
        <v>2.63</v>
      </c>
      <c r="AF18" s="8">
        <v>2.87</v>
      </c>
      <c r="AG18" s="8">
        <v>3</v>
      </c>
      <c r="AH18" s="8">
        <v>3.06</v>
      </c>
      <c r="AI18" s="8">
        <v>3.31</v>
      </c>
      <c r="AJ18" s="8">
        <v>3.35</v>
      </c>
      <c r="AK18" s="8">
        <v>3.36</v>
      </c>
      <c r="AL18" s="8">
        <v>3.3</v>
      </c>
      <c r="AM18" s="8">
        <v>3.07</v>
      </c>
      <c r="AN18" s="8">
        <v>3.07</v>
      </c>
      <c r="AO18" s="8">
        <v>3.28</v>
      </c>
      <c r="AP18" s="8">
        <v>3.51</v>
      </c>
      <c r="AQ18" s="8">
        <v>3.53</v>
      </c>
      <c r="AR18" s="8">
        <v>3.75</v>
      </c>
      <c r="AS18" s="8">
        <v>3.76</v>
      </c>
      <c r="AT18" s="8">
        <v>3.95</v>
      </c>
      <c r="AU18" s="8">
        <v>4.3</v>
      </c>
      <c r="AV18" s="8">
        <v>4.3099999999999996</v>
      </c>
      <c r="AW18" s="8">
        <v>4.3099999999999996</v>
      </c>
      <c r="AX18" s="8">
        <v>4.3099999999999996</v>
      </c>
      <c r="AY18" s="8">
        <v>4.28</v>
      </c>
      <c r="AZ18" s="8">
        <v>3.67</v>
      </c>
      <c r="BA18" s="8">
        <v>3.66</v>
      </c>
      <c r="BB18" s="8">
        <v>3.66</v>
      </c>
      <c r="BC18" s="8">
        <v>3.11</v>
      </c>
      <c r="BD18" s="8">
        <v>3.1</v>
      </c>
    </row>
    <row r="19" spans="3:56" x14ac:dyDescent="0.2">
      <c r="C19" s="5" t="s">
        <v>63</v>
      </c>
      <c r="D19" s="6" t="s">
        <v>58</v>
      </c>
      <c r="E19" s="8">
        <v>10.3</v>
      </c>
      <c r="F19" s="8">
        <v>8.5</v>
      </c>
      <c r="G19" s="8">
        <v>7.5</v>
      </c>
      <c r="H19" s="11">
        <v>6.6</v>
      </c>
      <c r="I19" s="8">
        <v>6.1</v>
      </c>
      <c r="J19" s="8">
        <v>4.55</v>
      </c>
      <c r="K19" s="8">
        <v>4.3499999999999996</v>
      </c>
      <c r="L19" s="8">
        <v>4.7</v>
      </c>
      <c r="M19" s="8">
        <v>5.5</v>
      </c>
      <c r="N19" s="8">
        <v>6</v>
      </c>
      <c r="O19" s="8">
        <v>6.2</v>
      </c>
      <c r="P19" s="8">
        <v>6</v>
      </c>
      <c r="Q19" s="8">
        <v>6.9</v>
      </c>
      <c r="R19" s="7">
        <v>6.75</v>
      </c>
      <c r="S19" s="7">
        <v>6.17</v>
      </c>
      <c r="T19" s="7">
        <v>5.77</v>
      </c>
      <c r="U19" s="7">
        <v>5.0599999999999996</v>
      </c>
      <c r="V19" s="7">
        <v>4.75</v>
      </c>
      <c r="W19" s="7">
        <v>5.24</v>
      </c>
      <c r="X19" s="7">
        <v>5.34</v>
      </c>
      <c r="Y19" s="7">
        <v>5.14</v>
      </c>
      <c r="Z19" s="7">
        <v>5</v>
      </c>
      <c r="AA19" s="7">
        <v>6.1</v>
      </c>
      <c r="AB19" s="7">
        <v>6.21</v>
      </c>
      <c r="AC19" s="7">
        <v>5.38</v>
      </c>
      <c r="AD19" s="7">
        <v>4.2</v>
      </c>
      <c r="AE19" s="7">
        <v>6.29</v>
      </c>
      <c r="AF19" s="7">
        <v>5.29</v>
      </c>
      <c r="AG19" s="7">
        <v>4.5199999999999996</v>
      </c>
      <c r="AH19" s="7">
        <v>6.5</v>
      </c>
      <c r="AI19" s="7">
        <v>6.66</v>
      </c>
      <c r="AJ19" s="7">
        <v>6.7</v>
      </c>
      <c r="AK19" s="7">
        <v>7.2</v>
      </c>
      <c r="AL19" s="7">
        <v>7.2</v>
      </c>
      <c r="AM19" s="7">
        <v>7.79</v>
      </c>
      <c r="AN19" s="7">
        <v>8.27</v>
      </c>
      <c r="AO19" s="7">
        <v>6.52</v>
      </c>
      <c r="AP19" s="7">
        <v>6.92</v>
      </c>
      <c r="AQ19" s="7">
        <v>6.59</v>
      </c>
      <c r="AR19" s="7">
        <v>7.07</v>
      </c>
      <c r="AS19" s="7">
        <v>7.35</v>
      </c>
      <c r="AT19" s="7">
        <v>8.35</v>
      </c>
      <c r="AU19" s="7">
        <v>7.6</v>
      </c>
      <c r="AV19" s="7">
        <v>6.77</v>
      </c>
      <c r="AW19" s="7">
        <v>7.5</v>
      </c>
      <c r="AX19" s="7">
        <v>8.11</v>
      </c>
      <c r="AY19" s="7">
        <v>12.11</v>
      </c>
      <c r="AZ19" s="7">
        <v>13.5</v>
      </c>
      <c r="BA19" s="7">
        <v>13.2</v>
      </c>
      <c r="BB19" s="7">
        <v>11.18</v>
      </c>
      <c r="BC19" s="7">
        <v>11</v>
      </c>
      <c r="BD19" s="7">
        <v>10.5</v>
      </c>
    </row>
    <row r="20" spans="3:56" x14ac:dyDescent="0.2">
      <c r="C20" s="5" t="s">
        <v>64</v>
      </c>
      <c r="D20" s="6" t="s">
        <v>58</v>
      </c>
      <c r="E20" s="8">
        <v>6.1</v>
      </c>
      <c r="F20" s="8">
        <v>4.3099999999999996</v>
      </c>
      <c r="G20" s="8">
        <v>4.03</v>
      </c>
      <c r="H20" s="8">
        <v>4.13</v>
      </c>
      <c r="I20" s="8">
        <v>3.6</v>
      </c>
      <c r="J20" s="8">
        <v>3.39</v>
      </c>
      <c r="K20" s="8">
        <v>3.5</v>
      </c>
      <c r="L20" s="8">
        <v>3.9</v>
      </c>
      <c r="M20" s="8">
        <v>3.7</v>
      </c>
      <c r="N20" s="8">
        <v>3.65</v>
      </c>
      <c r="O20" s="8">
        <v>3.5</v>
      </c>
      <c r="P20" s="8">
        <v>3.3</v>
      </c>
      <c r="Q20" s="8">
        <v>4</v>
      </c>
      <c r="R20" s="7">
        <v>5.15</v>
      </c>
      <c r="S20" s="7">
        <v>4.1500000000000004</v>
      </c>
      <c r="T20" s="7">
        <v>4.45</v>
      </c>
      <c r="U20" s="7">
        <v>3.65</v>
      </c>
      <c r="V20" s="7">
        <v>3.9</v>
      </c>
      <c r="W20" s="7">
        <v>3.2</v>
      </c>
      <c r="X20" s="7">
        <v>3.57</v>
      </c>
      <c r="Y20" s="7">
        <v>3.32</v>
      </c>
      <c r="Z20" s="7">
        <v>4.0999999999999996</v>
      </c>
      <c r="AA20" s="7">
        <v>4.5999999999999996</v>
      </c>
      <c r="AB20" s="7">
        <v>4.13</v>
      </c>
      <c r="AC20" s="7">
        <v>3.3</v>
      </c>
      <c r="AD20" s="7">
        <v>2.6</v>
      </c>
      <c r="AE20" s="7">
        <v>4.05</v>
      </c>
      <c r="AF20" s="7">
        <v>3.5</v>
      </c>
      <c r="AG20" s="7">
        <v>3.3</v>
      </c>
      <c r="AH20" s="7">
        <v>3.8</v>
      </c>
      <c r="AI20" s="7">
        <v>4.3</v>
      </c>
      <c r="AJ20" s="7">
        <v>4.4000000000000004</v>
      </c>
      <c r="AK20" s="7">
        <v>4.7</v>
      </c>
      <c r="AL20" s="7">
        <v>4.9000000000000004</v>
      </c>
      <c r="AM20" s="7">
        <v>5.5</v>
      </c>
      <c r="AN20" s="7">
        <v>5.5</v>
      </c>
      <c r="AO20" s="7">
        <v>4.5</v>
      </c>
      <c r="AP20" s="7">
        <v>4</v>
      </c>
      <c r="AQ20" s="7">
        <v>4</v>
      </c>
      <c r="AR20" s="7">
        <v>4.0999999999999996</v>
      </c>
      <c r="AS20" s="7">
        <v>4.5999999999999996</v>
      </c>
      <c r="AT20" s="7">
        <v>5.9</v>
      </c>
      <c r="AU20" s="7">
        <v>5</v>
      </c>
      <c r="AV20" s="7">
        <v>4.5</v>
      </c>
      <c r="AW20" s="7">
        <v>4.9000000000000004</v>
      </c>
      <c r="AX20" s="7">
        <v>4.8</v>
      </c>
      <c r="AY20" s="7">
        <v>4.8</v>
      </c>
      <c r="AZ20" s="7">
        <v>5.4</v>
      </c>
      <c r="BA20" s="7">
        <v>4.55</v>
      </c>
      <c r="BB20" s="7">
        <v>3.73</v>
      </c>
      <c r="BC20" s="7">
        <v>3.69</v>
      </c>
      <c r="BD20" s="7">
        <v>3.7</v>
      </c>
    </row>
    <row r="21" spans="3:56" x14ac:dyDescent="0.2">
      <c r="C21" s="5" t="s">
        <v>65</v>
      </c>
      <c r="D21" s="6" t="s">
        <v>58</v>
      </c>
      <c r="E21" s="8">
        <v>0.68</v>
      </c>
      <c r="F21" s="8">
        <v>0.5</v>
      </c>
      <c r="G21" s="8">
        <v>0.7</v>
      </c>
      <c r="H21" s="8">
        <v>0.96</v>
      </c>
      <c r="I21" s="8">
        <v>0.7</v>
      </c>
      <c r="J21" s="8">
        <v>0.7</v>
      </c>
      <c r="K21" s="8">
        <v>0.83</v>
      </c>
      <c r="L21" s="8">
        <v>0.83</v>
      </c>
      <c r="M21" s="8">
        <v>1.1299999999999999</v>
      </c>
      <c r="N21" s="8">
        <v>0.79</v>
      </c>
      <c r="O21" s="8">
        <v>0.65</v>
      </c>
      <c r="P21" s="8">
        <v>0.6</v>
      </c>
      <c r="Q21" s="8">
        <v>0.83</v>
      </c>
      <c r="R21" s="7">
        <v>0.83</v>
      </c>
      <c r="S21" s="7">
        <v>0.83</v>
      </c>
      <c r="T21" s="7">
        <v>0.7</v>
      </c>
      <c r="U21" s="7">
        <v>0.5</v>
      </c>
      <c r="V21" s="7">
        <v>0.65</v>
      </c>
      <c r="W21" s="7">
        <v>0.68</v>
      </c>
      <c r="X21" s="7">
        <v>1</v>
      </c>
      <c r="Y21" s="7">
        <v>1.1000000000000001</v>
      </c>
      <c r="Z21" s="7">
        <v>1</v>
      </c>
      <c r="AA21" s="7">
        <v>1.08</v>
      </c>
      <c r="AB21" s="7">
        <v>0.89</v>
      </c>
      <c r="AC21" s="7">
        <v>0.89</v>
      </c>
      <c r="AD21" s="7">
        <v>1.2</v>
      </c>
      <c r="AE21" s="7">
        <v>1.3</v>
      </c>
      <c r="AF21" s="7">
        <v>1.1000000000000001</v>
      </c>
      <c r="AG21" s="7">
        <v>1.2</v>
      </c>
      <c r="AH21" s="7">
        <v>1.05</v>
      </c>
      <c r="AI21" s="7">
        <v>1.05</v>
      </c>
      <c r="AJ21" s="7">
        <v>1.1000000000000001</v>
      </c>
      <c r="AK21" s="7">
        <v>0.95</v>
      </c>
      <c r="AL21" s="7">
        <v>1.05</v>
      </c>
      <c r="AM21" s="7">
        <v>0.66</v>
      </c>
      <c r="AN21" s="7">
        <v>0.62</v>
      </c>
      <c r="AO21" s="7">
        <v>0.61</v>
      </c>
      <c r="AP21" s="7">
        <v>0.54</v>
      </c>
      <c r="AQ21" s="7">
        <v>0.5</v>
      </c>
      <c r="AR21" s="7">
        <v>0.51</v>
      </c>
      <c r="AS21" s="7">
        <v>0.63</v>
      </c>
      <c r="AT21" s="7">
        <v>0.78</v>
      </c>
      <c r="AU21" s="7">
        <v>0.72</v>
      </c>
      <c r="AV21" s="7">
        <v>0.6</v>
      </c>
      <c r="AW21" s="7">
        <v>0.62</v>
      </c>
      <c r="AX21" s="7">
        <v>0.49</v>
      </c>
      <c r="AY21" s="7">
        <v>0.5</v>
      </c>
      <c r="AZ21" s="7">
        <v>0.55000000000000004</v>
      </c>
      <c r="BA21" s="7">
        <v>0.65</v>
      </c>
      <c r="BB21" s="7">
        <v>0.55000000000000004</v>
      </c>
      <c r="BC21" s="7">
        <v>0.6</v>
      </c>
      <c r="BD21" s="7">
        <v>0.6</v>
      </c>
    </row>
    <row r="22" spans="3:56" x14ac:dyDescent="0.2">
      <c r="C22" s="5" t="s">
        <v>66</v>
      </c>
      <c r="D22" s="6" t="s">
        <v>58</v>
      </c>
      <c r="E22" s="8">
        <v>2</v>
      </c>
      <c r="F22" s="8">
        <v>1.6</v>
      </c>
      <c r="G22" s="8">
        <v>2.7</v>
      </c>
      <c r="H22" s="8">
        <v>2.5</v>
      </c>
      <c r="I22" s="8">
        <v>2.2799999999999998</v>
      </c>
      <c r="J22" s="8">
        <v>2.1800000000000002</v>
      </c>
      <c r="K22" s="8">
        <v>3.58</v>
      </c>
      <c r="L22" s="8">
        <v>1.98</v>
      </c>
      <c r="M22" s="8">
        <v>3</v>
      </c>
      <c r="N22" s="8">
        <v>3.2</v>
      </c>
      <c r="O22" s="8">
        <v>3</v>
      </c>
      <c r="P22" s="8">
        <v>3.3</v>
      </c>
      <c r="Q22" s="8">
        <v>2.29</v>
      </c>
      <c r="R22" s="7">
        <v>2.2000000000000002</v>
      </c>
      <c r="S22" s="7">
        <v>2.27</v>
      </c>
      <c r="T22" s="7">
        <v>2.69</v>
      </c>
      <c r="U22" s="7">
        <v>1.77</v>
      </c>
      <c r="V22" s="7">
        <v>1.5</v>
      </c>
      <c r="W22" s="7">
        <v>1.75</v>
      </c>
      <c r="X22" s="7">
        <v>2.15</v>
      </c>
      <c r="Y22" s="7">
        <v>2.75</v>
      </c>
      <c r="Z22" s="7">
        <v>2.7</v>
      </c>
      <c r="AA22" s="7">
        <v>3</v>
      </c>
      <c r="AB22" s="7">
        <v>2.9</v>
      </c>
      <c r="AC22" s="7">
        <v>3.3</v>
      </c>
      <c r="AD22" s="7">
        <v>3.2</v>
      </c>
      <c r="AE22" s="7">
        <v>3.14</v>
      </c>
      <c r="AF22" s="7">
        <v>3.8</v>
      </c>
      <c r="AG22" s="7">
        <v>3.9</v>
      </c>
      <c r="AH22" s="7">
        <v>3.6</v>
      </c>
      <c r="AI22" s="7">
        <v>3.96</v>
      </c>
      <c r="AJ22" s="7">
        <v>4.5999999999999996</v>
      </c>
      <c r="AK22" s="7">
        <v>4.5999999999999996</v>
      </c>
      <c r="AL22" s="7">
        <v>4.9000000000000004</v>
      </c>
      <c r="AM22" s="7">
        <v>4.22</v>
      </c>
      <c r="AN22" s="7">
        <v>3.46</v>
      </c>
      <c r="AO22" s="7">
        <v>3</v>
      </c>
      <c r="AP22" s="7">
        <v>4.0999999999999996</v>
      </c>
      <c r="AQ22" s="7">
        <v>2.65</v>
      </c>
      <c r="AR22" s="7">
        <v>3.27</v>
      </c>
      <c r="AS22" s="7">
        <v>2.7</v>
      </c>
      <c r="AT22" s="7">
        <v>3.3</v>
      </c>
      <c r="AU22" s="7">
        <v>3.15</v>
      </c>
      <c r="AV22" s="7">
        <v>2.75</v>
      </c>
      <c r="AW22" s="7">
        <v>3.3</v>
      </c>
      <c r="AX22" s="7">
        <v>2.7</v>
      </c>
      <c r="AY22" s="7">
        <v>4.2</v>
      </c>
      <c r="AZ22" s="7">
        <v>3.85</v>
      </c>
      <c r="BA22" s="7">
        <v>4.05</v>
      </c>
      <c r="BB22" s="7">
        <v>4.3</v>
      </c>
      <c r="BC22" s="7">
        <v>3.3</v>
      </c>
      <c r="BD22" s="7">
        <v>3.8</v>
      </c>
    </row>
    <row r="23" spans="3:56" x14ac:dyDescent="0.2">
      <c r="C23" s="5" t="s">
        <v>67</v>
      </c>
      <c r="D23" s="6" t="s">
        <v>58</v>
      </c>
      <c r="E23" s="8">
        <v>8</v>
      </c>
      <c r="F23" s="8">
        <v>8.8000000000000007</v>
      </c>
      <c r="G23" s="8">
        <v>7.36</v>
      </c>
      <c r="H23" s="8">
        <v>7.12</v>
      </c>
      <c r="I23" s="8">
        <v>4.8</v>
      </c>
      <c r="J23" s="8">
        <v>4</v>
      </c>
      <c r="K23" s="8">
        <v>5.3</v>
      </c>
      <c r="L23" s="8">
        <v>5.6</v>
      </c>
      <c r="M23" s="8">
        <v>5.7</v>
      </c>
      <c r="N23" s="8">
        <v>6.2</v>
      </c>
      <c r="O23" s="8">
        <v>5</v>
      </c>
      <c r="P23" s="8">
        <v>4</v>
      </c>
      <c r="Q23" s="8">
        <v>4.7</v>
      </c>
      <c r="R23" s="7">
        <v>6</v>
      </c>
      <c r="S23" s="7">
        <v>5.44</v>
      </c>
      <c r="T23" s="7">
        <v>5</v>
      </c>
      <c r="U23" s="7">
        <v>4.5</v>
      </c>
      <c r="V23" s="7">
        <v>4.4000000000000004</v>
      </c>
      <c r="W23" s="7">
        <v>4.55</v>
      </c>
      <c r="X23" s="7">
        <v>4.1500000000000004</v>
      </c>
      <c r="Y23" s="7">
        <v>4</v>
      </c>
      <c r="Z23" s="7">
        <v>5</v>
      </c>
      <c r="AA23" s="7">
        <v>5.4</v>
      </c>
      <c r="AB23" s="7">
        <v>4.8</v>
      </c>
      <c r="AC23" s="7">
        <v>4</v>
      </c>
      <c r="AD23" s="7">
        <v>3.5</v>
      </c>
      <c r="AE23" s="7">
        <v>3.2</v>
      </c>
      <c r="AF23" s="7">
        <v>3.7</v>
      </c>
      <c r="AG23" s="7">
        <v>3.7</v>
      </c>
      <c r="AH23" s="7">
        <v>3.9</v>
      </c>
      <c r="AI23" s="7">
        <v>4.38</v>
      </c>
      <c r="AJ23" s="7">
        <v>4.3</v>
      </c>
      <c r="AK23" s="7">
        <v>4.05</v>
      </c>
      <c r="AL23" s="7">
        <v>4.05</v>
      </c>
      <c r="AM23" s="7">
        <v>5</v>
      </c>
      <c r="AN23" s="7">
        <v>5.39</v>
      </c>
      <c r="AO23" s="7">
        <v>4.12</v>
      </c>
      <c r="AP23" s="7">
        <v>4.6900000000000004</v>
      </c>
      <c r="AQ23" s="7">
        <v>4.66</v>
      </c>
      <c r="AR23" s="7">
        <v>5.13</v>
      </c>
      <c r="AS23" s="7">
        <v>4.8899999999999997</v>
      </c>
      <c r="AT23" s="7">
        <v>5.59</v>
      </c>
      <c r="AU23" s="7">
        <v>5.5</v>
      </c>
      <c r="AV23" s="7">
        <v>5.5</v>
      </c>
      <c r="AW23" s="7">
        <v>6.6</v>
      </c>
      <c r="AX23" s="7">
        <v>7.69</v>
      </c>
      <c r="AY23" s="7">
        <v>6.6</v>
      </c>
      <c r="AZ23" s="7">
        <v>6</v>
      </c>
      <c r="BA23" s="7">
        <v>6</v>
      </c>
      <c r="BB23" s="7">
        <v>6.3</v>
      </c>
      <c r="BC23" s="7">
        <v>5.83</v>
      </c>
      <c r="BD23" s="7">
        <v>5.63</v>
      </c>
    </row>
    <row r="24" spans="3:56" x14ac:dyDescent="0.2">
      <c r="C24" s="5" t="s">
        <v>68</v>
      </c>
      <c r="D24" s="6" t="s">
        <v>58</v>
      </c>
      <c r="E24" s="8">
        <v>1</v>
      </c>
      <c r="F24" s="8">
        <v>1.1499999999999999</v>
      </c>
      <c r="G24" s="8">
        <v>0.85</v>
      </c>
      <c r="H24" s="8">
        <v>1.1499999999999999</v>
      </c>
      <c r="I24" s="8">
        <v>1.22</v>
      </c>
      <c r="J24" s="8">
        <v>1.1499999999999999</v>
      </c>
      <c r="K24" s="8">
        <v>1</v>
      </c>
      <c r="L24" s="8">
        <v>0.85</v>
      </c>
      <c r="M24" s="8">
        <v>1</v>
      </c>
      <c r="N24" s="8">
        <v>1</v>
      </c>
      <c r="O24" s="8">
        <v>0.59</v>
      </c>
      <c r="P24" s="8">
        <v>0.62</v>
      </c>
      <c r="Q24" s="8">
        <v>0.8</v>
      </c>
      <c r="R24" s="7">
        <v>0.62</v>
      </c>
      <c r="S24" s="7">
        <v>0.45</v>
      </c>
      <c r="T24" s="7">
        <v>1.05</v>
      </c>
      <c r="U24" s="7">
        <v>0.65</v>
      </c>
      <c r="V24" s="7">
        <v>0.72</v>
      </c>
      <c r="W24" s="7">
        <v>0.64</v>
      </c>
      <c r="X24" s="7">
        <v>0.54</v>
      </c>
      <c r="Y24" s="7">
        <v>0.72</v>
      </c>
      <c r="Z24" s="7">
        <v>0.6</v>
      </c>
      <c r="AA24" s="7">
        <v>0.91</v>
      </c>
      <c r="AB24" s="7">
        <v>1.1200000000000001</v>
      </c>
      <c r="AC24" s="7">
        <v>0.87</v>
      </c>
      <c r="AD24" s="7">
        <v>0.72</v>
      </c>
      <c r="AE24" s="7">
        <v>0.85</v>
      </c>
      <c r="AF24" s="7">
        <v>0.75</v>
      </c>
      <c r="AG24" s="7">
        <v>0.7</v>
      </c>
      <c r="AH24" s="7">
        <v>0.55000000000000004</v>
      </c>
      <c r="AI24" s="7">
        <v>0.5</v>
      </c>
      <c r="AJ24" s="7">
        <v>0.5</v>
      </c>
      <c r="AK24" s="7">
        <v>0.75</v>
      </c>
      <c r="AL24" s="7">
        <v>0.65</v>
      </c>
      <c r="AM24" s="7">
        <v>0.88</v>
      </c>
      <c r="AN24" s="7">
        <v>0.65</v>
      </c>
      <c r="AO24" s="7">
        <v>0.71</v>
      </c>
      <c r="AP24" s="7">
        <v>0.71</v>
      </c>
      <c r="AQ24" s="7">
        <v>0.45</v>
      </c>
      <c r="AR24" s="7">
        <v>0.34</v>
      </c>
      <c r="AS24" s="7">
        <v>0.64</v>
      </c>
      <c r="AT24" s="7">
        <v>1.1299999999999999</v>
      </c>
      <c r="AU24" s="7">
        <v>1.25</v>
      </c>
      <c r="AV24" s="7">
        <v>0.82</v>
      </c>
      <c r="AW24" s="7">
        <v>0.82</v>
      </c>
      <c r="AX24" s="7">
        <v>0.72</v>
      </c>
      <c r="AY24" s="7">
        <v>0.85</v>
      </c>
      <c r="AZ24" s="7">
        <v>1</v>
      </c>
      <c r="BA24" s="7">
        <v>1.1000000000000001</v>
      </c>
      <c r="BB24" s="7">
        <v>0.9</v>
      </c>
      <c r="BC24" s="7">
        <v>1</v>
      </c>
      <c r="BD24" s="7">
        <v>1</v>
      </c>
    </row>
    <row r="25" spans="3:56" x14ac:dyDescent="0.2">
      <c r="C25" s="5" t="s">
        <v>69</v>
      </c>
      <c r="D25" s="6" t="s">
        <v>58</v>
      </c>
      <c r="E25" s="8">
        <v>1.05</v>
      </c>
      <c r="F25" s="8">
        <v>1.27</v>
      </c>
      <c r="G25" s="8">
        <v>1.35</v>
      </c>
      <c r="H25" s="8">
        <v>1.55</v>
      </c>
      <c r="I25" s="8">
        <v>0.95</v>
      </c>
      <c r="J25" s="8">
        <v>0.6</v>
      </c>
      <c r="K25" s="8">
        <v>0.8</v>
      </c>
      <c r="L25" s="8">
        <v>0.8</v>
      </c>
      <c r="M25" s="8">
        <v>0.95</v>
      </c>
      <c r="N25" s="8">
        <v>0.9</v>
      </c>
      <c r="O25" s="8">
        <v>1.03</v>
      </c>
      <c r="P25" s="8">
        <v>1</v>
      </c>
      <c r="Q25" s="8">
        <v>1.41</v>
      </c>
      <c r="R25" s="7">
        <v>1</v>
      </c>
      <c r="S25" s="7">
        <v>1.1000000000000001</v>
      </c>
      <c r="T25" s="7">
        <v>1</v>
      </c>
      <c r="U25" s="7">
        <v>1.02</v>
      </c>
      <c r="V25" s="7">
        <v>0.9</v>
      </c>
      <c r="W25" s="7">
        <v>0.7</v>
      </c>
      <c r="X25" s="7">
        <v>0.8</v>
      </c>
      <c r="Y25" s="7">
        <v>0.69</v>
      </c>
      <c r="Z25" s="7">
        <v>0.75</v>
      </c>
      <c r="AA25" s="7">
        <v>0.91</v>
      </c>
      <c r="AB25" s="7">
        <v>1</v>
      </c>
      <c r="AC25" s="7">
        <v>0.72</v>
      </c>
      <c r="AD25" s="7">
        <v>0.75</v>
      </c>
      <c r="AE25" s="7">
        <v>0.8</v>
      </c>
      <c r="AF25" s="7">
        <v>1</v>
      </c>
      <c r="AG25" s="7">
        <v>0.9</v>
      </c>
      <c r="AH25" s="7">
        <v>1</v>
      </c>
      <c r="AI25" s="7">
        <v>1.1000000000000001</v>
      </c>
      <c r="AJ25" s="7">
        <v>1.2</v>
      </c>
      <c r="AK25" s="7">
        <v>1.2</v>
      </c>
      <c r="AL25" s="7">
        <v>1.4</v>
      </c>
      <c r="AM25" s="7">
        <v>1.25</v>
      </c>
      <c r="AN25" s="7">
        <v>1.1000000000000001</v>
      </c>
      <c r="AO25" s="7">
        <v>0.79</v>
      </c>
      <c r="AP25" s="7">
        <v>0.7</v>
      </c>
      <c r="AQ25" s="7">
        <v>0.67</v>
      </c>
      <c r="AR25" s="7">
        <v>0.74</v>
      </c>
      <c r="AS25" s="7">
        <v>0.72</v>
      </c>
      <c r="AT25" s="7">
        <v>1.47</v>
      </c>
      <c r="AU25" s="7">
        <v>1.3</v>
      </c>
      <c r="AV25" s="7">
        <v>0.76</v>
      </c>
      <c r="AW25" s="7">
        <v>0.9</v>
      </c>
      <c r="AX25" s="7">
        <v>1.1499999999999999</v>
      </c>
      <c r="AY25" s="7">
        <v>1</v>
      </c>
      <c r="AZ25" s="7">
        <v>0.88</v>
      </c>
      <c r="BA25" s="7">
        <v>1.1499999999999999</v>
      </c>
      <c r="BB25" s="7">
        <v>1.05</v>
      </c>
      <c r="BC25" s="7">
        <v>1.05</v>
      </c>
      <c r="BD25" s="7">
        <v>1.05</v>
      </c>
    </row>
    <row r="26" spans="3:56" x14ac:dyDescent="0.2">
      <c r="C26" s="5" t="s">
        <v>70</v>
      </c>
      <c r="D26" s="6" t="s">
        <v>58</v>
      </c>
      <c r="E26" s="8">
        <v>1.22</v>
      </c>
      <c r="F26" s="8">
        <v>1.1200000000000001</v>
      </c>
      <c r="G26" s="8">
        <v>1.25</v>
      </c>
      <c r="H26" s="8">
        <v>0.6</v>
      </c>
      <c r="I26" s="8">
        <v>0.52</v>
      </c>
      <c r="J26" s="8">
        <v>0.36</v>
      </c>
      <c r="K26" s="8">
        <v>0.66</v>
      </c>
      <c r="L26" s="8">
        <v>0.41</v>
      </c>
      <c r="M26" s="8">
        <v>0.43</v>
      </c>
      <c r="N26" s="8">
        <v>0.34</v>
      </c>
      <c r="O26" s="8">
        <v>0.35</v>
      </c>
      <c r="P26" s="8">
        <v>0.35</v>
      </c>
      <c r="Q26" s="8">
        <v>0.41</v>
      </c>
      <c r="R26" s="8">
        <v>0.51</v>
      </c>
      <c r="S26" s="8">
        <v>0.59</v>
      </c>
      <c r="T26" s="8">
        <v>0.76</v>
      </c>
      <c r="U26" s="8">
        <v>0.71</v>
      </c>
      <c r="V26" s="8">
        <v>1.1299999999999999</v>
      </c>
      <c r="W26" s="8">
        <v>0.81</v>
      </c>
      <c r="X26" s="8">
        <v>1.02</v>
      </c>
      <c r="Y26" s="8">
        <v>0.99</v>
      </c>
      <c r="Z26" s="8">
        <v>1.2</v>
      </c>
      <c r="AA26" s="8">
        <v>0.47</v>
      </c>
      <c r="AB26" s="8">
        <v>0.41</v>
      </c>
      <c r="AC26" s="8">
        <v>0.88</v>
      </c>
      <c r="AD26" s="7">
        <v>0.76</v>
      </c>
      <c r="AE26" s="7">
        <v>0.75</v>
      </c>
      <c r="AF26" s="7">
        <v>0.7</v>
      </c>
      <c r="AG26" s="7">
        <v>0.57999999999999996</v>
      </c>
      <c r="AH26" s="7">
        <v>0.8</v>
      </c>
      <c r="AI26" s="7">
        <v>0.93</v>
      </c>
      <c r="AJ26" s="7">
        <v>0.79</v>
      </c>
      <c r="AK26" s="7">
        <v>0.85</v>
      </c>
      <c r="AL26" s="7">
        <v>0.85</v>
      </c>
      <c r="AM26" s="7">
        <v>1.26</v>
      </c>
      <c r="AN26" s="7">
        <v>1.1000000000000001</v>
      </c>
      <c r="AO26" s="7">
        <v>0.69</v>
      </c>
      <c r="AP26" s="7">
        <v>0.67</v>
      </c>
      <c r="AQ26" s="7">
        <v>0.68</v>
      </c>
      <c r="AR26" s="7">
        <v>0.96</v>
      </c>
      <c r="AS26" s="7">
        <v>0.64</v>
      </c>
      <c r="AT26" s="7">
        <v>1.3</v>
      </c>
      <c r="AU26" s="7">
        <v>0.73</v>
      </c>
      <c r="AV26" s="7">
        <v>1.44</v>
      </c>
      <c r="AW26" s="7">
        <v>1.36</v>
      </c>
      <c r="AX26" s="7">
        <v>2.0099999999999998</v>
      </c>
      <c r="AY26" s="7">
        <v>2.29</v>
      </c>
      <c r="AZ26" s="7">
        <v>1.35</v>
      </c>
      <c r="BA26" s="7">
        <v>1.69</v>
      </c>
      <c r="BB26" s="7">
        <v>1.38</v>
      </c>
      <c r="BC26" s="7">
        <v>0.87</v>
      </c>
      <c r="BD26" s="7">
        <v>2.38</v>
      </c>
    </row>
    <row r="27" spans="3:56" x14ac:dyDescent="0.2">
      <c r="C27" s="5" t="s">
        <v>71</v>
      </c>
      <c r="D27" s="6" t="s">
        <v>58</v>
      </c>
      <c r="E27" s="8">
        <v>1.65</v>
      </c>
      <c r="F27" s="8">
        <v>1.65</v>
      </c>
      <c r="G27" s="8">
        <v>1.65</v>
      </c>
      <c r="H27" s="8">
        <v>1.65</v>
      </c>
      <c r="I27" s="8">
        <v>1.65</v>
      </c>
      <c r="J27" s="8">
        <v>1.65</v>
      </c>
      <c r="K27" s="8">
        <v>1.65</v>
      </c>
      <c r="L27" s="8">
        <v>1.65</v>
      </c>
      <c r="M27" s="8">
        <v>1.65</v>
      </c>
      <c r="N27" s="8">
        <v>1.65</v>
      </c>
      <c r="O27" s="8">
        <v>1.65</v>
      </c>
      <c r="P27" s="8">
        <v>1.65</v>
      </c>
      <c r="Q27" s="8">
        <v>1.65</v>
      </c>
      <c r="R27" s="7">
        <v>1.65</v>
      </c>
      <c r="S27" s="7">
        <v>1.65</v>
      </c>
      <c r="T27" s="7">
        <v>1.65</v>
      </c>
      <c r="U27" s="7">
        <v>1.65</v>
      </c>
      <c r="V27" s="7">
        <v>1.65</v>
      </c>
      <c r="W27" s="7">
        <v>1.65</v>
      </c>
      <c r="X27" s="7">
        <v>1.65</v>
      </c>
      <c r="Y27" s="7">
        <v>1.65</v>
      </c>
      <c r="Z27" s="7">
        <v>1.65</v>
      </c>
      <c r="AA27" s="7">
        <v>1.65</v>
      </c>
      <c r="AB27" s="7">
        <v>1.65</v>
      </c>
      <c r="AC27" s="7">
        <v>1.65</v>
      </c>
      <c r="AD27" s="7">
        <v>1.65</v>
      </c>
      <c r="AE27" s="7">
        <v>1.65</v>
      </c>
      <c r="AF27" s="7">
        <v>1.65</v>
      </c>
      <c r="AG27" s="7">
        <v>1.65</v>
      </c>
      <c r="AH27" s="7">
        <v>1.65</v>
      </c>
      <c r="AI27" s="7">
        <v>1.65</v>
      </c>
      <c r="AJ27" s="7">
        <v>1.65</v>
      </c>
      <c r="AK27" s="7">
        <v>1.65</v>
      </c>
      <c r="AL27" s="7">
        <v>1.65</v>
      </c>
      <c r="AM27" s="7">
        <v>1.65</v>
      </c>
      <c r="AN27" s="7">
        <v>1.65</v>
      </c>
      <c r="AO27" s="7">
        <v>1.65</v>
      </c>
      <c r="AP27" s="7">
        <v>1.65</v>
      </c>
      <c r="AQ27" s="7">
        <v>1.65</v>
      </c>
      <c r="AR27" s="7">
        <v>1.65</v>
      </c>
      <c r="AS27" s="7">
        <v>1.65</v>
      </c>
      <c r="AT27" s="7">
        <v>1.65</v>
      </c>
      <c r="AU27" s="7">
        <v>1.65</v>
      </c>
      <c r="AV27" s="7">
        <v>1.65</v>
      </c>
      <c r="AW27" s="7">
        <v>1.65</v>
      </c>
      <c r="AX27" s="7">
        <v>1.65</v>
      </c>
      <c r="AY27" s="7">
        <v>1.65</v>
      </c>
      <c r="AZ27" s="7">
        <v>1.65</v>
      </c>
      <c r="BA27" s="7">
        <v>1.65</v>
      </c>
      <c r="BB27" s="7">
        <v>1.65</v>
      </c>
      <c r="BC27" s="7">
        <v>1.65</v>
      </c>
      <c r="BD27" s="7">
        <v>1.65</v>
      </c>
    </row>
    <row r="28" spans="3:56" x14ac:dyDescent="0.2">
      <c r="C28" s="5" t="s">
        <v>72</v>
      </c>
      <c r="D28" s="6" t="s">
        <v>58</v>
      </c>
      <c r="E28" s="8">
        <v>2.7</v>
      </c>
      <c r="F28" s="8">
        <v>2.7</v>
      </c>
      <c r="G28" s="8">
        <v>3</v>
      </c>
      <c r="H28" s="8">
        <v>3</v>
      </c>
      <c r="I28" s="8">
        <v>3</v>
      </c>
      <c r="J28" s="8">
        <v>3</v>
      </c>
      <c r="K28" s="8">
        <v>3.1</v>
      </c>
      <c r="L28" s="8">
        <v>3.1</v>
      </c>
      <c r="M28" s="8">
        <v>3.1</v>
      </c>
      <c r="N28" s="8">
        <v>3.15</v>
      </c>
      <c r="O28" s="8">
        <v>3.15</v>
      </c>
      <c r="P28" s="8">
        <v>3.1</v>
      </c>
      <c r="Q28" s="8">
        <v>3.1</v>
      </c>
      <c r="R28" s="7">
        <v>3.25</v>
      </c>
      <c r="S28" s="7">
        <v>3.2</v>
      </c>
      <c r="T28" s="7">
        <v>3.1</v>
      </c>
      <c r="U28" s="7">
        <v>3.1</v>
      </c>
      <c r="V28" s="7">
        <v>3.4</v>
      </c>
      <c r="W28" s="7">
        <v>3.6</v>
      </c>
      <c r="X28" s="7">
        <v>3.5</v>
      </c>
      <c r="Y28" s="7">
        <v>3.6</v>
      </c>
      <c r="Z28" s="7">
        <v>3.35</v>
      </c>
      <c r="AA28" s="7">
        <v>3.55</v>
      </c>
      <c r="AB28" s="7">
        <v>4</v>
      </c>
      <c r="AC28" s="7">
        <v>3.95</v>
      </c>
      <c r="AD28" s="7">
        <v>3.6</v>
      </c>
      <c r="AE28" s="7">
        <v>3.5</v>
      </c>
      <c r="AF28" s="7">
        <v>3.25</v>
      </c>
      <c r="AG28" s="7">
        <v>3.3</v>
      </c>
      <c r="AH28" s="7">
        <v>3.2</v>
      </c>
      <c r="AI28" s="7">
        <v>3.6</v>
      </c>
      <c r="AJ28" s="7">
        <v>3.4</v>
      </c>
      <c r="AK28" s="7">
        <v>3.3</v>
      </c>
      <c r="AL28" s="7">
        <v>3.15</v>
      </c>
      <c r="AM28" s="7">
        <v>3.45</v>
      </c>
      <c r="AN28" s="7">
        <v>3.15</v>
      </c>
      <c r="AO28" s="7">
        <v>3.1</v>
      </c>
      <c r="AP28" s="7">
        <v>3</v>
      </c>
      <c r="AQ28" s="7">
        <v>2.8</v>
      </c>
      <c r="AR28" s="7">
        <v>2.85</v>
      </c>
      <c r="AS28" s="7">
        <v>3</v>
      </c>
      <c r="AT28" s="7">
        <v>3.25</v>
      </c>
      <c r="AU28" s="7">
        <v>3.2</v>
      </c>
      <c r="AV28" s="7">
        <v>3.15</v>
      </c>
      <c r="AW28" s="7">
        <v>3.12</v>
      </c>
      <c r="AX28" s="7">
        <v>2.92</v>
      </c>
      <c r="AY28" s="7">
        <v>2.92</v>
      </c>
      <c r="AZ28" s="7">
        <v>3.09</v>
      </c>
      <c r="BA28" s="7">
        <v>3.52</v>
      </c>
      <c r="BB28" s="7">
        <v>3.41</v>
      </c>
      <c r="BC28" s="7">
        <v>3.29</v>
      </c>
      <c r="BD28" s="7">
        <v>3.07</v>
      </c>
    </row>
    <row r="29" spans="3:56" x14ac:dyDescent="0.2">
      <c r="C29" s="5" t="s">
        <v>73</v>
      </c>
      <c r="D29" s="6" t="s">
        <v>58</v>
      </c>
      <c r="E29" s="8">
        <v>3.35</v>
      </c>
      <c r="F29" s="8">
        <v>2.75</v>
      </c>
      <c r="G29" s="8">
        <v>2.5499999999999998</v>
      </c>
      <c r="H29" s="8">
        <v>3.55</v>
      </c>
      <c r="I29" s="8">
        <v>3.7</v>
      </c>
      <c r="J29" s="8">
        <v>3.3</v>
      </c>
      <c r="K29" s="8">
        <v>3</v>
      </c>
      <c r="L29" s="8">
        <v>3.1</v>
      </c>
      <c r="M29" s="8">
        <v>3.5</v>
      </c>
      <c r="N29" s="8">
        <v>3.7</v>
      </c>
      <c r="O29" s="8">
        <v>1.92</v>
      </c>
      <c r="P29" s="8">
        <v>2.1</v>
      </c>
      <c r="Q29" s="8">
        <v>2.4</v>
      </c>
      <c r="R29" s="7">
        <v>1.84</v>
      </c>
      <c r="S29" s="7">
        <v>2.29</v>
      </c>
      <c r="T29" s="7">
        <v>2.2200000000000002</v>
      </c>
      <c r="U29" s="7">
        <v>2.04</v>
      </c>
      <c r="V29" s="7">
        <v>2.25</v>
      </c>
      <c r="W29" s="7">
        <v>2.8</v>
      </c>
      <c r="X29" s="7">
        <v>3.3</v>
      </c>
      <c r="Y29" s="7">
        <v>3.1</v>
      </c>
      <c r="Z29" s="7">
        <v>3</v>
      </c>
      <c r="AA29" s="7">
        <v>3.5</v>
      </c>
      <c r="AB29" s="7">
        <v>3.35</v>
      </c>
      <c r="AC29" s="7">
        <v>2.85</v>
      </c>
      <c r="AD29" s="7">
        <v>2.7</v>
      </c>
      <c r="AE29" s="7">
        <v>2.15</v>
      </c>
      <c r="AF29" s="7">
        <v>2.65</v>
      </c>
      <c r="AG29" s="7">
        <v>2.85</v>
      </c>
      <c r="AH29" s="7">
        <v>2.4</v>
      </c>
      <c r="AI29" s="7">
        <v>2.4700000000000002</v>
      </c>
      <c r="AJ29" s="7">
        <v>2.7</v>
      </c>
      <c r="AK29" s="7">
        <v>3.8</v>
      </c>
      <c r="AL29" s="7">
        <v>2.2999999999999998</v>
      </c>
      <c r="AM29" s="7">
        <v>2.4500000000000002</v>
      </c>
      <c r="AN29" s="7">
        <v>2.5</v>
      </c>
      <c r="AO29" s="7">
        <v>2.8</v>
      </c>
      <c r="AP29" s="7">
        <v>2.95</v>
      </c>
      <c r="AQ29" s="7">
        <v>2.4500000000000002</v>
      </c>
      <c r="AR29" s="7">
        <v>2.83</v>
      </c>
      <c r="AS29" s="7">
        <v>3.83</v>
      </c>
      <c r="AT29" s="7">
        <v>3.96</v>
      </c>
      <c r="AU29" s="7">
        <v>3.46</v>
      </c>
      <c r="AV29" s="7">
        <v>3.85</v>
      </c>
      <c r="AW29" s="7">
        <v>3.45</v>
      </c>
      <c r="AX29" s="7">
        <v>3.05</v>
      </c>
      <c r="AY29" s="7">
        <v>3.23</v>
      </c>
      <c r="AZ29" s="7">
        <v>3</v>
      </c>
      <c r="BA29" s="7">
        <v>3.43</v>
      </c>
      <c r="BB29" s="7">
        <v>4</v>
      </c>
      <c r="BC29" s="7">
        <v>3.81</v>
      </c>
      <c r="BD29" s="7">
        <v>2.91</v>
      </c>
    </row>
    <row r="30" spans="3:56" x14ac:dyDescent="0.2">
      <c r="C30" s="5" t="s">
        <v>74</v>
      </c>
      <c r="D30" s="6" t="s">
        <v>58</v>
      </c>
      <c r="E30" s="8">
        <v>1.05</v>
      </c>
      <c r="F30" s="8">
        <v>1.05</v>
      </c>
      <c r="G30" s="8">
        <v>1.05</v>
      </c>
      <c r="H30" s="8">
        <v>1.05</v>
      </c>
      <c r="I30" s="8">
        <v>1.05</v>
      </c>
      <c r="J30" s="8">
        <v>1.05</v>
      </c>
      <c r="K30" s="8">
        <v>1.05</v>
      </c>
      <c r="L30" s="8">
        <v>1.05</v>
      </c>
      <c r="M30" s="8">
        <v>1.05</v>
      </c>
      <c r="N30" s="8">
        <v>1.05</v>
      </c>
      <c r="O30" s="8">
        <v>1.05</v>
      </c>
      <c r="P30" s="8">
        <v>1.05</v>
      </c>
      <c r="Q30" s="8">
        <v>1.05</v>
      </c>
      <c r="R30" s="13">
        <v>1.05</v>
      </c>
      <c r="S30" s="13">
        <v>1.05</v>
      </c>
      <c r="T30" s="13">
        <v>1.05</v>
      </c>
      <c r="U30" s="13">
        <v>1.05</v>
      </c>
      <c r="V30" s="13">
        <v>1.05</v>
      </c>
      <c r="W30" s="13">
        <v>1.05</v>
      </c>
      <c r="X30" s="13">
        <v>1.05</v>
      </c>
      <c r="Y30" s="13">
        <v>1.05</v>
      </c>
      <c r="Z30" s="13">
        <v>1.05</v>
      </c>
      <c r="AA30" s="13">
        <v>1.05</v>
      </c>
      <c r="AB30" s="13">
        <v>1.05</v>
      </c>
      <c r="AC30" s="13">
        <v>1.05</v>
      </c>
      <c r="AD30" s="13">
        <v>1.05</v>
      </c>
      <c r="AE30" s="13">
        <v>1.05</v>
      </c>
      <c r="AF30" s="13">
        <v>1.05</v>
      </c>
      <c r="AG30" s="13">
        <v>1.05</v>
      </c>
      <c r="AH30" s="13">
        <v>1.05</v>
      </c>
      <c r="AI30" s="13">
        <v>1.05</v>
      </c>
      <c r="AJ30" s="13">
        <v>1.05</v>
      </c>
      <c r="AK30" s="13">
        <v>1.05</v>
      </c>
      <c r="AL30" s="13">
        <v>1.05</v>
      </c>
      <c r="AM30" s="13">
        <v>1.05</v>
      </c>
      <c r="AN30" s="13">
        <v>1.05</v>
      </c>
      <c r="AO30" s="13">
        <v>1.05</v>
      </c>
      <c r="AP30" s="13">
        <v>1.05</v>
      </c>
      <c r="AQ30" s="13">
        <v>1.05</v>
      </c>
      <c r="AR30" s="13">
        <v>1.05</v>
      </c>
      <c r="AS30" s="13">
        <v>1.05</v>
      </c>
      <c r="AT30" s="13">
        <v>1.05</v>
      </c>
      <c r="AU30" s="13">
        <v>1.05</v>
      </c>
      <c r="AV30" s="13">
        <v>1.05</v>
      </c>
      <c r="AW30" s="13">
        <v>1.05</v>
      </c>
      <c r="AX30" s="13">
        <v>1.05</v>
      </c>
      <c r="AY30" s="13">
        <v>1.05</v>
      </c>
      <c r="AZ30" s="13">
        <v>1.05</v>
      </c>
      <c r="BA30" s="13">
        <v>1.05</v>
      </c>
      <c r="BB30" s="13">
        <v>1.05</v>
      </c>
      <c r="BC30" s="13">
        <v>1.05</v>
      </c>
      <c r="BD30" s="13">
        <v>1.05</v>
      </c>
    </row>
    <row r="31" spans="3:56" x14ac:dyDescent="0.2">
      <c r="C31" s="5" t="s">
        <v>75</v>
      </c>
      <c r="D31" s="15" t="s">
        <v>76</v>
      </c>
      <c r="E31" s="8">
        <v>0.37</v>
      </c>
      <c r="F31" s="8">
        <v>0.36</v>
      </c>
      <c r="G31" s="8">
        <v>0.38</v>
      </c>
      <c r="H31" s="8">
        <v>0.38</v>
      </c>
      <c r="I31" s="8">
        <v>0.36</v>
      </c>
      <c r="J31" s="8">
        <v>0.35</v>
      </c>
      <c r="K31" s="8">
        <v>0.38</v>
      </c>
      <c r="L31" s="8">
        <v>0.4</v>
      </c>
      <c r="M31" s="8">
        <v>0.42</v>
      </c>
      <c r="N31" s="8">
        <v>0.43</v>
      </c>
      <c r="O31" s="8">
        <v>0.43</v>
      </c>
      <c r="P31" s="8">
        <v>0.42</v>
      </c>
      <c r="Q31" s="8">
        <v>0.4</v>
      </c>
      <c r="R31" s="8">
        <v>0.38</v>
      </c>
      <c r="S31" s="8">
        <v>0.36</v>
      </c>
      <c r="T31" s="8">
        <v>0.34</v>
      </c>
      <c r="U31" s="8">
        <v>0.33</v>
      </c>
      <c r="V31" s="8">
        <v>0.32</v>
      </c>
      <c r="W31" s="8">
        <v>0.33</v>
      </c>
      <c r="X31" s="8">
        <v>0.35</v>
      </c>
      <c r="Y31" s="8">
        <v>0.36</v>
      </c>
      <c r="Z31" s="8">
        <v>0.37</v>
      </c>
      <c r="AA31" s="8">
        <v>0.37</v>
      </c>
      <c r="AB31" s="8">
        <v>0.36</v>
      </c>
      <c r="AC31" s="8">
        <v>0.36</v>
      </c>
      <c r="AD31" s="8">
        <v>0.37</v>
      </c>
      <c r="AE31" s="8">
        <v>0.38</v>
      </c>
      <c r="AF31" s="8">
        <v>0.41</v>
      </c>
      <c r="AG31" s="8">
        <v>0.44</v>
      </c>
      <c r="AH31" s="8">
        <v>0.45</v>
      </c>
      <c r="AI31" s="8">
        <v>0.47</v>
      </c>
      <c r="AJ31" s="8">
        <v>0.47</v>
      </c>
      <c r="AK31" s="8">
        <v>0.49</v>
      </c>
      <c r="AL31" s="8">
        <v>0.54</v>
      </c>
      <c r="AM31" s="8">
        <v>0.55000000000000004</v>
      </c>
      <c r="AN31" s="8">
        <v>0.56999999999999995</v>
      </c>
      <c r="AO31" s="8">
        <v>0.56999999999999995</v>
      </c>
      <c r="AP31" s="8">
        <v>0.56999999999999995</v>
      </c>
      <c r="AQ31" s="8">
        <v>0.55000000000000004</v>
      </c>
      <c r="AR31" s="8">
        <v>0.56000000000000005</v>
      </c>
      <c r="AS31" s="8">
        <v>0.57999999999999996</v>
      </c>
      <c r="AT31" s="8">
        <v>0.6</v>
      </c>
      <c r="AU31" s="8">
        <v>0.6</v>
      </c>
      <c r="AV31" s="8">
        <v>0.57999999999999996</v>
      </c>
      <c r="AW31" s="8">
        <v>0.56000000000000005</v>
      </c>
      <c r="AX31" s="8">
        <v>0.55000000000000004</v>
      </c>
      <c r="AY31" s="8">
        <v>0.55000000000000004</v>
      </c>
      <c r="AZ31" s="8">
        <v>0.55000000000000004</v>
      </c>
      <c r="BA31" s="8">
        <v>0.59</v>
      </c>
      <c r="BB31" s="8">
        <v>0.6</v>
      </c>
      <c r="BC31" s="8">
        <v>0.59</v>
      </c>
      <c r="BD31" s="8">
        <v>0.59</v>
      </c>
    </row>
    <row r="32" spans="3:56" x14ac:dyDescent="0.2">
      <c r="C32" s="16" t="s">
        <v>78</v>
      </c>
      <c r="D32" s="6" t="s">
        <v>58</v>
      </c>
      <c r="E32" s="8">
        <v>0.11</v>
      </c>
      <c r="F32" s="8">
        <v>0.12</v>
      </c>
      <c r="G32" s="8">
        <v>0.13</v>
      </c>
      <c r="H32" s="8">
        <v>0.12</v>
      </c>
      <c r="I32" s="8">
        <v>0.1</v>
      </c>
      <c r="J32" s="8">
        <v>0.09</v>
      </c>
      <c r="K32" s="8">
        <v>0.09</v>
      </c>
      <c r="L32" s="8">
        <v>0.09</v>
      </c>
      <c r="M32" s="8">
        <v>0.1</v>
      </c>
      <c r="N32" s="8">
        <v>0.11</v>
      </c>
      <c r="O32" s="8">
        <v>0.13</v>
      </c>
      <c r="P32" s="8">
        <v>0.13</v>
      </c>
      <c r="Q32" s="8">
        <v>0.24</v>
      </c>
      <c r="R32" s="8">
        <v>0.25</v>
      </c>
      <c r="S32" s="8">
        <v>0.26</v>
      </c>
      <c r="T32" s="8">
        <v>0.28000000000000003</v>
      </c>
      <c r="U32" s="8">
        <v>0.33</v>
      </c>
      <c r="V32" s="8">
        <v>0.36</v>
      </c>
      <c r="W32" s="8">
        <v>0.33</v>
      </c>
      <c r="X32" s="8">
        <v>0.26</v>
      </c>
      <c r="Y32" s="8">
        <v>0.16</v>
      </c>
      <c r="Z32" s="8">
        <v>0.14000000000000001</v>
      </c>
      <c r="AA32" s="8">
        <v>0.15</v>
      </c>
      <c r="AB32" s="8">
        <v>0.16</v>
      </c>
      <c r="AC32" s="8">
        <v>0.16</v>
      </c>
      <c r="AD32" s="8">
        <v>0.16</v>
      </c>
      <c r="AE32" s="8">
        <v>0.19</v>
      </c>
      <c r="AF32" s="8">
        <v>0.19</v>
      </c>
      <c r="AG32" s="8">
        <v>0.19</v>
      </c>
      <c r="AH32" s="8">
        <v>0.16</v>
      </c>
      <c r="AI32" s="8">
        <v>0.14000000000000001</v>
      </c>
      <c r="AJ32" s="8">
        <v>0.16</v>
      </c>
      <c r="AK32" s="8">
        <v>0.17</v>
      </c>
      <c r="AL32" s="8">
        <v>0.16</v>
      </c>
      <c r="AM32" s="8">
        <v>0.18</v>
      </c>
      <c r="AN32" s="8">
        <v>0.16</v>
      </c>
      <c r="AO32" s="8">
        <v>0.15</v>
      </c>
      <c r="AP32" s="8">
        <v>0.15</v>
      </c>
      <c r="AQ32" s="8">
        <v>0.15</v>
      </c>
      <c r="AR32" s="8">
        <v>0.13</v>
      </c>
      <c r="AS32" s="8">
        <v>0.11</v>
      </c>
      <c r="AT32" s="8">
        <v>0.11</v>
      </c>
      <c r="AU32" s="8">
        <v>0.13</v>
      </c>
      <c r="AV32" s="8">
        <v>0.14000000000000001</v>
      </c>
      <c r="AW32" s="8">
        <v>0.15</v>
      </c>
      <c r="AX32" s="8">
        <v>0.15</v>
      </c>
      <c r="AY32" s="8">
        <v>0.14000000000000001</v>
      </c>
      <c r="AZ32" s="8">
        <v>0.15</v>
      </c>
      <c r="BA32" s="8">
        <v>0.16</v>
      </c>
      <c r="BB32" s="8">
        <v>0.17</v>
      </c>
      <c r="BC32" s="8">
        <v>0.17</v>
      </c>
      <c r="BD32" s="8">
        <v>0.17</v>
      </c>
    </row>
    <row r="33" spans="3:56" x14ac:dyDescent="0.2">
      <c r="C33" s="16" t="s">
        <v>79</v>
      </c>
      <c r="D33" s="6" t="s">
        <v>58</v>
      </c>
      <c r="E33" s="8">
        <v>0.32</v>
      </c>
      <c r="F33" s="8">
        <v>0.34</v>
      </c>
      <c r="G33" s="8">
        <v>0.36</v>
      </c>
      <c r="H33" s="8">
        <v>0.39</v>
      </c>
      <c r="I33" s="8">
        <v>0.49</v>
      </c>
      <c r="J33" s="8">
        <v>0.52</v>
      </c>
      <c r="K33" s="8">
        <v>0.55000000000000004</v>
      </c>
      <c r="L33" s="8">
        <v>0.56000000000000005</v>
      </c>
      <c r="M33" s="8">
        <v>0.62</v>
      </c>
      <c r="N33" s="8">
        <v>0.68</v>
      </c>
      <c r="O33" s="8">
        <v>0.73</v>
      </c>
      <c r="P33" s="8">
        <v>0.71</v>
      </c>
      <c r="Q33" s="8">
        <v>0.43</v>
      </c>
      <c r="R33" s="8">
        <v>0.35</v>
      </c>
      <c r="S33" s="8">
        <v>0.28999999999999998</v>
      </c>
      <c r="T33" s="8">
        <v>0.26</v>
      </c>
      <c r="U33" s="8">
        <v>0.26</v>
      </c>
      <c r="V33" s="8">
        <v>0.23</v>
      </c>
      <c r="W33" s="8">
        <v>0.23</v>
      </c>
      <c r="X33" s="8">
        <v>0.28000000000000003</v>
      </c>
      <c r="Y33" s="8">
        <v>0.27</v>
      </c>
      <c r="Z33" s="8">
        <v>0.27</v>
      </c>
      <c r="AA33" s="8">
        <v>0.27</v>
      </c>
      <c r="AB33" s="8">
        <v>0.27</v>
      </c>
      <c r="AC33" s="8">
        <v>0.26</v>
      </c>
      <c r="AD33" s="8">
        <v>0.26</v>
      </c>
      <c r="AE33" s="8">
        <v>0.28000000000000003</v>
      </c>
      <c r="AF33" s="8">
        <v>0.28999999999999998</v>
      </c>
      <c r="AG33" s="8">
        <v>0.3</v>
      </c>
      <c r="AH33" s="8">
        <v>0.3</v>
      </c>
      <c r="AI33" s="8">
        <v>0.31</v>
      </c>
      <c r="AJ33" s="8">
        <v>0.32</v>
      </c>
      <c r="AK33" s="8">
        <v>0.33</v>
      </c>
      <c r="AL33" s="8">
        <v>0.31</v>
      </c>
      <c r="AM33" s="8">
        <v>0.32</v>
      </c>
      <c r="AN33" s="8">
        <v>0.38</v>
      </c>
      <c r="AO33" s="8">
        <v>0.36</v>
      </c>
      <c r="AP33" s="8">
        <v>0.32</v>
      </c>
      <c r="AQ33" s="8">
        <v>0.32</v>
      </c>
      <c r="AR33" s="8">
        <v>0.3</v>
      </c>
      <c r="AS33" s="8">
        <v>0.28000000000000003</v>
      </c>
      <c r="AT33" s="8">
        <v>0.27</v>
      </c>
      <c r="AU33" s="8">
        <v>0.26</v>
      </c>
      <c r="AV33" s="8">
        <v>0.27</v>
      </c>
      <c r="AW33" s="8">
        <v>0.25</v>
      </c>
      <c r="AX33" s="8">
        <v>0.28000000000000003</v>
      </c>
      <c r="AY33" s="8">
        <v>0.31</v>
      </c>
      <c r="AZ33" s="8">
        <v>0.3</v>
      </c>
      <c r="BA33" s="8">
        <v>0.3</v>
      </c>
      <c r="BB33" s="8">
        <v>0.37</v>
      </c>
      <c r="BC33" s="8">
        <v>0.42</v>
      </c>
      <c r="BD33" s="8">
        <v>0.47</v>
      </c>
    </row>
    <row r="34" spans="3:56" x14ac:dyDescent="0.2">
      <c r="C34" s="16" t="s">
        <v>80</v>
      </c>
      <c r="D34" s="6" t="s">
        <v>58</v>
      </c>
      <c r="E34" s="8">
        <v>0.66</v>
      </c>
      <c r="F34" s="8">
        <v>0.69</v>
      </c>
      <c r="G34" s="8">
        <v>1.5</v>
      </c>
      <c r="H34" s="8">
        <v>1.51</v>
      </c>
      <c r="I34" s="8">
        <v>2.27</v>
      </c>
      <c r="J34" s="8">
        <v>1.67</v>
      </c>
      <c r="K34" s="8">
        <v>1.37</v>
      </c>
      <c r="L34" s="8">
        <v>1.7</v>
      </c>
      <c r="M34" s="8">
        <v>1.6</v>
      </c>
      <c r="N34" s="8">
        <v>1.58</v>
      </c>
      <c r="O34" s="8">
        <v>0.7</v>
      </c>
      <c r="P34" s="8">
        <v>0.52</v>
      </c>
      <c r="Q34" s="8">
        <v>0.44</v>
      </c>
      <c r="R34" s="8">
        <v>0.38</v>
      </c>
      <c r="S34" s="8">
        <v>0.35</v>
      </c>
      <c r="T34" s="8">
        <v>0.27</v>
      </c>
      <c r="U34" s="8">
        <v>0.15</v>
      </c>
      <c r="V34" s="8">
        <v>0.17</v>
      </c>
      <c r="W34" s="8">
        <v>0.18</v>
      </c>
      <c r="X34" s="8">
        <v>0.22</v>
      </c>
      <c r="Y34" s="8">
        <v>0.21</v>
      </c>
      <c r="Z34" s="8">
        <v>0.35</v>
      </c>
      <c r="AA34" s="8">
        <v>0.48</v>
      </c>
      <c r="AB34" s="8">
        <v>0.38</v>
      </c>
      <c r="AC34" s="8">
        <v>0.36</v>
      </c>
      <c r="AD34" s="8">
        <v>0.24</v>
      </c>
      <c r="AE34" s="8">
        <v>0.33</v>
      </c>
      <c r="AF34" s="8">
        <v>0.34</v>
      </c>
      <c r="AG34" s="8">
        <v>0.34</v>
      </c>
      <c r="AH34" s="8">
        <v>0.32</v>
      </c>
      <c r="AI34" s="8">
        <v>0.32</v>
      </c>
      <c r="AJ34" s="8">
        <v>0.32</v>
      </c>
      <c r="AK34" s="8">
        <v>0.37</v>
      </c>
      <c r="AL34" s="8">
        <v>0.35</v>
      </c>
      <c r="AM34" s="8">
        <v>0.35</v>
      </c>
      <c r="AN34" s="8">
        <v>0.32</v>
      </c>
      <c r="AO34" s="8">
        <v>0.25</v>
      </c>
      <c r="AP34" s="8">
        <v>0.23</v>
      </c>
      <c r="AQ34" s="8">
        <v>0.18</v>
      </c>
      <c r="AR34" s="8">
        <v>0.27</v>
      </c>
      <c r="AS34" s="8">
        <v>0.45</v>
      </c>
      <c r="AT34" s="8">
        <v>0.36</v>
      </c>
      <c r="AU34" s="8">
        <v>0.3</v>
      </c>
      <c r="AV34" s="8">
        <v>0.3</v>
      </c>
      <c r="AW34" s="8">
        <v>0.41</v>
      </c>
      <c r="AX34" s="8">
        <v>0.55000000000000004</v>
      </c>
      <c r="AY34" s="8">
        <v>0.56000000000000005</v>
      </c>
      <c r="AZ34" s="8">
        <v>0.66</v>
      </c>
      <c r="BA34" s="8">
        <v>0.81</v>
      </c>
      <c r="BB34" s="8">
        <v>0.89</v>
      </c>
      <c r="BC34" s="8">
        <v>1.23</v>
      </c>
      <c r="BD34" s="8">
        <v>0.82</v>
      </c>
    </row>
    <row r="35" spans="3:56" x14ac:dyDescent="0.2">
      <c r="C35" s="16" t="s">
        <v>81</v>
      </c>
      <c r="D35" s="6" t="s">
        <v>58</v>
      </c>
      <c r="E35" s="8">
        <v>0.12</v>
      </c>
      <c r="F35" s="8">
        <v>0.11</v>
      </c>
      <c r="G35" s="8">
        <v>0.11</v>
      </c>
      <c r="H35" s="8">
        <v>0.11</v>
      </c>
      <c r="I35" s="8">
        <v>0.14000000000000001</v>
      </c>
      <c r="J35" s="8">
        <v>0.15</v>
      </c>
      <c r="K35" s="8">
        <v>0.15</v>
      </c>
      <c r="L35" s="8">
        <v>0.14000000000000001</v>
      </c>
      <c r="M35" s="8">
        <v>0.17</v>
      </c>
      <c r="N35" s="8">
        <v>0.18</v>
      </c>
      <c r="O35" s="8">
        <v>0.18</v>
      </c>
      <c r="P35" s="8">
        <v>0.17</v>
      </c>
      <c r="Q35" s="8">
        <v>0.17</v>
      </c>
      <c r="R35" s="8">
        <v>0.17</v>
      </c>
      <c r="S35" s="8">
        <v>0.17</v>
      </c>
      <c r="T35" s="8">
        <v>0.15</v>
      </c>
      <c r="U35" s="8">
        <v>0.14000000000000001</v>
      </c>
      <c r="V35" s="8">
        <v>0.14000000000000001</v>
      </c>
      <c r="W35" s="8">
        <v>0.14000000000000001</v>
      </c>
      <c r="X35" s="8">
        <v>0.13</v>
      </c>
      <c r="Y35" s="8">
        <v>0.13</v>
      </c>
      <c r="Z35" s="8">
        <v>0.16</v>
      </c>
      <c r="AA35" s="8">
        <v>0.16</v>
      </c>
      <c r="AB35" s="8">
        <v>0.16</v>
      </c>
      <c r="AC35" s="8">
        <v>0.14000000000000001</v>
      </c>
      <c r="AD35" s="8">
        <v>0.14000000000000001</v>
      </c>
      <c r="AE35" s="8">
        <v>0.14000000000000001</v>
      </c>
      <c r="AF35" s="8">
        <v>0.14000000000000001</v>
      </c>
      <c r="AG35" s="8">
        <v>0.14000000000000001</v>
      </c>
      <c r="AH35" s="8">
        <v>0.18</v>
      </c>
      <c r="AI35" s="8">
        <v>0.18</v>
      </c>
      <c r="AJ35" s="8">
        <v>0.18</v>
      </c>
      <c r="AK35" s="8">
        <v>0.17</v>
      </c>
      <c r="AL35" s="8">
        <v>0.15</v>
      </c>
      <c r="AM35" s="8">
        <v>0.15</v>
      </c>
      <c r="AN35" s="8">
        <v>0.16</v>
      </c>
      <c r="AO35" s="8">
        <v>0.16</v>
      </c>
      <c r="AP35" s="8">
        <v>0.15</v>
      </c>
      <c r="AQ35" s="8">
        <v>0.15</v>
      </c>
      <c r="AR35" s="8">
        <v>0.14000000000000001</v>
      </c>
      <c r="AS35" s="8">
        <v>0.13</v>
      </c>
      <c r="AT35" s="8">
        <v>0.13</v>
      </c>
      <c r="AU35" s="8">
        <v>0.12</v>
      </c>
      <c r="AV35" s="8">
        <v>0.13</v>
      </c>
      <c r="AW35" s="8">
        <v>0.13</v>
      </c>
      <c r="AX35" s="8">
        <v>0.13</v>
      </c>
      <c r="AY35" s="8">
        <v>0.13</v>
      </c>
      <c r="AZ35" s="8">
        <v>0.12</v>
      </c>
      <c r="BA35" s="8">
        <v>0.13</v>
      </c>
      <c r="BB35" s="8">
        <v>0.13</v>
      </c>
      <c r="BC35" s="8">
        <v>0.13</v>
      </c>
      <c r="BD35" s="8">
        <v>0.13</v>
      </c>
    </row>
    <row r="36" spans="3:56" x14ac:dyDescent="0.2">
      <c r="C36" s="16" t="s">
        <v>82</v>
      </c>
      <c r="D36" s="6" t="s">
        <v>58</v>
      </c>
      <c r="E36" s="8">
        <v>1.63</v>
      </c>
      <c r="F36" s="8">
        <v>1.81</v>
      </c>
      <c r="G36" s="8">
        <v>3.16</v>
      </c>
      <c r="H36" s="8">
        <v>2.76</v>
      </c>
      <c r="I36" s="8">
        <v>3.44</v>
      </c>
      <c r="J36" s="8">
        <v>3.86</v>
      </c>
      <c r="K36" s="8">
        <v>3.82</v>
      </c>
      <c r="L36" s="8">
        <v>3.88</v>
      </c>
      <c r="M36" s="8">
        <v>3.79</v>
      </c>
      <c r="N36" s="8">
        <v>4.72</v>
      </c>
      <c r="O36" s="8">
        <v>3.88</v>
      </c>
      <c r="P36" s="8">
        <v>2.91</v>
      </c>
      <c r="Q36" s="8">
        <v>2.69</v>
      </c>
      <c r="R36" s="8">
        <v>1.24</v>
      </c>
      <c r="S36" s="8">
        <v>1.2</v>
      </c>
      <c r="T36" s="8">
        <v>1.41</v>
      </c>
      <c r="U36" s="8">
        <v>0.88</v>
      </c>
      <c r="V36" s="8">
        <v>0.78</v>
      </c>
      <c r="W36" s="8">
        <v>0.71</v>
      </c>
      <c r="X36" s="8">
        <v>0.69</v>
      </c>
      <c r="Y36" s="8">
        <v>0.76</v>
      </c>
      <c r="Z36" s="8">
        <v>0.83</v>
      </c>
      <c r="AA36" s="8">
        <v>0.96</v>
      </c>
      <c r="AB36" s="8">
        <v>1.1000000000000001</v>
      </c>
      <c r="AC36" s="8">
        <v>0.99</v>
      </c>
      <c r="AD36" s="8">
        <v>0.87</v>
      </c>
      <c r="AE36" s="8">
        <v>1.48</v>
      </c>
      <c r="AF36" s="8">
        <v>1.52</v>
      </c>
      <c r="AG36" s="8">
        <v>1.7</v>
      </c>
      <c r="AH36" s="8">
        <v>1.49</v>
      </c>
      <c r="AI36" s="8">
        <v>1.32</v>
      </c>
      <c r="AJ36" s="8">
        <v>1.53</v>
      </c>
      <c r="AK36" s="8">
        <v>1.87</v>
      </c>
      <c r="AL36" s="8">
        <v>1.64</v>
      </c>
      <c r="AM36" s="8">
        <v>1.42</v>
      </c>
      <c r="AN36" s="8">
        <v>1.46</v>
      </c>
      <c r="AO36" s="8">
        <v>1.5</v>
      </c>
      <c r="AP36" s="8">
        <v>1.52</v>
      </c>
      <c r="AQ36" s="8">
        <v>1.64</v>
      </c>
      <c r="AR36" s="8">
        <v>1.74</v>
      </c>
      <c r="AS36" s="8">
        <v>1.56</v>
      </c>
      <c r="AT36" s="8">
        <v>1.41</v>
      </c>
      <c r="AU36" s="8">
        <v>1.53</v>
      </c>
      <c r="AV36" s="8">
        <v>1.2</v>
      </c>
      <c r="AW36" s="8">
        <v>1.24</v>
      </c>
      <c r="AX36" s="8">
        <v>1.26</v>
      </c>
      <c r="AY36" s="8">
        <v>1.31</v>
      </c>
      <c r="AZ36" s="8">
        <v>1.1200000000000001</v>
      </c>
      <c r="BA36" s="8">
        <v>1.49</v>
      </c>
      <c r="BB36" s="8">
        <v>2.44</v>
      </c>
      <c r="BC36" s="8">
        <v>2.34</v>
      </c>
      <c r="BD36" s="8">
        <v>2.34</v>
      </c>
    </row>
    <row r="37" spans="3:56" x14ac:dyDescent="0.2">
      <c r="C37" s="16" t="s">
        <v>84</v>
      </c>
      <c r="D37" s="6" t="s">
        <v>85</v>
      </c>
      <c r="E37" s="8">
        <v>0.22</v>
      </c>
      <c r="F37" s="8">
        <v>0.23</v>
      </c>
      <c r="G37" s="8">
        <v>0.24</v>
      </c>
      <c r="H37" s="8">
        <v>0.3</v>
      </c>
      <c r="I37" s="8">
        <v>0.44</v>
      </c>
      <c r="J37" s="8">
        <v>0.5</v>
      </c>
      <c r="K37" s="8">
        <v>0.51</v>
      </c>
      <c r="L37" s="8">
        <v>0.55000000000000004</v>
      </c>
      <c r="M37" s="8">
        <v>0.56999999999999995</v>
      </c>
      <c r="N37" s="8">
        <v>0.59</v>
      </c>
      <c r="O37" s="8">
        <v>0.56999999999999995</v>
      </c>
      <c r="P37" s="8">
        <v>0.55000000000000004</v>
      </c>
      <c r="Q37" s="8">
        <v>0.46</v>
      </c>
      <c r="R37" s="8">
        <v>0.39</v>
      </c>
      <c r="S37" s="8">
        <v>0.27</v>
      </c>
      <c r="T37" s="8">
        <v>0.24</v>
      </c>
      <c r="U37" s="8">
        <v>0.23</v>
      </c>
      <c r="V37" s="8">
        <v>0.24</v>
      </c>
      <c r="W37" s="8">
        <v>0.21</v>
      </c>
      <c r="X37" s="8">
        <v>0.19</v>
      </c>
      <c r="Y37" s="8">
        <v>0.21</v>
      </c>
      <c r="Z37" s="8">
        <v>0.31</v>
      </c>
      <c r="AA37" s="8">
        <v>0.25</v>
      </c>
      <c r="AB37" s="8">
        <v>0.28000000000000003</v>
      </c>
      <c r="AC37" s="8">
        <v>0.24</v>
      </c>
      <c r="AD37" s="8">
        <v>0.26</v>
      </c>
      <c r="AE37" s="8">
        <v>0.25</v>
      </c>
      <c r="AF37" s="8">
        <v>0.26</v>
      </c>
      <c r="AG37" s="8">
        <v>0.25</v>
      </c>
      <c r="AH37" s="8">
        <v>0.31</v>
      </c>
      <c r="AI37" s="8">
        <v>0.18</v>
      </c>
      <c r="AJ37" s="8">
        <v>0.21</v>
      </c>
      <c r="AK37" s="8">
        <v>0.27</v>
      </c>
      <c r="AL37" s="8">
        <v>0.27</v>
      </c>
      <c r="AM37" s="8">
        <v>0.25</v>
      </c>
      <c r="AN37" s="8">
        <v>0.32</v>
      </c>
      <c r="AO37" s="8">
        <v>0.25</v>
      </c>
      <c r="AP37" s="8">
        <v>0.31</v>
      </c>
      <c r="AQ37" s="8">
        <v>0.3</v>
      </c>
      <c r="AR37" s="8">
        <v>0.28000000000000003</v>
      </c>
      <c r="AS37" s="8">
        <v>0.27</v>
      </c>
      <c r="AT37" s="8">
        <v>0.26</v>
      </c>
      <c r="AU37" s="8">
        <v>0.2</v>
      </c>
      <c r="AV37" s="8">
        <v>0.18</v>
      </c>
      <c r="AW37" s="8">
        <v>0.17</v>
      </c>
      <c r="AX37" s="8">
        <v>0.17</v>
      </c>
      <c r="AY37" s="8">
        <v>0.17</v>
      </c>
      <c r="AZ37" s="8">
        <v>0.17</v>
      </c>
      <c r="BA37" s="8">
        <v>0.18</v>
      </c>
      <c r="BB37" s="8">
        <v>0.24</v>
      </c>
      <c r="BC37" s="8">
        <v>0.25</v>
      </c>
      <c r="BD37" s="8">
        <v>0.25</v>
      </c>
    </row>
    <row r="38" spans="3:56" x14ac:dyDescent="0.2">
      <c r="C38" s="16" t="s">
        <v>86</v>
      </c>
      <c r="D38" s="6" t="s">
        <v>58</v>
      </c>
      <c r="E38" s="8">
        <v>1.26</v>
      </c>
      <c r="F38" s="8">
        <v>1.1399999999999999</v>
      </c>
      <c r="G38" s="8">
        <v>1.06</v>
      </c>
      <c r="H38" s="8">
        <v>1.0900000000000001</v>
      </c>
      <c r="I38" s="8">
        <v>1.26</v>
      </c>
      <c r="J38" s="8">
        <v>1.41</v>
      </c>
      <c r="K38" s="8">
        <v>1.5</v>
      </c>
      <c r="L38" s="8">
        <v>1.43</v>
      </c>
      <c r="M38" s="8">
        <v>1.48</v>
      </c>
      <c r="N38" s="8">
        <v>1.52</v>
      </c>
      <c r="O38" s="8">
        <v>1.32</v>
      </c>
      <c r="P38" s="8">
        <v>1.35</v>
      </c>
      <c r="Q38" s="8">
        <v>1.1599999999999999</v>
      </c>
      <c r="R38" s="8">
        <v>0.93</v>
      </c>
      <c r="S38" s="8">
        <v>0.67</v>
      </c>
      <c r="T38" s="8">
        <v>0.64</v>
      </c>
      <c r="U38" s="8">
        <v>0.62</v>
      </c>
      <c r="V38" s="8">
        <v>0.75</v>
      </c>
      <c r="W38" s="8">
        <v>0.77</v>
      </c>
      <c r="X38" s="8">
        <v>0.56999999999999995</v>
      </c>
      <c r="Y38" s="8">
        <v>0.54</v>
      </c>
      <c r="Z38" s="8">
        <v>0.41</v>
      </c>
      <c r="AA38" s="8">
        <v>0.54</v>
      </c>
      <c r="AB38" s="8">
        <v>0.54</v>
      </c>
      <c r="AC38" s="8">
        <v>0.45</v>
      </c>
      <c r="AD38" s="8">
        <v>0.48</v>
      </c>
      <c r="AE38" s="8">
        <v>0.43</v>
      </c>
      <c r="AF38" s="8">
        <v>0.43</v>
      </c>
      <c r="AG38" s="8">
        <v>0.42</v>
      </c>
      <c r="AH38" s="8">
        <v>0.45</v>
      </c>
      <c r="AI38" s="8">
        <v>0.61</v>
      </c>
      <c r="AJ38" s="8">
        <v>0.61</v>
      </c>
      <c r="AK38" s="8">
        <v>0.63</v>
      </c>
      <c r="AL38" s="8">
        <v>0.47</v>
      </c>
      <c r="AM38" s="8">
        <v>0.51</v>
      </c>
      <c r="AN38" s="8">
        <v>0.65</v>
      </c>
      <c r="AO38" s="8">
        <v>0.63</v>
      </c>
      <c r="AP38" s="8">
        <v>0.55000000000000004</v>
      </c>
      <c r="AQ38" s="8">
        <v>0.65</v>
      </c>
      <c r="AR38" s="8">
        <v>0.79</v>
      </c>
      <c r="AS38" s="8">
        <v>0.88</v>
      </c>
      <c r="AT38" s="8">
        <v>0.92</v>
      </c>
      <c r="AU38" s="8">
        <v>0.75</v>
      </c>
      <c r="AV38" s="8">
        <v>0.51</v>
      </c>
      <c r="AW38" s="8">
        <v>0.48</v>
      </c>
      <c r="AX38" s="8">
        <v>0.48</v>
      </c>
      <c r="AY38" s="8">
        <v>0.36</v>
      </c>
      <c r="AZ38" s="8">
        <v>0.4</v>
      </c>
      <c r="BA38" s="8">
        <v>0.6</v>
      </c>
      <c r="BB38" s="8">
        <v>0.55000000000000004</v>
      </c>
      <c r="BC38" s="8">
        <v>0.5</v>
      </c>
      <c r="BD38" s="8">
        <v>0.5</v>
      </c>
    </row>
    <row r="39" spans="3:56" x14ac:dyDescent="0.2">
      <c r="C39" s="16" t="s">
        <v>104</v>
      </c>
      <c r="D39" s="6" t="s">
        <v>58</v>
      </c>
      <c r="E39" s="8">
        <v>0.6</v>
      </c>
      <c r="F39" s="8">
        <v>0.92</v>
      </c>
      <c r="G39" s="8">
        <v>1.02</v>
      </c>
      <c r="H39" s="8">
        <v>0.78</v>
      </c>
      <c r="I39" s="8">
        <v>0.82</v>
      </c>
      <c r="J39" s="8">
        <v>0.77</v>
      </c>
      <c r="K39" s="17">
        <v>0.75</v>
      </c>
      <c r="L39" s="17">
        <v>0.68</v>
      </c>
      <c r="M39" s="8">
        <v>0.69</v>
      </c>
      <c r="N39" s="8">
        <v>0.8</v>
      </c>
      <c r="O39" s="8">
        <v>0.77</v>
      </c>
      <c r="P39" s="8">
        <v>0.68</v>
      </c>
      <c r="Q39" s="8">
        <v>0.67</v>
      </c>
      <c r="R39" s="8">
        <v>0.6</v>
      </c>
      <c r="S39" s="8">
        <v>0.92</v>
      </c>
      <c r="T39" s="8">
        <v>1.19</v>
      </c>
      <c r="U39" s="8">
        <v>1.24</v>
      </c>
      <c r="V39" s="8">
        <v>1.3</v>
      </c>
      <c r="W39" s="8">
        <v>1.06</v>
      </c>
      <c r="X39" s="8">
        <v>0.6</v>
      </c>
      <c r="Y39" s="8">
        <v>0.46</v>
      </c>
      <c r="Z39" s="8">
        <v>0.33</v>
      </c>
      <c r="AA39" s="8">
        <v>0.3</v>
      </c>
      <c r="AB39" s="8">
        <v>0.25</v>
      </c>
      <c r="AC39" s="8">
        <v>0.33</v>
      </c>
      <c r="AD39" s="8">
        <v>0.3</v>
      </c>
      <c r="AE39" s="8">
        <v>0.28000000000000003</v>
      </c>
      <c r="AF39" s="8">
        <v>0.36</v>
      </c>
      <c r="AG39" s="8">
        <v>0.55000000000000004</v>
      </c>
      <c r="AH39" s="8">
        <v>0.45</v>
      </c>
      <c r="AI39" s="8">
        <v>0.43</v>
      </c>
      <c r="AJ39" s="8">
        <v>0.43</v>
      </c>
      <c r="AK39" s="8">
        <v>0.55000000000000004</v>
      </c>
      <c r="AL39" s="8">
        <v>0.55000000000000004</v>
      </c>
      <c r="AM39" s="8">
        <v>0.57999999999999996</v>
      </c>
      <c r="AN39" s="8">
        <v>0.52</v>
      </c>
      <c r="AO39" s="8">
        <v>0.51</v>
      </c>
      <c r="AP39" s="8">
        <v>0.51</v>
      </c>
      <c r="AQ39" s="8">
        <v>0.52</v>
      </c>
      <c r="AR39" s="8">
        <v>0.61</v>
      </c>
      <c r="AS39" s="8">
        <v>0.53</v>
      </c>
      <c r="AT39" s="8">
        <v>0.49</v>
      </c>
      <c r="AU39" s="8">
        <v>0.46</v>
      </c>
      <c r="AV39" s="8">
        <v>0.4</v>
      </c>
      <c r="AW39" s="8">
        <v>0.41</v>
      </c>
      <c r="AX39" s="8">
        <v>0.38</v>
      </c>
      <c r="AY39" s="8">
        <v>0.39</v>
      </c>
      <c r="AZ39" s="8">
        <v>0.36</v>
      </c>
      <c r="BA39" s="8">
        <v>0.45</v>
      </c>
      <c r="BB39" s="8">
        <v>0.5</v>
      </c>
      <c r="BC39" s="8">
        <v>0.52</v>
      </c>
      <c r="BD39" s="8">
        <v>0.51</v>
      </c>
    </row>
    <row r="40" spans="3:56" x14ac:dyDescent="0.2">
      <c r="C40" s="16" t="s">
        <v>87</v>
      </c>
      <c r="D40" s="6" t="s">
        <v>58</v>
      </c>
      <c r="E40" s="8">
        <v>0.1</v>
      </c>
      <c r="F40" s="8">
        <v>0.12</v>
      </c>
      <c r="G40" s="8">
        <v>0.11</v>
      </c>
      <c r="H40" s="8">
        <v>0.11</v>
      </c>
      <c r="I40" s="8">
        <v>0.1</v>
      </c>
      <c r="J40" s="8">
        <v>0.09</v>
      </c>
      <c r="K40" s="8">
        <v>0.09</v>
      </c>
      <c r="L40" s="8">
        <v>0.09</v>
      </c>
      <c r="M40" s="8">
        <v>0.12</v>
      </c>
      <c r="N40" s="8">
        <v>0.14000000000000001</v>
      </c>
      <c r="O40" s="8">
        <v>0.15</v>
      </c>
      <c r="P40" s="8">
        <v>0.15</v>
      </c>
      <c r="Q40" s="8">
        <v>0.15</v>
      </c>
      <c r="R40" s="8">
        <v>0.17</v>
      </c>
      <c r="S40" s="8">
        <v>0.15</v>
      </c>
      <c r="T40" s="8">
        <v>0.15</v>
      </c>
      <c r="U40" s="8">
        <v>0.15</v>
      </c>
      <c r="V40" s="8">
        <v>0.16</v>
      </c>
      <c r="W40" s="8">
        <v>0.16</v>
      </c>
      <c r="X40" s="8">
        <v>0.16</v>
      </c>
      <c r="Y40" s="8">
        <v>0.16</v>
      </c>
      <c r="Z40" s="8">
        <v>0.16</v>
      </c>
      <c r="AA40" s="8">
        <v>0.16</v>
      </c>
      <c r="AB40" s="8">
        <v>0.14000000000000001</v>
      </c>
      <c r="AC40" s="8">
        <v>0.2</v>
      </c>
      <c r="AD40" s="8">
        <v>0.25</v>
      </c>
      <c r="AE40" s="8">
        <v>0.2</v>
      </c>
      <c r="AF40" s="8">
        <v>0.16</v>
      </c>
      <c r="AG40" s="8">
        <v>0.15</v>
      </c>
      <c r="AH40" s="8">
        <v>0.14000000000000001</v>
      </c>
      <c r="AI40" s="8">
        <v>0.12</v>
      </c>
      <c r="AJ40" s="8">
        <v>0.12</v>
      </c>
      <c r="AK40" s="8">
        <v>0.12</v>
      </c>
      <c r="AL40" s="8">
        <v>0.12</v>
      </c>
      <c r="AM40" s="8">
        <v>0.09</v>
      </c>
      <c r="AN40" s="8">
        <v>0.09</v>
      </c>
      <c r="AO40" s="8">
        <v>0.09</v>
      </c>
      <c r="AP40" s="8">
        <v>0.09</v>
      </c>
      <c r="AQ40" s="8">
        <v>0.1</v>
      </c>
      <c r="AR40" s="8">
        <v>0.12</v>
      </c>
      <c r="AS40" s="8">
        <v>0.13</v>
      </c>
      <c r="AT40" s="8">
        <v>0.11</v>
      </c>
      <c r="AU40" s="8">
        <v>0.12</v>
      </c>
      <c r="AV40" s="8">
        <v>0.13</v>
      </c>
      <c r="AW40" s="8">
        <v>0.15</v>
      </c>
      <c r="AX40" s="8">
        <v>0.15</v>
      </c>
      <c r="AY40" s="8">
        <v>0.15</v>
      </c>
      <c r="AZ40" s="8">
        <v>0.14000000000000001</v>
      </c>
      <c r="BA40" s="8">
        <v>0.12</v>
      </c>
      <c r="BB40" s="8">
        <v>0.11</v>
      </c>
      <c r="BC40" s="8">
        <v>0.11</v>
      </c>
      <c r="BD40" s="8">
        <v>0.11</v>
      </c>
    </row>
    <row r="41" spans="3:56" x14ac:dyDescent="0.2">
      <c r="C41" s="16" t="s">
        <v>88</v>
      </c>
      <c r="D41" s="6" t="s">
        <v>58</v>
      </c>
      <c r="E41" s="8">
        <v>0.2</v>
      </c>
      <c r="F41" s="8">
        <v>0.19</v>
      </c>
      <c r="G41" s="8">
        <v>0.18</v>
      </c>
      <c r="H41" s="8">
        <v>0.19</v>
      </c>
      <c r="I41" s="8">
        <v>0.18</v>
      </c>
      <c r="J41" s="8">
        <v>0.2</v>
      </c>
      <c r="K41" s="8">
        <v>0.23</v>
      </c>
      <c r="L41" s="8">
        <v>0.26</v>
      </c>
      <c r="M41" s="8">
        <v>0.25</v>
      </c>
      <c r="N41" s="8">
        <v>0.31</v>
      </c>
      <c r="O41" s="8">
        <v>0.36</v>
      </c>
      <c r="P41" s="8">
        <v>0.38</v>
      </c>
      <c r="Q41" s="8">
        <v>0.36</v>
      </c>
      <c r="R41" s="8">
        <v>0.37</v>
      </c>
      <c r="S41" s="8">
        <v>0.36</v>
      </c>
      <c r="T41" s="8">
        <v>0.32</v>
      </c>
      <c r="U41" s="8">
        <v>0.3</v>
      </c>
      <c r="V41" s="8">
        <v>0.28999999999999998</v>
      </c>
      <c r="W41" s="8">
        <v>0.27</v>
      </c>
      <c r="X41" s="8">
        <v>0.26</v>
      </c>
      <c r="Y41" s="8">
        <v>0.27</v>
      </c>
      <c r="Z41" s="8">
        <v>0.28000000000000003</v>
      </c>
      <c r="AA41" s="8">
        <v>0.28000000000000003</v>
      </c>
      <c r="AB41" s="8">
        <v>0.26</v>
      </c>
      <c r="AC41" s="8">
        <v>0.25</v>
      </c>
      <c r="AD41" s="8">
        <v>0.25</v>
      </c>
      <c r="AE41" s="8">
        <v>0.25</v>
      </c>
      <c r="AF41" s="8">
        <v>0.3</v>
      </c>
      <c r="AG41" s="8">
        <v>0.28000000000000003</v>
      </c>
      <c r="AH41" s="8">
        <v>0.28000000000000003</v>
      </c>
      <c r="AI41" s="8">
        <v>0.24</v>
      </c>
      <c r="AJ41" s="8">
        <v>0.24</v>
      </c>
      <c r="AK41" s="8">
        <v>0.24</v>
      </c>
      <c r="AL41" s="8">
        <v>0.23</v>
      </c>
      <c r="AM41" s="8">
        <v>0.24</v>
      </c>
      <c r="AN41" s="8">
        <v>0.3</v>
      </c>
      <c r="AO41" s="8">
        <v>0.3</v>
      </c>
      <c r="AP41" s="8">
        <v>0.24</v>
      </c>
      <c r="AQ41" s="8">
        <v>0.28000000000000003</v>
      </c>
      <c r="AR41" s="8">
        <v>0.28000000000000003</v>
      </c>
      <c r="AS41" s="8">
        <v>0.27</v>
      </c>
      <c r="AT41" s="8">
        <v>0.26</v>
      </c>
      <c r="AU41" s="8">
        <v>0.25</v>
      </c>
      <c r="AV41" s="8">
        <v>0.25</v>
      </c>
      <c r="AW41" s="8">
        <v>0.24</v>
      </c>
      <c r="AX41" s="8">
        <v>0.21</v>
      </c>
      <c r="AY41" s="8">
        <v>0.2</v>
      </c>
      <c r="AZ41" s="8">
        <v>0.18</v>
      </c>
      <c r="BA41" s="8">
        <v>0.17</v>
      </c>
      <c r="BB41" s="8">
        <v>0.14000000000000001</v>
      </c>
      <c r="BC41" s="8">
        <v>0.14000000000000001</v>
      </c>
      <c r="BD41" s="8">
        <v>0.14000000000000001</v>
      </c>
    </row>
    <row r="42" spans="3:56" x14ac:dyDescent="0.2">
      <c r="C42" s="16" t="s">
        <v>89</v>
      </c>
      <c r="D42" s="6" t="s">
        <v>58</v>
      </c>
      <c r="E42" s="8">
        <v>0.41</v>
      </c>
      <c r="F42" s="8">
        <v>0.41</v>
      </c>
      <c r="G42" s="8">
        <v>0.41</v>
      </c>
      <c r="H42" s="8">
        <v>0.4</v>
      </c>
      <c r="I42" s="8">
        <v>0.4</v>
      </c>
      <c r="J42" s="8">
        <v>0.4</v>
      </c>
      <c r="K42" s="8">
        <v>0.42</v>
      </c>
      <c r="L42" s="8">
        <v>0.42</v>
      </c>
      <c r="M42" s="8">
        <v>0.42</v>
      </c>
      <c r="N42" s="8">
        <v>0.42</v>
      </c>
      <c r="O42" s="8">
        <v>0.42</v>
      </c>
      <c r="P42" s="8">
        <v>0.42</v>
      </c>
      <c r="Q42" s="8">
        <v>0.42</v>
      </c>
      <c r="R42" s="8">
        <v>0.42</v>
      </c>
      <c r="S42" s="8">
        <v>0.39</v>
      </c>
      <c r="T42" s="8">
        <v>0.38</v>
      </c>
      <c r="U42" s="8">
        <v>0.38</v>
      </c>
      <c r="V42" s="8">
        <v>0.38</v>
      </c>
      <c r="W42" s="8">
        <v>0.36</v>
      </c>
      <c r="X42" s="8">
        <v>0.36</v>
      </c>
      <c r="Y42" s="8">
        <v>0.36</v>
      </c>
      <c r="Z42" s="8">
        <v>0.36</v>
      </c>
      <c r="AA42" s="8">
        <v>0.33</v>
      </c>
      <c r="AB42" s="8">
        <v>0.33</v>
      </c>
      <c r="AC42" s="8">
        <v>0.31</v>
      </c>
      <c r="AD42" s="8">
        <v>0.28000000000000003</v>
      </c>
      <c r="AE42" s="8">
        <v>0.27</v>
      </c>
      <c r="AF42" s="8">
        <v>0.25</v>
      </c>
      <c r="AG42" s="8">
        <v>0.25</v>
      </c>
      <c r="AH42" s="8">
        <v>0.25</v>
      </c>
      <c r="AI42" s="8">
        <v>0.2</v>
      </c>
      <c r="AJ42" s="8">
        <v>0.21</v>
      </c>
      <c r="AK42" s="8">
        <v>0.2</v>
      </c>
      <c r="AL42" s="8">
        <v>0.18</v>
      </c>
      <c r="AM42" s="8">
        <v>0.2</v>
      </c>
      <c r="AN42" s="8">
        <v>0.19</v>
      </c>
      <c r="AO42" s="8">
        <v>0.19</v>
      </c>
      <c r="AP42" s="8">
        <v>0.22</v>
      </c>
      <c r="AQ42" s="8">
        <v>0.25</v>
      </c>
      <c r="AR42" s="8">
        <v>0.25</v>
      </c>
      <c r="AS42" s="8">
        <v>0.25</v>
      </c>
      <c r="AT42" s="8">
        <v>0.26</v>
      </c>
      <c r="AU42" s="8">
        <v>0.28000000000000003</v>
      </c>
      <c r="AV42" s="8">
        <v>0.25</v>
      </c>
      <c r="AW42" s="8">
        <v>0.22</v>
      </c>
      <c r="AX42" s="8">
        <v>0.22</v>
      </c>
      <c r="AY42" s="8">
        <v>0.22</v>
      </c>
      <c r="AZ42" s="8">
        <v>0.22</v>
      </c>
      <c r="BA42" s="8">
        <v>0.21</v>
      </c>
      <c r="BB42" s="8">
        <v>0.22</v>
      </c>
      <c r="BC42" s="8">
        <v>0.22</v>
      </c>
      <c r="BD42" s="8">
        <v>0.22</v>
      </c>
    </row>
    <row r="43" spans="3:56" x14ac:dyDescent="0.2">
      <c r="C43" s="18" t="s">
        <v>91</v>
      </c>
      <c r="D43" s="6" t="s">
        <v>58</v>
      </c>
      <c r="E43" s="8">
        <v>0.16</v>
      </c>
      <c r="F43" s="8">
        <v>0.16</v>
      </c>
      <c r="G43" s="8">
        <v>0.19</v>
      </c>
      <c r="H43" s="8">
        <v>0.18</v>
      </c>
      <c r="I43" s="8">
        <v>0.2</v>
      </c>
      <c r="J43" s="8">
        <v>0.24</v>
      </c>
      <c r="K43" s="17">
        <v>0.27</v>
      </c>
      <c r="L43" s="17">
        <v>0.26</v>
      </c>
      <c r="M43" s="17"/>
      <c r="N43" s="17"/>
      <c r="O43" s="17"/>
      <c r="P43" s="17"/>
      <c r="Q43" s="17"/>
      <c r="R43" s="17"/>
      <c r="S43" s="17"/>
      <c r="T43" s="17"/>
      <c r="U43" s="17"/>
      <c r="V43" s="17"/>
      <c r="W43" s="17"/>
      <c r="X43" s="17"/>
      <c r="Y43" s="17"/>
      <c r="Z43" s="17"/>
      <c r="AA43" s="17"/>
      <c r="AB43" s="17"/>
      <c r="AC43" s="8"/>
      <c r="AD43" s="17"/>
      <c r="AE43" s="17"/>
      <c r="AF43" s="17"/>
      <c r="AG43" s="17"/>
      <c r="AH43" s="17"/>
      <c r="AI43" s="20"/>
      <c r="AJ43" s="17"/>
      <c r="AK43" s="17"/>
      <c r="AL43" s="17"/>
      <c r="AM43" s="17"/>
      <c r="AN43" s="17"/>
      <c r="AO43" s="17"/>
      <c r="AP43" s="8">
        <v>0.26</v>
      </c>
      <c r="AQ43" s="8">
        <v>0.25</v>
      </c>
      <c r="AR43" s="8">
        <v>0.23</v>
      </c>
      <c r="AS43" s="8">
        <v>0.23</v>
      </c>
      <c r="AT43" s="8">
        <v>0.22</v>
      </c>
      <c r="AU43" s="8">
        <v>0.21</v>
      </c>
      <c r="AV43" s="8">
        <v>0.21</v>
      </c>
      <c r="AW43" s="8">
        <v>0.2</v>
      </c>
      <c r="AX43" s="8">
        <v>0.18</v>
      </c>
      <c r="AY43" s="8">
        <v>0.18</v>
      </c>
      <c r="AZ43" s="8">
        <v>0.17</v>
      </c>
      <c r="BA43" s="8">
        <v>0.17</v>
      </c>
      <c r="BB43" s="8">
        <v>0.16</v>
      </c>
      <c r="BC43" s="8">
        <v>0.2</v>
      </c>
      <c r="BD43" s="8">
        <v>0.2</v>
      </c>
    </row>
    <row r="44" spans="3:56" x14ac:dyDescent="0.2">
      <c r="C44" s="18" t="s">
        <v>93</v>
      </c>
      <c r="D44" s="6" t="s">
        <v>58</v>
      </c>
      <c r="E44" s="17"/>
      <c r="F44" s="17"/>
      <c r="G44" s="17"/>
      <c r="H44" s="17"/>
      <c r="I44" s="17"/>
      <c r="J44" s="17"/>
      <c r="K44" s="17"/>
      <c r="L44" s="17">
        <v>0.31</v>
      </c>
      <c r="M44" s="8">
        <v>0.34</v>
      </c>
      <c r="N44" s="8">
        <v>0.4</v>
      </c>
      <c r="O44" s="8">
        <v>0.4</v>
      </c>
      <c r="P44" s="17">
        <v>0.37</v>
      </c>
      <c r="Q44" s="8">
        <v>0.32</v>
      </c>
      <c r="R44" s="8">
        <v>0.26</v>
      </c>
      <c r="S44" s="8">
        <v>0.26</v>
      </c>
      <c r="T44" s="8">
        <v>0.24</v>
      </c>
      <c r="U44" s="8">
        <v>0.22</v>
      </c>
      <c r="V44" s="8">
        <v>0.19</v>
      </c>
      <c r="W44" s="8">
        <v>0.19</v>
      </c>
      <c r="X44" s="8">
        <v>0.17</v>
      </c>
      <c r="Y44" s="8">
        <v>0.17</v>
      </c>
      <c r="Z44" s="8"/>
      <c r="AA44" s="8"/>
      <c r="AB44" s="8"/>
      <c r="AC44" s="17"/>
      <c r="AD44" s="17"/>
      <c r="AE44" s="17"/>
      <c r="AF44" s="17"/>
      <c r="AG44" s="17"/>
      <c r="AH44" s="17"/>
      <c r="AI44" s="17"/>
      <c r="AJ44" s="17"/>
      <c r="AK44" s="17"/>
      <c r="AL44" s="17"/>
      <c r="AM44" s="17"/>
      <c r="AN44" s="17"/>
      <c r="AO44" s="17"/>
      <c r="AP44" s="8"/>
      <c r="AQ44" s="17"/>
      <c r="AR44" s="17"/>
      <c r="AS44" s="17"/>
      <c r="AT44" s="17"/>
      <c r="AU44" s="17"/>
      <c r="AV44" s="17"/>
      <c r="AW44" s="17"/>
      <c r="AX44" s="17"/>
      <c r="AY44" s="17"/>
      <c r="AZ44" s="17"/>
      <c r="BA44" s="17"/>
      <c r="BB44" s="17"/>
      <c r="BC44" s="17"/>
      <c r="BD44" s="17"/>
    </row>
    <row r="45" spans="3:56" x14ac:dyDescent="0.2">
      <c r="C45" s="16" t="s">
        <v>95</v>
      </c>
      <c r="D45" s="6" t="s">
        <v>58</v>
      </c>
      <c r="E45" s="17">
        <v>0.41</v>
      </c>
      <c r="F45" s="17">
        <v>0.44</v>
      </c>
      <c r="G45" s="17">
        <v>0.44</v>
      </c>
      <c r="H45" s="17">
        <v>0.44</v>
      </c>
      <c r="I45" s="17">
        <v>0.43</v>
      </c>
      <c r="J45" s="17">
        <v>0.43</v>
      </c>
      <c r="K45" s="17">
        <v>0.43</v>
      </c>
      <c r="L45" s="17">
        <v>0.43</v>
      </c>
      <c r="M45" s="17">
        <v>0.43</v>
      </c>
      <c r="N45" s="17">
        <v>0.43</v>
      </c>
      <c r="O45" s="17">
        <v>0.43</v>
      </c>
      <c r="P45" s="17">
        <v>0.43</v>
      </c>
      <c r="Q45" s="17">
        <v>0.43</v>
      </c>
      <c r="R45" s="17">
        <v>0.43</v>
      </c>
      <c r="S45" s="17">
        <v>0.4</v>
      </c>
      <c r="T45" s="17">
        <v>0.36</v>
      </c>
      <c r="U45" s="17">
        <v>0.36</v>
      </c>
      <c r="V45" s="17">
        <v>0.36</v>
      </c>
      <c r="W45" s="17">
        <v>0.36</v>
      </c>
      <c r="X45" s="17">
        <v>0.36</v>
      </c>
      <c r="Y45" s="17">
        <v>0.36</v>
      </c>
      <c r="Z45" s="17">
        <v>0.36</v>
      </c>
      <c r="AA45" s="17"/>
      <c r="AB45" s="17"/>
      <c r="AC45" s="17"/>
      <c r="AD45" s="17"/>
      <c r="AE45" s="17"/>
      <c r="AF45" s="21"/>
      <c r="AG45" s="21"/>
      <c r="AH45" s="17"/>
      <c r="AI45" s="17"/>
      <c r="AJ45" s="17">
        <v>0.28999999999999998</v>
      </c>
      <c r="AK45" s="17">
        <v>0.31</v>
      </c>
      <c r="AL45" s="17">
        <v>0.31</v>
      </c>
      <c r="AM45" s="17">
        <v>0.32</v>
      </c>
      <c r="AN45" s="17">
        <v>0.32</v>
      </c>
      <c r="AO45" s="17">
        <v>0.32</v>
      </c>
      <c r="AP45" s="17">
        <v>0.32</v>
      </c>
      <c r="AQ45" s="17">
        <v>0.32</v>
      </c>
      <c r="AR45" s="17">
        <v>0.32</v>
      </c>
      <c r="AS45" s="17">
        <v>0.32</v>
      </c>
      <c r="AT45" s="17">
        <v>0.32</v>
      </c>
      <c r="AU45" s="17">
        <v>0.32</v>
      </c>
      <c r="AV45" s="17">
        <v>0.32</v>
      </c>
      <c r="AW45" s="17">
        <v>0.32</v>
      </c>
      <c r="AX45" s="17">
        <v>0.32</v>
      </c>
      <c r="AY45" s="17">
        <v>0.32</v>
      </c>
      <c r="AZ45" s="17">
        <v>0.32</v>
      </c>
      <c r="BA45" s="17">
        <v>0.32</v>
      </c>
      <c r="BB45" s="17">
        <v>0.31</v>
      </c>
      <c r="BC45" s="17">
        <v>0.32</v>
      </c>
      <c r="BD45" s="17">
        <v>0.32</v>
      </c>
    </row>
    <row r="46" spans="3:56" x14ac:dyDescent="0.2">
      <c r="C46" s="23" t="s">
        <v>96</v>
      </c>
      <c r="D46" s="6" t="s">
        <v>58</v>
      </c>
      <c r="E46" s="17">
        <v>0.56000000000000005</v>
      </c>
      <c r="F46" s="17">
        <v>0.56000000000000005</v>
      </c>
      <c r="G46" s="17">
        <v>0.59</v>
      </c>
      <c r="H46" s="17">
        <v>0.59</v>
      </c>
      <c r="I46" s="17">
        <v>0.59</v>
      </c>
      <c r="J46" s="17">
        <v>0.56000000000000005</v>
      </c>
      <c r="K46" s="17">
        <v>0.55000000000000004</v>
      </c>
      <c r="L46" s="17">
        <v>0.5</v>
      </c>
      <c r="M46" s="17">
        <v>0.49</v>
      </c>
      <c r="N46" s="17">
        <v>0.49</v>
      </c>
      <c r="O46" s="17">
        <v>0.49</v>
      </c>
      <c r="P46" s="17">
        <v>0.49</v>
      </c>
      <c r="Q46" s="17">
        <v>0.49</v>
      </c>
      <c r="R46" s="17">
        <v>0.49</v>
      </c>
      <c r="S46" s="17">
        <v>0.49</v>
      </c>
      <c r="T46" s="17">
        <v>0.49</v>
      </c>
      <c r="U46" s="17">
        <v>0.5</v>
      </c>
      <c r="V46" s="17">
        <v>0.5</v>
      </c>
      <c r="W46" s="17">
        <v>0.6</v>
      </c>
      <c r="X46" s="17">
        <v>0.57999999999999996</v>
      </c>
      <c r="Y46" s="17">
        <v>0.6</v>
      </c>
      <c r="Z46" s="17">
        <v>0.6</v>
      </c>
      <c r="AA46" s="17">
        <v>0.57999999999999996</v>
      </c>
      <c r="AB46" s="17">
        <v>0.57999999999999996</v>
      </c>
      <c r="AC46" s="17">
        <v>0.35</v>
      </c>
      <c r="AD46" s="17">
        <v>0.35</v>
      </c>
      <c r="AE46" s="17">
        <v>0.26</v>
      </c>
      <c r="AF46" s="17">
        <v>0.22</v>
      </c>
      <c r="AG46" s="17">
        <v>0.3</v>
      </c>
      <c r="AH46" s="17">
        <v>0.37</v>
      </c>
      <c r="AI46" s="17">
        <v>0.36</v>
      </c>
      <c r="AJ46" s="17">
        <v>0.36</v>
      </c>
      <c r="AK46" s="17">
        <v>0.46</v>
      </c>
      <c r="AL46" s="17">
        <v>0.46</v>
      </c>
      <c r="AM46" s="17">
        <v>0.46</v>
      </c>
      <c r="AN46" s="17">
        <v>0.46</v>
      </c>
      <c r="AO46" s="17">
        <v>0.51</v>
      </c>
      <c r="AP46" s="17">
        <v>0.51</v>
      </c>
      <c r="AQ46" s="17">
        <v>0.5</v>
      </c>
      <c r="AR46" s="17">
        <v>0.51</v>
      </c>
      <c r="AS46" s="17">
        <v>0.51</v>
      </c>
      <c r="AT46" s="17">
        <v>0.51</v>
      </c>
      <c r="AU46" s="17">
        <v>0.51</v>
      </c>
      <c r="AV46" s="17">
        <v>0.51</v>
      </c>
      <c r="AW46" s="17">
        <v>0.54</v>
      </c>
      <c r="AX46" s="17">
        <v>0.66</v>
      </c>
      <c r="AY46" s="17">
        <v>0.66</v>
      </c>
      <c r="AZ46" s="17">
        <v>0.66</v>
      </c>
      <c r="BA46" s="17">
        <v>0.66</v>
      </c>
      <c r="BB46" s="17">
        <v>0.66</v>
      </c>
      <c r="BC46" s="17">
        <v>0.56999999999999995</v>
      </c>
      <c r="BD46" s="17">
        <v>0.46</v>
      </c>
    </row>
    <row r="49" spans="3:56" x14ac:dyDescent="0.2">
      <c r="C49" s="1" t="s">
        <v>1</v>
      </c>
    </row>
    <row r="50" spans="3:56" x14ac:dyDescent="0.2">
      <c r="E50" s="2">
        <v>2005</v>
      </c>
      <c r="F50" s="2"/>
      <c r="G50" s="2"/>
      <c r="H50" s="2"/>
      <c r="I50" s="2"/>
      <c r="J50" s="2"/>
      <c r="K50" s="2"/>
      <c r="L50" s="2"/>
      <c r="M50" s="2"/>
      <c r="N50" s="2"/>
      <c r="O50" s="2"/>
      <c r="P50" s="2"/>
      <c r="Q50" s="2"/>
      <c r="R50" s="2"/>
      <c r="S50" s="2"/>
      <c r="T50" s="2"/>
      <c r="U50" s="2"/>
      <c r="V50" s="2"/>
      <c r="W50" s="2"/>
      <c r="X50" s="2"/>
      <c r="Y50" s="2"/>
      <c r="Z50" s="2"/>
      <c r="AA50" s="2"/>
      <c r="AB50" s="2"/>
      <c r="AC50" s="2"/>
      <c r="AD50" s="2"/>
      <c r="AE50" s="2"/>
      <c r="AF50" s="2"/>
      <c r="AG50" s="2"/>
      <c r="AH50" s="2"/>
      <c r="AI50" s="2"/>
      <c r="AJ50" s="2"/>
      <c r="AK50" s="2"/>
      <c r="AL50" s="2"/>
      <c r="AM50" s="2"/>
      <c r="AN50" s="2"/>
      <c r="AO50" s="2"/>
      <c r="AP50" s="2"/>
      <c r="AQ50" s="2"/>
      <c r="AR50" s="2"/>
      <c r="AS50" s="2"/>
      <c r="AT50" s="2"/>
      <c r="AU50" s="2"/>
      <c r="AV50" s="2"/>
      <c r="AW50" s="2"/>
      <c r="AX50" s="2"/>
      <c r="AY50" s="2"/>
      <c r="AZ50" s="2"/>
      <c r="BA50" s="2"/>
      <c r="BB50" s="2"/>
      <c r="BC50" s="2"/>
      <c r="BD50" s="2"/>
    </row>
    <row r="51" spans="3:56" x14ac:dyDescent="0.2">
      <c r="C51" s="3" t="s">
        <v>2</v>
      </c>
      <c r="D51" s="3" t="s">
        <v>3</v>
      </c>
      <c r="E51" s="4" t="s">
        <v>15</v>
      </c>
      <c r="F51" s="4" t="s">
        <v>16</v>
      </c>
      <c r="G51" s="4" t="s">
        <v>17</v>
      </c>
      <c r="H51" s="4" t="s">
        <v>18</v>
      </c>
      <c r="I51" s="4" t="s">
        <v>19</v>
      </c>
      <c r="J51" s="4" t="s">
        <v>20</v>
      </c>
      <c r="K51" s="4" t="s">
        <v>21</v>
      </c>
      <c r="L51" s="4" t="s">
        <v>22</v>
      </c>
      <c r="M51" s="4" t="s">
        <v>23</v>
      </c>
      <c r="N51" s="4" t="s">
        <v>24</v>
      </c>
      <c r="O51" s="4" t="s">
        <v>25</v>
      </c>
      <c r="P51" s="4" t="s">
        <v>26</v>
      </c>
      <c r="Q51" s="4" t="s">
        <v>27</v>
      </c>
      <c r="R51" s="4" t="s">
        <v>28</v>
      </c>
      <c r="S51" s="4" t="s">
        <v>29</v>
      </c>
      <c r="T51" s="4" t="s">
        <v>30</v>
      </c>
      <c r="U51" s="4" t="s">
        <v>31</v>
      </c>
      <c r="V51" s="4" t="s">
        <v>32</v>
      </c>
      <c r="W51" s="4" t="s">
        <v>33</v>
      </c>
      <c r="X51" s="4" t="s">
        <v>34</v>
      </c>
      <c r="Y51" s="4" t="s">
        <v>35</v>
      </c>
      <c r="Z51" s="4" t="s">
        <v>36</v>
      </c>
      <c r="AA51" s="4" t="s">
        <v>37</v>
      </c>
      <c r="AB51" s="4" t="s">
        <v>38</v>
      </c>
      <c r="AC51" s="4" t="s">
        <v>39</v>
      </c>
      <c r="AD51" s="4" t="s">
        <v>40</v>
      </c>
      <c r="AE51" s="4" t="s">
        <v>41</v>
      </c>
      <c r="AF51" s="4" t="s">
        <v>42</v>
      </c>
      <c r="AG51" s="4" t="s">
        <v>43</v>
      </c>
      <c r="AH51" s="4" t="s">
        <v>44</v>
      </c>
      <c r="AI51" s="4" t="s">
        <v>45</v>
      </c>
      <c r="AJ51" s="4" t="s">
        <v>46</v>
      </c>
      <c r="AK51" s="4" t="s">
        <v>47</v>
      </c>
      <c r="AL51" s="4" t="s">
        <v>48</v>
      </c>
      <c r="AM51" s="4" t="s">
        <v>49</v>
      </c>
      <c r="AN51" s="4" t="s">
        <v>50</v>
      </c>
      <c r="AO51" s="4" t="s">
        <v>51</v>
      </c>
      <c r="AP51" s="4" t="s">
        <v>52</v>
      </c>
      <c r="AQ51" s="4" t="s">
        <v>53</v>
      </c>
      <c r="AR51" s="4" t="s">
        <v>54</v>
      </c>
      <c r="AS51" s="4" t="s">
        <v>55</v>
      </c>
      <c r="AT51" s="4" t="s">
        <v>4</v>
      </c>
      <c r="AU51" s="4" t="s">
        <v>5</v>
      </c>
      <c r="AV51" s="4" t="s">
        <v>6</v>
      </c>
      <c r="AW51" s="4" t="s">
        <v>7</v>
      </c>
      <c r="AX51" s="4" t="s">
        <v>8</v>
      </c>
      <c r="AY51" s="4" t="s">
        <v>9</v>
      </c>
      <c r="AZ51" s="4" t="s">
        <v>10</v>
      </c>
      <c r="BA51" s="4" t="s">
        <v>11</v>
      </c>
      <c r="BB51" s="4" t="s">
        <v>12</v>
      </c>
      <c r="BC51" s="4" t="s">
        <v>13</v>
      </c>
      <c r="BD51" s="4" t="s">
        <v>14</v>
      </c>
    </row>
    <row r="52" spans="3:56" x14ac:dyDescent="0.2">
      <c r="C52" s="5" t="s">
        <v>57</v>
      </c>
      <c r="D52" s="6" t="s">
        <v>58</v>
      </c>
      <c r="E52" s="8"/>
      <c r="F52" s="8"/>
      <c r="G52" s="8"/>
      <c r="H52" s="8"/>
      <c r="I52" s="8"/>
      <c r="J52" s="8"/>
      <c r="K52" s="8"/>
      <c r="L52" s="8"/>
      <c r="M52" s="8"/>
      <c r="N52" s="8"/>
      <c r="O52" s="8"/>
      <c r="P52" s="8"/>
      <c r="Q52" s="8"/>
      <c r="R52" s="8"/>
      <c r="S52" s="8"/>
      <c r="T52" s="8"/>
      <c r="U52" s="8"/>
      <c r="V52" s="8"/>
      <c r="W52" s="8"/>
      <c r="X52" s="8"/>
      <c r="Y52" s="8"/>
      <c r="Z52" s="8"/>
      <c r="AA52" s="8"/>
      <c r="AB52" s="8"/>
      <c r="AC52" s="8"/>
      <c r="AD52" s="8"/>
      <c r="AE52" s="8"/>
      <c r="AF52" s="8"/>
      <c r="AG52" s="8"/>
      <c r="AH52" s="8"/>
      <c r="AI52" s="8"/>
      <c r="AJ52" s="8"/>
      <c r="AK52" s="8"/>
      <c r="AL52" s="8"/>
      <c r="AM52" s="8"/>
      <c r="AN52" s="8"/>
      <c r="AO52" s="8"/>
      <c r="AP52" s="8"/>
      <c r="AQ52" s="8"/>
      <c r="AR52" s="8"/>
      <c r="AS52" s="8"/>
      <c r="AT52" s="8"/>
      <c r="AU52" s="8"/>
      <c r="AV52" s="8"/>
      <c r="AW52" s="8"/>
      <c r="AX52" s="8"/>
      <c r="AY52" s="8"/>
      <c r="AZ52" s="8"/>
      <c r="BA52" s="8"/>
      <c r="BB52" s="8"/>
      <c r="BC52" s="8"/>
      <c r="BD52" s="8"/>
    </row>
    <row r="53" spans="3:56" x14ac:dyDescent="0.2">
      <c r="C53" s="5" t="s">
        <v>59</v>
      </c>
      <c r="D53" s="6" t="s">
        <v>58</v>
      </c>
      <c r="E53" s="8"/>
      <c r="F53" s="8"/>
      <c r="G53" s="8"/>
      <c r="H53" s="8"/>
      <c r="I53" s="8"/>
      <c r="J53" s="8"/>
      <c r="K53" s="8"/>
      <c r="L53" s="8"/>
      <c r="M53" s="8"/>
      <c r="N53" s="8"/>
      <c r="O53" s="8"/>
      <c r="P53" s="8"/>
      <c r="Q53" s="8"/>
      <c r="R53" s="8"/>
      <c r="S53" s="8"/>
      <c r="T53" s="8"/>
      <c r="U53" s="8"/>
      <c r="V53" s="8"/>
      <c r="W53" s="8"/>
      <c r="X53" s="8"/>
      <c r="Y53" s="8"/>
      <c r="Z53" s="8"/>
      <c r="AA53" s="8"/>
      <c r="AB53" s="8"/>
      <c r="AC53" s="8"/>
      <c r="AD53" s="8"/>
      <c r="AE53" s="8"/>
      <c r="AF53" s="8"/>
      <c r="AG53" s="8"/>
      <c r="AH53" s="8"/>
      <c r="AI53" s="8"/>
      <c r="AJ53" s="8"/>
      <c r="AK53" s="8"/>
      <c r="AL53" s="8"/>
      <c r="AM53" s="8"/>
      <c r="AN53" s="8"/>
      <c r="AO53" s="8"/>
      <c r="AP53" s="8"/>
      <c r="AQ53" s="8"/>
      <c r="AR53" s="8"/>
      <c r="AS53" s="8"/>
      <c r="AT53" s="8"/>
      <c r="AU53" s="8"/>
      <c r="AV53" s="8"/>
      <c r="AW53" s="8"/>
      <c r="AX53" s="8"/>
      <c r="AY53" s="8"/>
      <c r="AZ53" s="8"/>
      <c r="BA53" s="8"/>
      <c r="BB53" s="8"/>
      <c r="BC53" s="8"/>
      <c r="BD53" s="8"/>
    </row>
    <row r="54" spans="3:56" x14ac:dyDescent="0.2">
      <c r="C54" s="5" t="s">
        <v>60</v>
      </c>
      <c r="D54" s="6" t="s">
        <v>58</v>
      </c>
      <c r="E54" s="8"/>
      <c r="F54" s="8"/>
      <c r="G54" s="8"/>
      <c r="H54" s="8"/>
      <c r="I54" s="8"/>
      <c r="J54" s="8"/>
      <c r="K54" s="8"/>
      <c r="L54" s="8"/>
      <c r="M54" s="8"/>
      <c r="N54" s="8"/>
      <c r="O54" s="8"/>
      <c r="P54" s="8"/>
      <c r="Q54" s="8"/>
      <c r="R54" s="8"/>
      <c r="S54" s="8"/>
      <c r="T54" s="8"/>
      <c r="U54" s="8"/>
      <c r="V54" s="8"/>
      <c r="W54" s="8"/>
      <c r="X54" s="8"/>
      <c r="Y54" s="8"/>
      <c r="Z54" s="8"/>
      <c r="AA54" s="8"/>
      <c r="AB54" s="8"/>
      <c r="AC54" s="8"/>
      <c r="AD54" s="8"/>
      <c r="AE54" s="8"/>
      <c r="AF54" s="8"/>
      <c r="AG54" s="8"/>
      <c r="AH54" s="8"/>
      <c r="AI54" s="8"/>
      <c r="AJ54" s="8"/>
      <c r="AK54" s="8"/>
      <c r="AL54" s="8"/>
      <c r="AM54" s="8"/>
      <c r="AN54" s="8"/>
      <c r="AO54" s="8"/>
      <c r="AP54" s="8"/>
      <c r="AQ54" s="8"/>
      <c r="AR54" s="8"/>
      <c r="AS54" s="8"/>
      <c r="AT54" s="8"/>
      <c r="AU54" s="8"/>
      <c r="AV54" s="8"/>
      <c r="AW54" s="8"/>
      <c r="AX54" s="8"/>
      <c r="AY54" s="8"/>
      <c r="AZ54" s="8"/>
      <c r="BA54" s="8"/>
      <c r="BB54" s="8"/>
      <c r="BC54" s="8"/>
      <c r="BD54" s="8"/>
    </row>
    <row r="55" spans="3:56" x14ac:dyDescent="0.2">
      <c r="C55" s="5" t="s">
        <v>61</v>
      </c>
      <c r="D55" s="6" t="s">
        <v>58</v>
      </c>
      <c r="E55" s="8"/>
      <c r="F55" s="8"/>
      <c r="G55" s="8"/>
      <c r="H55" s="8"/>
      <c r="I55" s="8"/>
      <c r="J55" s="8"/>
      <c r="K55" s="8"/>
      <c r="L55" s="8"/>
      <c r="M55" s="8"/>
      <c r="N55" s="8"/>
      <c r="O55" s="8"/>
      <c r="P55" s="8"/>
      <c r="Q55" s="8"/>
      <c r="R55" s="8"/>
      <c r="S55" s="8"/>
      <c r="T55" s="8"/>
      <c r="U55" s="8"/>
      <c r="V55" s="8"/>
      <c r="W55" s="8"/>
      <c r="X55" s="8"/>
      <c r="Y55" s="8"/>
      <c r="Z55" s="8"/>
      <c r="AA55" s="8"/>
      <c r="AB55" s="8"/>
      <c r="AC55" s="8"/>
      <c r="AD55" s="8"/>
      <c r="AE55" s="8"/>
      <c r="AF55" s="8"/>
      <c r="AG55" s="8"/>
      <c r="AH55" s="8"/>
      <c r="AI55" s="8"/>
      <c r="AJ55" s="8"/>
      <c r="AK55" s="8"/>
      <c r="AL55" s="8"/>
      <c r="AM55" s="8"/>
      <c r="AN55" s="8"/>
      <c r="AO55" s="8"/>
      <c r="AP55" s="8"/>
      <c r="AQ55" s="8"/>
      <c r="AR55" s="8"/>
      <c r="AS55" s="8"/>
      <c r="AT55" s="8"/>
      <c r="AU55" s="8"/>
      <c r="AV55" s="8"/>
      <c r="AW55" s="8"/>
      <c r="AX55" s="8"/>
      <c r="AY55" s="8"/>
      <c r="AZ55" s="8"/>
      <c r="BA55" s="8"/>
      <c r="BB55" s="8"/>
      <c r="BC55" s="8"/>
      <c r="BD55" s="8"/>
    </row>
    <row r="56" spans="3:56" x14ac:dyDescent="0.2">
      <c r="C56" s="5" t="s">
        <v>62</v>
      </c>
      <c r="D56" s="6" t="s">
        <v>58</v>
      </c>
      <c r="E56" s="8"/>
      <c r="F56" s="8"/>
      <c r="G56" s="8"/>
      <c r="H56" s="8"/>
      <c r="I56" s="8"/>
      <c r="J56" s="8"/>
      <c r="K56" s="8"/>
      <c r="L56" s="8"/>
      <c r="M56" s="8"/>
      <c r="N56" s="8"/>
      <c r="O56" s="8"/>
      <c r="P56" s="8"/>
      <c r="Q56" s="8"/>
      <c r="R56" s="8"/>
      <c r="S56" s="8"/>
      <c r="T56" s="8"/>
      <c r="U56" s="8"/>
      <c r="V56" s="8"/>
      <c r="W56" s="8"/>
      <c r="X56" s="8"/>
      <c r="Y56" s="8"/>
      <c r="Z56" s="8"/>
      <c r="AA56" s="8"/>
      <c r="AB56" s="8"/>
      <c r="AC56" s="8"/>
      <c r="AD56" s="8"/>
      <c r="AE56" s="8"/>
      <c r="AF56" s="8"/>
      <c r="AG56" s="8"/>
      <c r="AH56" s="8"/>
      <c r="AI56" s="8"/>
      <c r="AJ56" s="8"/>
      <c r="AK56" s="8"/>
      <c r="AL56" s="8"/>
      <c r="AM56" s="8"/>
      <c r="AN56" s="8"/>
      <c r="AO56" s="8"/>
      <c r="AP56" s="8"/>
      <c r="AQ56" s="8"/>
      <c r="AR56" s="8"/>
      <c r="AS56" s="8"/>
      <c r="AT56" s="8"/>
      <c r="AU56" s="8"/>
      <c r="AV56" s="8"/>
      <c r="AW56" s="8"/>
      <c r="AX56" s="8"/>
      <c r="AY56" s="8"/>
      <c r="AZ56" s="8"/>
      <c r="BA56" s="8"/>
      <c r="BB56" s="8"/>
      <c r="BC56" s="8"/>
      <c r="BD56" s="8"/>
    </row>
    <row r="57" spans="3:56" x14ac:dyDescent="0.2">
      <c r="C57" s="5" t="s">
        <v>63</v>
      </c>
      <c r="D57" s="6" t="s">
        <v>58</v>
      </c>
      <c r="E57" s="8">
        <v>13.66</v>
      </c>
      <c r="F57" s="8">
        <v>11.86</v>
      </c>
      <c r="G57" s="8">
        <v>10.37</v>
      </c>
      <c r="H57" s="8">
        <v>9.27</v>
      </c>
      <c r="I57" s="8">
        <v>8.9</v>
      </c>
      <c r="J57" s="8">
        <v>7.46</v>
      </c>
      <c r="K57" s="8">
        <v>7.23</v>
      </c>
      <c r="L57" s="8">
        <v>7.44</v>
      </c>
      <c r="M57" s="8">
        <v>8.31</v>
      </c>
      <c r="N57" s="8">
        <v>8.99</v>
      </c>
      <c r="O57" s="8">
        <v>9.32</v>
      </c>
      <c r="P57" s="8">
        <v>9.11</v>
      </c>
      <c r="Q57" s="8">
        <v>9.9</v>
      </c>
      <c r="R57" s="8">
        <v>9.77</v>
      </c>
      <c r="S57" s="8">
        <v>8.82</v>
      </c>
      <c r="T57" s="7">
        <v>8.4499999999999993</v>
      </c>
      <c r="U57" s="8">
        <v>7.63</v>
      </c>
      <c r="V57" s="7">
        <v>7.35</v>
      </c>
      <c r="W57" s="7">
        <v>7.82</v>
      </c>
      <c r="X57" s="7">
        <v>7.94</v>
      </c>
      <c r="Y57" s="8">
        <v>7.6</v>
      </c>
      <c r="Z57" s="8">
        <v>7.35</v>
      </c>
      <c r="AA57" s="8">
        <v>8.42</v>
      </c>
      <c r="AB57" s="8">
        <v>8.32</v>
      </c>
      <c r="AC57" s="8">
        <v>6.94</v>
      </c>
      <c r="AD57" s="8">
        <v>5.73</v>
      </c>
      <c r="AE57" s="7">
        <v>7.84</v>
      </c>
      <c r="AF57" s="7">
        <v>6.72</v>
      </c>
      <c r="AG57" s="7">
        <v>5.65</v>
      </c>
      <c r="AH57" s="7">
        <v>7.36</v>
      </c>
      <c r="AI57" s="7">
        <v>7.4656896873541765</v>
      </c>
      <c r="AJ57" s="7">
        <v>7.5185551079706796</v>
      </c>
      <c r="AK57" s="7">
        <v>8.1307455118246157</v>
      </c>
      <c r="AL57" s="7">
        <v>8.1802202546264464</v>
      </c>
      <c r="AM57" s="7">
        <v>9.11</v>
      </c>
      <c r="AN57" s="7">
        <v>9.93</v>
      </c>
      <c r="AO57" s="7">
        <v>8.32</v>
      </c>
      <c r="AP57" s="7">
        <v>8.34</v>
      </c>
      <c r="AQ57" s="7">
        <v>7.93</v>
      </c>
      <c r="AR57" s="12">
        <v>8.44</v>
      </c>
      <c r="AS57" s="7">
        <v>8.9700000000000006</v>
      </c>
      <c r="AT57" s="7">
        <v>10.3</v>
      </c>
      <c r="AU57" s="7">
        <v>9.6999999999999993</v>
      </c>
      <c r="AV57" s="7">
        <v>9.0399999999999991</v>
      </c>
      <c r="AW57" s="7">
        <v>9.77</v>
      </c>
      <c r="AX57" s="7">
        <v>10.3</v>
      </c>
      <c r="AY57" s="7">
        <v>14.18</v>
      </c>
      <c r="AZ57" s="7">
        <v>14.78</v>
      </c>
      <c r="BA57" s="7">
        <v>14.39</v>
      </c>
      <c r="BB57" s="7">
        <v>12.35</v>
      </c>
      <c r="BC57" s="7">
        <v>12.24</v>
      </c>
      <c r="BD57" s="7">
        <v>12.61</v>
      </c>
    </row>
    <row r="58" spans="3:56" x14ac:dyDescent="0.2">
      <c r="C58" s="5" t="s">
        <v>64</v>
      </c>
      <c r="D58" s="6" t="s">
        <v>58</v>
      </c>
      <c r="E58" s="8">
        <v>8.0299999999999994</v>
      </c>
      <c r="F58" s="8">
        <v>5.84</v>
      </c>
      <c r="G58" s="8">
        <v>5.35</v>
      </c>
      <c r="H58" s="8">
        <v>5.65</v>
      </c>
      <c r="I58" s="8">
        <v>4.5999999999999996</v>
      </c>
      <c r="J58" s="8">
        <v>4.45</v>
      </c>
      <c r="K58" s="8">
        <v>4.51</v>
      </c>
      <c r="L58" s="8">
        <v>4.71</v>
      </c>
      <c r="M58" s="8">
        <v>4.5</v>
      </c>
      <c r="N58" s="8">
        <v>4.37</v>
      </c>
      <c r="O58" s="8">
        <v>4.1100000000000003</v>
      </c>
      <c r="P58" s="8">
        <v>3.72</v>
      </c>
      <c r="Q58" s="8">
        <v>4.51</v>
      </c>
      <c r="R58" s="8">
        <v>5.86</v>
      </c>
      <c r="S58" s="8">
        <v>4.9400000000000004</v>
      </c>
      <c r="T58" s="7">
        <v>5.33</v>
      </c>
      <c r="U58" s="8">
        <v>4.51</v>
      </c>
      <c r="V58" s="7">
        <v>4.79</v>
      </c>
      <c r="W58" s="7">
        <v>4.5599999999999996</v>
      </c>
      <c r="X58" s="7">
        <v>4.96</v>
      </c>
      <c r="Y58" s="8">
        <v>4.58</v>
      </c>
      <c r="Z58" s="8">
        <v>5.4</v>
      </c>
      <c r="AA58" s="8">
        <v>6.26</v>
      </c>
      <c r="AB58" s="8">
        <v>5.45</v>
      </c>
      <c r="AC58" s="8">
        <v>4.47</v>
      </c>
      <c r="AD58" s="8">
        <v>3.57</v>
      </c>
      <c r="AE58" s="7">
        <v>5.0199999999999996</v>
      </c>
      <c r="AF58" s="7">
        <v>4.51</v>
      </c>
      <c r="AG58" s="7">
        <v>4.01</v>
      </c>
      <c r="AH58" s="7">
        <v>4.4800000000000004</v>
      </c>
      <c r="AI58" s="7">
        <v>5.0255195501579664</v>
      </c>
      <c r="AJ58" s="7">
        <v>5.1286311518496621</v>
      </c>
      <c r="AK58" s="7">
        <v>5.4703337223560009</v>
      </c>
      <c r="AL58" s="7">
        <v>5.7055893883566702</v>
      </c>
      <c r="AM58" s="7">
        <v>6.1</v>
      </c>
      <c r="AN58" s="7">
        <v>6.41</v>
      </c>
      <c r="AO58" s="7">
        <v>5.42</v>
      </c>
      <c r="AP58" s="7">
        <v>4.87</v>
      </c>
      <c r="AQ58" s="7">
        <v>5.04</v>
      </c>
      <c r="AR58" s="12">
        <v>5.16</v>
      </c>
      <c r="AS58" s="7">
        <v>5.93</v>
      </c>
      <c r="AT58" s="7">
        <v>7.28</v>
      </c>
      <c r="AU58" s="7">
        <v>6.43</v>
      </c>
      <c r="AV58" s="7">
        <v>5.94</v>
      </c>
      <c r="AW58" s="7">
        <v>6.76</v>
      </c>
      <c r="AX58" s="7">
        <v>6.73</v>
      </c>
      <c r="AY58" s="7">
        <v>7.82</v>
      </c>
      <c r="AZ58" s="7">
        <v>8.4700000000000006</v>
      </c>
      <c r="BA58" s="7">
        <v>7.64</v>
      </c>
      <c r="BB58" s="7">
        <v>6.85</v>
      </c>
      <c r="BC58" s="7">
        <v>6.94</v>
      </c>
      <c r="BD58" s="7">
        <v>5.99</v>
      </c>
    </row>
    <row r="59" spans="3:56" x14ac:dyDescent="0.2">
      <c r="C59" s="5" t="s">
        <v>65</v>
      </c>
      <c r="D59" s="6" t="s">
        <v>58</v>
      </c>
      <c r="E59" s="8">
        <v>1.76</v>
      </c>
      <c r="F59" s="8">
        <v>1.53</v>
      </c>
      <c r="G59" s="8">
        <v>1.71</v>
      </c>
      <c r="H59" s="8">
        <v>1.87</v>
      </c>
      <c r="I59" s="8">
        <v>1.69</v>
      </c>
      <c r="J59" s="8">
        <v>1.7</v>
      </c>
      <c r="K59" s="8">
        <v>1.81</v>
      </c>
      <c r="L59" s="8">
        <v>1.64</v>
      </c>
      <c r="M59" s="8">
        <v>2.11</v>
      </c>
      <c r="N59" s="8">
        <v>1.48</v>
      </c>
      <c r="O59" s="8">
        <v>1.55</v>
      </c>
      <c r="P59" s="8">
        <v>1.49</v>
      </c>
      <c r="Q59" s="8">
        <v>1.68</v>
      </c>
      <c r="R59" s="8">
        <v>1.47</v>
      </c>
      <c r="S59" s="8">
        <v>1.44</v>
      </c>
      <c r="T59" s="7">
        <v>1.36</v>
      </c>
      <c r="U59" s="8">
        <v>1.1499999999999999</v>
      </c>
      <c r="V59" s="7">
        <v>1.25</v>
      </c>
      <c r="W59" s="7">
        <v>1.38</v>
      </c>
      <c r="X59" s="7">
        <v>1.63</v>
      </c>
      <c r="Y59" s="8">
        <v>1.89</v>
      </c>
      <c r="Z59" s="8">
        <v>1.7</v>
      </c>
      <c r="AA59" s="8">
        <v>1.73</v>
      </c>
      <c r="AB59" s="8">
        <v>1.56</v>
      </c>
      <c r="AC59" s="8">
        <v>1.4</v>
      </c>
      <c r="AD59" s="8">
        <v>1.84</v>
      </c>
      <c r="AE59" s="7">
        <v>2</v>
      </c>
      <c r="AF59" s="7">
        <v>1.82</v>
      </c>
      <c r="AG59" s="7">
        <v>1.86</v>
      </c>
      <c r="AH59" s="7">
        <v>1.78</v>
      </c>
      <c r="AI59" s="7">
        <v>1.7958378220265825</v>
      </c>
      <c r="AJ59" s="7">
        <v>1.8369763982438931</v>
      </c>
      <c r="AK59" s="7">
        <v>1.6364492636221022</v>
      </c>
      <c r="AL59" s="7">
        <v>1.7267026438225965</v>
      </c>
      <c r="AM59" s="7">
        <v>1.54</v>
      </c>
      <c r="AN59" s="7">
        <v>1.58</v>
      </c>
      <c r="AO59" s="7">
        <v>1.5</v>
      </c>
      <c r="AP59" s="7">
        <v>1.3</v>
      </c>
      <c r="AQ59" s="7">
        <v>1.19</v>
      </c>
      <c r="AR59" s="12">
        <v>1.26</v>
      </c>
      <c r="AS59" s="7">
        <v>1.58</v>
      </c>
      <c r="AT59" s="7">
        <v>1.83</v>
      </c>
      <c r="AU59" s="7">
        <v>1.65</v>
      </c>
      <c r="AV59" s="7">
        <v>1.41</v>
      </c>
      <c r="AW59" s="7">
        <v>1.47</v>
      </c>
      <c r="AX59" s="7">
        <v>1.45</v>
      </c>
      <c r="AY59" s="7">
        <v>1.59</v>
      </c>
      <c r="AZ59" s="7">
        <v>1.52</v>
      </c>
      <c r="BA59" s="7">
        <v>1.65</v>
      </c>
      <c r="BB59" s="7">
        <v>1.55</v>
      </c>
      <c r="BC59" s="7">
        <v>1.58</v>
      </c>
      <c r="BD59" s="7">
        <v>1.74</v>
      </c>
    </row>
    <row r="60" spans="3:56" x14ac:dyDescent="0.2">
      <c r="C60" s="5" t="s">
        <v>66</v>
      </c>
      <c r="D60" s="6" t="s">
        <v>58</v>
      </c>
      <c r="E60" s="8">
        <v>3.13</v>
      </c>
      <c r="F60" s="8">
        <v>2.65</v>
      </c>
      <c r="G60" s="8">
        <v>3.76</v>
      </c>
      <c r="H60" s="8">
        <v>3.63</v>
      </c>
      <c r="I60" s="8">
        <v>3.28</v>
      </c>
      <c r="J60" s="8">
        <v>3.11</v>
      </c>
      <c r="K60" s="8">
        <v>4.41</v>
      </c>
      <c r="L60" s="8">
        <v>2.94</v>
      </c>
      <c r="M60" s="8">
        <v>4.3499999999999996</v>
      </c>
      <c r="N60" s="8">
        <v>3.98</v>
      </c>
      <c r="O60" s="8">
        <v>3.84</v>
      </c>
      <c r="P60" s="8">
        <v>3.96</v>
      </c>
      <c r="Q60" s="8">
        <v>3.46</v>
      </c>
      <c r="R60" s="8">
        <v>3.47</v>
      </c>
      <c r="S60" s="8">
        <v>3.49</v>
      </c>
      <c r="T60" s="7">
        <v>3.98</v>
      </c>
      <c r="U60" s="8">
        <v>3.22</v>
      </c>
      <c r="V60" s="7">
        <v>3</v>
      </c>
      <c r="W60" s="7">
        <v>3.24</v>
      </c>
      <c r="X60" s="7">
        <v>3.75</v>
      </c>
      <c r="Y60" s="8">
        <v>3.07</v>
      </c>
      <c r="Z60" s="8">
        <v>3.01</v>
      </c>
      <c r="AA60" s="8">
        <v>3.86</v>
      </c>
      <c r="AB60" s="8">
        <v>3.41</v>
      </c>
      <c r="AC60" s="8">
        <v>3.81</v>
      </c>
      <c r="AD60" s="8">
        <v>3.63</v>
      </c>
      <c r="AE60" s="7">
        <v>3.47</v>
      </c>
      <c r="AF60" s="7">
        <v>4.22</v>
      </c>
      <c r="AG60" s="7">
        <v>4.2699999999999996</v>
      </c>
      <c r="AH60" s="7">
        <v>3.9</v>
      </c>
      <c r="AI60" s="7">
        <v>4.390858531493623</v>
      </c>
      <c r="AJ60" s="7">
        <v>5.1239609398840402</v>
      </c>
      <c r="AK60" s="7">
        <v>5.0974581739310514</v>
      </c>
      <c r="AL60" s="7">
        <v>5.4271400792103144</v>
      </c>
      <c r="AM60" s="7">
        <v>4.82</v>
      </c>
      <c r="AN60" s="7">
        <v>4.01</v>
      </c>
      <c r="AO60" s="7">
        <v>3.58</v>
      </c>
      <c r="AP60" s="7">
        <v>4.7</v>
      </c>
      <c r="AQ60" s="7">
        <v>3.25</v>
      </c>
      <c r="AR60" s="12">
        <v>3.87</v>
      </c>
      <c r="AS60" s="7">
        <v>3.23</v>
      </c>
      <c r="AT60" s="7">
        <v>3.79</v>
      </c>
      <c r="AU60" s="7">
        <v>3.65</v>
      </c>
      <c r="AV60" s="7">
        <v>3.08</v>
      </c>
      <c r="AW60" s="7">
        <v>3.61</v>
      </c>
      <c r="AX60" s="7">
        <v>3.08</v>
      </c>
      <c r="AY60" s="7">
        <v>4.8</v>
      </c>
      <c r="AZ60" s="7">
        <v>4.2699999999999996</v>
      </c>
      <c r="BA60" s="7">
        <v>4.46</v>
      </c>
      <c r="BB60" s="7">
        <v>4.9800000000000004</v>
      </c>
      <c r="BC60" s="7">
        <v>3.37</v>
      </c>
      <c r="BD60" s="7">
        <v>4.7300000000000004</v>
      </c>
    </row>
    <row r="61" spans="3:56" x14ac:dyDescent="0.2">
      <c r="C61" s="5" t="s">
        <v>67</v>
      </c>
      <c r="D61" s="6" t="s">
        <v>58</v>
      </c>
      <c r="E61" s="8">
        <v>9.18</v>
      </c>
      <c r="F61" s="8">
        <v>9.9600000000000009</v>
      </c>
      <c r="G61" s="8">
        <v>8.7100000000000009</v>
      </c>
      <c r="H61" s="8">
        <v>8.4499999999999993</v>
      </c>
      <c r="I61" s="8">
        <v>5.72</v>
      </c>
      <c r="J61" s="8">
        <v>4.58</v>
      </c>
      <c r="K61" s="8">
        <v>5.92</v>
      </c>
      <c r="L61" s="8">
        <v>6.12</v>
      </c>
      <c r="M61" s="8">
        <v>6.22</v>
      </c>
      <c r="N61" s="8">
        <v>6.77</v>
      </c>
      <c r="O61" s="8">
        <v>5.7</v>
      </c>
      <c r="P61" s="8">
        <v>4.71</v>
      </c>
      <c r="Q61" s="8">
        <v>5.45</v>
      </c>
      <c r="R61" s="8">
        <v>6.79</v>
      </c>
      <c r="S61" s="8">
        <v>6.16</v>
      </c>
      <c r="T61" s="7">
        <v>5.79</v>
      </c>
      <c r="U61" s="8">
        <v>5.25</v>
      </c>
      <c r="V61" s="7">
        <v>5.17</v>
      </c>
      <c r="W61" s="7">
        <v>5.53</v>
      </c>
      <c r="X61" s="7">
        <v>5.07</v>
      </c>
      <c r="Y61" s="8">
        <v>4.91</v>
      </c>
      <c r="Z61" s="8">
        <v>5.89</v>
      </c>
      <c r="AA61" s="8">
        <v>6.7</v>
      </c>
      <c r="AB61" s="8">
        <v>6.09</v>
      </c>
      <c r="AC61" s="8">
        <v>5.58</v>
      </c>
      <c r="AD61" s="8">
        <v>5.2</v>
      </c>
      <c r="AE61" s="7">
        <v>5.09</v>
      </c>
      <c r="AF61" s="7">
        <v>5.57</v>
      </c>
      <c r="AG61" s="7">
        <v>5.05</v>
      </c>
      <c r="AH61" s="7">
        <v>5.22</v>
      </c>
      <c r="AI61" s="7">
        <v>5.8313729218355084</v>
      </c>
      <c r="AJ61" s="7">
        <v>5.4854967285651464</v>
      </c>
      <c r="AK61" s="7">
        <v>5.2698247671691005</v>
      </c>
      <c r="AL61" s="7">
        <v>5.2600955059360901</v>
      </c>
      <c r="AM61" s="7">
        <v>6.41</v>
      </c>
      <c r="AN61" s="7">
        <v>6.56</v>
      </c>
      <c r="AO61" s="7">
        <v>5.76</v>
      </c>
      <c r="AP61" s="7">
        <v>6.76</v>
      </c>
      <c r="AQ61" s="7">
        <v>6.63</v>
      </c>
      <c r="AR61" s="12">
        <v>7.1</v>
      </c>
      <c r="AS61" s="7">
        <v>6.76</v>
      </c>
      <c r="AT61" s="7">
        <v>7.44</v>
      </c>
      <c r="AU61" s="7">
        <v>7.35</v>
      </c>
      <c r="AV61" s="7">
        <v>7.11</v>
      </c>
      <c r="AW61" s="7">
        <v>8.2799999999999994</v>
      </c>
      <c r="AX61" s="7">
        <v>9</v>
      </c>
      <c r="AY61" s="7">
        <v>8.08</v>
      </c>
      <c r="AZ61" s="7">
        <v>7.07</v>
      </c>
      <c r="BA61" s="7">
        <v>7.04</v>
      </c>
      <c r="BB61" s="7">
        <v>7.39</v>
      </c>
      <c r="BC61" s="7">
        <v>7.17</v>
      </c>
      <c r="BD61" s="7">
        <v>6.87</v>
      </c>
    </row>
    <row r="62" spans="3:56" x14ac:dyDescent="0.2">
      <c r="C62" s="5" t="s">
        <v>68</v>
      </c>
      <c r="D62" s="6" t="s">
        <v>58</v>
      </c>
      <c r="E62" s="8">
        <v>2.65</v>
      </c>
      <c r="F62" s="8">
        <v>2.76</v>
      </c>
      <c r="G62" s="8">
        <v>2.4700000000000002</v>
      </c>
      <c r="H62" s="8">
        <v>2.97</v>
      </c>
      <c r="I62" s="8">
        <v>2.99</v>
      </c>
      <c r="J62" s="8">
        <v>2.94</v>
      </c>
      <c r="K62" s="8">
        <v>3.11</v>
      </c>
      <c r="L62" s="8">
        <v>2.59</v>
      </c>
      <c r="M62" s="8">
        <v>2.71</v>
      </c>
      <c r="N62" s="8">
        <v>2.93</v>
      </c>
      <c r="O62" s="8">
        <v>2.29</v>
      </c>
      <c r="P62" s="8">
        <v>2.78</v>
      </c>
      <c r="Q62" s="8">
        <v>3.01</v>
      </c>
      <c r="R62" s="8">
        <v>2.72</v>
      </c>
      <c r="S62" s="8">
        <v>2.0099999999999998</v>
      </c>
      <c r="T62" s="7">
        <v>2.87</v>
      </c>
      <c r="U62" s="8">
        <v>2.62</v>
      </c>
      <c r="V62" s="7">
        <v>2.5499999999999998</v>
      </c>
      <c r="W62" s="7">
        <v>2.54</v>
      </c>
      <c r="X62" s="7">
        <v>2.2200000000000002</v>
      </c>
      <c r="Y62" s="8">
        <v>2.48</v>
      </c>
      <c r="Z62" s="8">
        <v>2.2400000000000002</v>
      </c>
      <c r="AA62" s="8">
        <v>2.35</v>
      </c>
      <c r="AB62" s="8">
        <v>2.37</v>
      </c>
      <c r="AC62" s="8">
        <v>2.11</v>
      </c>
      <c r="AD62" s="8">
        <v>2.1800000000000002</v>
      </c>
      <c r="AE62" s="7">
        <v>2.46</v>
      </c>
      <c r="AF62" s="7">
        <v>2.4</v>
      </c>
      <c r="AG62" s="7">
        <v>2.37</v>
      </c>
      <c r="AH62" s="7">
        <v>2.3199999999999998</v>
      </c>
      <c r="AI62" s="7">
        <v>2.261974478792236</v>
      </c>
      <c r="AJ62" s="7">
        <v>2.1733839162652333</v>
      </c>
      <c r="AK62" s="7">
        <v>2.4347676103432905</v>
      </c>
      <c r="AL62" s="7">
        <v>2.3368278975141457</v>
      </c>
      <c r="AM62" s="7">
        <v>2.35</v>
      </c>
      <c r="AN62" s="7">
        <v>2.2200000000000002</v>
      </c>
      <c r="AO62" s="7">
        <v>2.29</v>
      </c>
      <c r="AP62" s="7">
        <v>2.52</v>
      </c>
      <c r="AQ62" s="7">
        <v>2.19</v>
      </c>
      <c r="AR62" s="12">
        <v>2.04</v>
      </c>
      <c r="AS62" s="7">
        <v>2.0699999999999998</v>
      </c>
      <c r="AT62" s="7">
        <v>2.4900000000000002</v>
      </c>
      <c r="AU62" s="7">
        <v>2.93</v>
      </c>
      <c r="AV62" s="7">
        <v>2.63</v>
      </c>
      <c r="AW62" s="7">
        <v>2.44</v>
      </c>
      <c r="AX62" s="7">
        <v>2.35</v>
      </c>
      <c r="AY62" s="7">
        <v>2.78</v>
      </c>
      <c r="AZ62" s="7">
        <v>3.07</v>
      </c>
      <c r="BA62" s="7">
        <v>3.31</v>
      </c>
      <c r="BB62" s="7">
        <v>3.24</v>
      </c>
      <c r="BC62" s="7">
        <v>3.5</v>
      </c>
      <c r="BD62" s="7">
        <v>3.67</v>
      </c>
    </row>
    <row r="63" spans="3:56" x14ac:dyDescent="0.2">
      <c r="C63" s="5" t="s">
        <v>69</v>
      </c>
      <c r="D63" s="6" t="s">
        <v>58</v>
      </c>
      <c r="E63" s="8">
        <v>1.52</v>
      </c>
      <c r="F63" s="8">
        <v>1.9</v>
      </c>
      <c r="G63" s="8">
        <v>2.2400000000000002</v>
      </c>
      <c r="H63" s="8">
        <v>2.59</v>
      </c>
      <c r="I63" s="8">
        <v>1.81</v>
      </c>
      <c r="J63" s="8">
        <v>1.27</v>
      </c>
      <c r="K63" s="8">
        <v>1.48</v>
      </c>
      <c r="L63" s="8">
        <v>1.22</v>
      </c>
      <c r="M63" s="8">
        <v>1.29</v>
      </c>
      <c r="N63" s="8">
        <v>1.1399999999999999</v>
      </c>
      <c r="O63" s="8">
        <v>1.25</v>
      </c>
      <c r="P63" s="8">
        <v>1.21</v>
      </c>
      <c r="Q63" s="8">
        <v>1.62</v>
      </c>
      <c r="R63" s="8">
        <v>1.26</v>
      </c>
      <c r="S63" s="8">
        <v>1.4</v>
      </c>
      <c r="T63" s="7">
        <v>1.41</v>
      </c>
      <c r="U63" s="8">
        <v>1.37</v>
      </c>
      <c r="V63" s="7">
        <v>1.26</v>
      </c>
      <c r="W63" s="7">
        <v>1.22</v>
      </c>
      <c r="X63" s="7">
        <v>1.38</v>
      </c>
      <c r="Y63" s="8">
        <v>1.29</v>
      </c>
      <c r="Z63" s="8">
        <v>1.38</v>
      </c>
      <c r="AA63" s="8">
        <v>1.42</v>
      </c>
      <c r="AB63" s="8">
        <v>1.43</v>
      </c>
      <c r="AC63" s="8">
        <v>1.22</v>
      </c>
      <c r="AD63" s="8">
        <v>1.24</v>
      </c>
      <c r="AE63" s="7">
        <v>1.3</v>
      </c>
      <c r="AF63" s="7">
        <v>1.39</v>
      </c>
      <c r="AG63" s="7">
        <v>1.25</v>
      </c>
      <c r="AH63" s="7">
        <v>1.31</v>
      </c>
      <c r="AI63" s="7">
        <v>1.4408102554111351</v>
      </c>
      <c r="AJ63" s="7">
        <v>1.5450651737807508</v>
      </c>
      <c r="AK63" s="7">
        <v>1.562878446529701</v>
      </c>
      <c r="AL63" s="7">
        <v>1.8142759166882076</v>
      </c>
      <c r="AM63" s="7">
        <v>1.68</v>
      </c>
      <c r="AN63" s="7">
        <v>1.61</v>
      </c>
      <c r="AO63" s="7">
        <v>1.49</v>
      </c>
      <c r="AP63" s="7">
        <v>1.38</v>
      </c>
      <c r="AQ63" s="7">
        <v>1.18</v>
      </c>
      <c r="AR63" s="12">
        <v>1.25</v>
      </c>
      <c r="AS63" s="7">
        <v>1.45</v>
      </c>
      <c r="AT63" s="7">
        <v>2.2000000000000002</v>
      </c>
      <c r="AU63" s="7">
        <v>1.88</v>
      </c>
      <c r="AV63" s="7">
        <v>1.19</v>
      </c>
      <c r="AW63" s="7">
        <v>1.32</v>
      </c>
      <c r="AX63" s="7">
        <v>1.69</v>
      </c>
      <c r="AY63" s="7">
        <v>1.62</v>
      </c>
      <c r="AZ63" s="7">
        <v>1.51</v>
      </c>
      <c r="BA63" s="7">
        <v>1.87</v>
      </c>
      <c r="BB63" s="7">
        <v>1.9</v>
      </c>
      <c r="BC63" s="7">
        <v>1.6</v>
      </c>
      <c r="BD63" s="7">
        <v>1.75</v>
      </c>
    </row>
    <row r="64" spans="3:56" x14ac:dyDescent="0.2">
      <c r="C64" s="5" t="s">
        <v>70</v>
      </c>
      <c r="D64" s="6" t="s">
        <v>58</v>
      </c>
      <c r="E64" s="8">
        <v>2.1457194978665513</v>
      </c>
      <c r="F64" s="8">
        <v>2.0691847080574943</v>
      </c>
      <c r="G64" s="8">
        <v>2.2258682746402259</v>
      </c>
      <c r="H64" s="8">
        <v>1.7507975509791027</v>
      </c>
      <c r="I64" s="8">
        <v>1.4491667637222769</v>
      </c>
      <c r="J64" s="8">
        <v>1.1004956964713324</v>
      </c>
      <c r="K64" s="8">
        <v>1.42</v>
      </c>
      <c r="L64" s="8">
        <v>1.51</v>
      </c>
      <c r="M64" s="8">
        <v>1.65</v>
      </c>
      <c r="N64" s="8">
        <v>1.48</v>
      </c>
      <c r="O64" s="8">
        <v>1.05</v>
      </c>
      <c r="P64" s="8">
        <v>1.06</v>
      </c>
      <c r="Q64" s="8">
        <v>1.1599999999999999</v>
      </c>
      <c r="R64" s="8">
        <v>1.23</v>
      </c>
      <c r="S64" s="8">
        <v>1.34</v>
      </c>
      <c r="T64" s="8">
        <v>1.79</v>
      </c>
      <c r="U64" s="8">
        <v>1.63</v>
      </c>
      <c r="V64" s="8">
        <v>1.99</v>
      </c>
      <c r="W64" s="8">
        <v>1.89</v>
      </c>
      <c r="X64" s="8">
        <v>1.4</v>
      </c>
      <c r="Y64" s="8">
        <v>1.45</v>
      </c>
      <c r="Z64" s="8">
        <v>1.79</v>
      </c>
      <c r="AA64" s="8">
        <v>2.02</v>
      </c>
      <c r="AB64" s="8">
        <v>2.0499999999999998</v>
      </c>
      <c r="AC64" s="8">
        <v>2.19</v>
      </c>
      <c r="AD64" s="8">
        <v>1.85</v>
      </c>
      <c r="AE64" s="7">
        <v>1.8</v>
      </c>
      <c r="AF64" s="7">
        <v>1.68</v>
      </c>
      <c r="AG64" s="7">
        <v>1.68</v>
      </c>
      <c r="AH64" s="7">
        <v>1.69</v>
      </c>
      <c r="AI64" s="7">
        <v>1.6257640303759955</v>
      </c>
      <c r="AJ64" s="7">
        <v>1.537911971724617</v>
      </c>
      <c r="AK64" s="7">
        <v>1.6589172420694487</v>
      </c>
      <c r="AL64" s="7">
        <v>1.9023332201833034</v>
      </c>
      <c r="AM64" s="7">
        <v>1.62</v>
      </c>
      <c r="AN64" s="7">
        <v>1.51</v>
      </c>
      <c r="AO64" s="7">
        <v>1.47</v>
      </c>
      <c r="AP64" s="7">
        <v>1.32</v>
      </c>
      <c r="AQ64" s="7">
        <v>1.47</v>
      </c>
      <c r="AR64" s="12">
        <v>1.51</v>
      </c>
      <c r="AS64" s="7">
        <v>1.53</v>
      </c>
      <c r="AT64" s="7">
        <v>2.2000000000000002</v>
      </c>
      <c r="AU64" s="7">
        <v>2.0299999999999998</v>
      </c>
      <c r="AV64" s="7">
        <v>2.11</v>
      </c>
      <c r="AW64" s="7">
        <v>2.09</v>
      </c>
      <c r="AX64" s="7">
        <v>2.4500000000000002</v>
      </c>
      <c r="AY64" s="7">
        <v>2.78</v>
      </c>
      <c r="AZ64" s="7">
        <v>2.2400000000000002</v>
      </c>
      <c r="BA64" s="7">
        <v>2.39</v>
      </c>
      <c r="BB64" s="7">
        <v>2.59</v>
      </c>
      <c r="BC64" s="7">
        <v>2.64</v>
      </c>
      <c r="BD64" s="7">
        <v>2.52</v>
      </c>
    </row>
    <row r="65" spans="3:56" x14ac:dyDescent="0.2">
      <c r="C65" s="5" t="s">
        <v>71</v>
      </c>
      <c r="D65" s="6" t="s">
        <v>58</v>
      </c>
      <c r="E65" s="8">
        <v>2.15</v>
      </c>
      <c r="F65" s="8">
        <v>2.17</v>
      </c>
      <c r="G65" s="8">
        <v>2.1800000000000002</v>
      </c>
      <c r="H65" s="8">
        <v>2.1800000000000002</v>
      </c>
      <c r="I65" s="8">
        <v>2.25</v>
      </c>
      <c r="J65" s="8">
        <v>2.2200000000000002</v>
      </c>
      <c r="K65" s="8">
        <v>2.21</v>
      </c>
      <c r="L65" s="8">
        <v>2.1800000000000002</v>
      </c>
      <c r="M65" s="8">
        <v>2.21</v>
      </c>
      <c r="N65" s="8">
        <v>2.2200000000000002</v>
      </c>
      <c r="O65" s="8">
        <v>2.21</v>
      </c>
      <c r="P65" s="8">
        <v>2.27</v>
      </c>
      <c r="Q65" s="8">
        <v>2.23</v>
      </c>
      <c r="R65" s="8">
        <v>2.25</v>
      </c>
      <c r="S65" s="8">
        <v>2.2200000000000002</v>
      </c>
      <c r="T65" s="7">
        <v>2.2200000000000002</v>
      </c>
      <c r="U65" s="8">
        <v>2.2200000000000002</v>
      </c>
      <c r="V65" s="7">
        <v>2.1800000000000002</v>
      </c>
      <c r="W65" s="7">
        <v>2.21</v>
      </c>
      <c r="X65" s="7">
        <v>2.1800000000000002</v>
      </c>
      <c r="Y65" s="8">
        <v>2.19</v>
      </c>
      <c r="Z65" s="8">
        <v>2.13</v>
      </c>
      <c r="AA65" s="8">
        <v>2.17</v>
      </c>
      <c r="AB65" s="8">
        <v>2.16</v>
      </c>
      <c r="AC65" s="8">
        <v>2.14</v>
      </c>
      <c r="AD65" s="8">
        <v>2.2000000000000002</v>
      </c>
      <c r="AE65" s="7">
        <v>2.25</v>
      </c>
      <c r="AF65" s="7">
        <v>2.16</v>
      </c>
      <c r="AG65" s="7">
        <v>2.15</v>
      </c>
      <c r="AH65" s="7">
        <v>2.16</v>
      </c>
      <c r="AI65" s="7">
        <v>2.1498263268120756</v>
      </c>
      <c r="AJ65" s="7">
        <v>2.1326735896622537</v>
      </c>
      <c r="AK65" s="7">
        <v>2.1207294496670115</v>
      </c>
      <c r="AL65" s="7">
        <v>2.119379553819575</v>
      </c>
      <c r="AM65" s="7">
        <v>2.13</v>
      </c>
      <c r="AN65" s="7">
        <v>2.14</v>
      </c>
      <c r="AO65" s="7">
        <v>2.16</v>
      </c>
      <c r="AP65" s="7">
        <v>2.4300000000000002</v>
      </c>
      <c r="AQ65" s="7">
        <v>2.4300000000000002</v>
      </c>
      <c r="AR65" s="12">
        <v>2.4300000000000002</v>
      </c>
      <c r="AS65" s="7">
        <v>2.4900000000000002</v>
      </c>
      <c r="AT65" s="7">
        <v>2.59</v>
      </c>
      <c r="AU65" s="7">
        <v>2.58</v>
      </c>
      <c r="AV65" s="7">
        <v>2.63</v>
      </c>
      <c r="AW65" s="7">
        <v>2.52</v>
      </c>
      <c r="AX65" s="7">
        <v>2.56</v>
      </c>
      <c r="AY65" s="7">
        <v>2.59</v>
      </c>
      <c r="AZ65" s="7">
        <v>2.5499999999999998</v>
      </c>
      <c r="BA65" s="7">
        <v>2.5499999999999998</v>
      </c>
      <c r="BB65" s="7">
        <v>2.57</v>
      </c>
      <c r="BC65" s="7">
        <v>2.62</v>
      </c>
      <c r="BD65" s="7">
        <v>2.5</v>
      </c>
    </row>
    <row r="66" spans="3:56" x14ac:dyDescent="0.2">
      <c r="C66" s="5" t="s">
        <v>72</v>
      </c>
      <c r="D66" s="6" t="s">
        <v>58</v>
      </c>
      <c r="E66" s="8">
        <v>3.31</v>
      </c>
      <c r="F66" s="8">
        <v>3.3</v>
      </c>
      <c r="G66" s="8">
        <v>3.77</v>
      </c>
      <c r="H66" s="8">
        <v>3.72</v>
      </c>
      <c r="I66" s="8">
        <v>3.69</v>
      </c>
      <c r="J66" s="8">
        <v>3.5</v>
      </c>
      <c r="K66" s="8">
        <v>3.67</v>
      </c>
      <c r="L66" s="8">
        <v>3.73</v>
      </c>
      <c r="M66" s="8">
        <v>3.65</v>
      </c>
      <c r="N66" s="8">
        <v>3.66</v>
      </c>
      <c r="O66" s="8">
        <v>3.7</v>
      </c>
      <c r="P66" s="8">
        <v>3.63</v>
      </c>
      <c r="Q66" s="8">
        <v>3.81</v>
      </c>
      <c r="R66" s="8">
        <v>4.01</v>
      </c>
      <c r="S66" s="8">
        <v>3.9</v>
      </c>
      <c r="T66" s="7">
        <v>3.81</v>
      </c>
      <c r="U66" s="8">
        <v>3.8</v>
      </c>
      <c r="V66" s="7">
        <v>4.1399999999999997</v>
      </c>
      <c r="W66" s="7">
        <v>4.5599999999999996</v>
      </c>
      <c r="X66" s="7">
        <v>4.6500000000000004</v>
      </c>
      <c r="Y66" s="8">
        <v>4.7300000000000004</v>
      </c>
      <c r="Z66" s="8">
        <v>4.47</v>
      </c>
      <c r="AA66" s="8">
        <v>4.6900000000000004</v>
      </c>
      <c r="AB66" s="8">
        <v>5.28</v>
      </c>
      <c r="AC66" s="8">
        <v>5.21</v>
      </c>
      <c r="AD66" s="8">
        <v>4.84</v>
      </c>
      <c r="AE66" s="7">
        <v>4.74</v>
      </c>
      <c r="AF66" s="7">
        <v>4.49</v>
      </c>
      <c r="AG66" s="7">
        <v>4.53</v>
      </c>
      <c r="AH66" s="7">
        <v>4.46</v>
      </c>
      <c r="AI66" s="7">
        <v>4.8854107712984645</v>
      </c>
      <c r="AJ66" s="7">
        <v>4.591217554634258</v>
      </c>
      <c r="AK66" s="7">
        <v>4.4942966350069584</v>
      </c>
      <c r="AL66" s="7">
        <v>4.3580497553226927</v>
      </c>
      <c r="AM66" s="7">
        <v>4.63</v>
      </c>
      <c r="AN66" s="7">
        <v>4.29</v>
      </c>
      <c r="AO66" s="7">
        <v>4.24</v>
      </c>
      <c r="AP66" s="7">
        <v>4.09</v>
      </c>
      <c r="AQ66" s="7">
        <v>3.89</v>
      </c>
      <c r="AR66" s="12">
        <v>3.93</v>
      </c>
      <c r="AS66" s="7">
        <v>4.0599999999999996</v>
      </c>
      <c r="AT66" s="7">
        <v>4.28</v>
      </c>
      <c r="AU66" s="7">
        <v>4.24</v>
      </c>
      <c r="AV66" s="7">
        <v>4.21</v>
      </c>
      <c r="AW66" s="7">
        <v>4.18</v>
      </c>
      <c r="AX66" s="7">
        <v>3.94</v>
      </c>
      <c r="AY66" s="7">
        <v>3.92</v>
      </c>
      <c r="AZ66" s="7">
        <v>4.09</v>
      </c>
      <c r="BA66" s="7">
        <v>4.53</v>
      </c>
      <c r="BB66" s="7">
        <v>4.42</v>
      </c>
      <c r="BC66" s="7">
        <v>4.29</v>
      </c>
      <c r="BD66" s="7">
        <v>4.07</v>
      </c>
    </row>
    <row r="67" spans="3:56" x14ac:dyDescent="0.2">
      <c r="C67" s="5" t="s">
        <v>73</v>
      </c>
      <c r="D67" s="6" t="s">
        <v>58</v>
      </c>
      <c r="E67" s="8">
        <v>4.17</v>
      </c>
      <c r="F67" s="8">
        <v>3.56</v>
      </c>
      <c r="G67" s="8">
        <v>3.47</v>
      </c>
      <c r="H67" s="8">
        <v>4.55</v>
      </c>
      <c r="I67" s="8">
        <v>4.66</v>
      </c>
      <c r="J67" s="8">
        <v>4.0599999999999996</v>
      </c>
      <c r="K67" s="8">
        <v>3.94</v>
      </c>
      <c r="L67" s="8">
        <v>4.4400000000000004</v>
      </c>
      <c r="M67" s="8">
        <v>4.92</v>
      </c>
      <c r="N67" s="8">
        <v>5.56</v>
      </c>
      <c r="O67" s="8">
        <v>3.68</v>
      </c>
      <c r="P67" s="8">
        <v>3.92</v>
      </c>
      <c r="Q67" s="8">
        <v>4.28</v>
      </c>
      <c r="R67" s="8">
        <v>4.04</v>
      </c>
      <c r="S67" s="8">
        <v>4.29</v>
      </c>
      <c r="T67" s="7">
        <v>4.29</v>
      </c>
      <c r="U67" s="8">
        <v>4.1100000000000003</v>
      </c>
      <c r="V67" s="7">
        <v>4.2699999999999996</v>
      </c>
      <c r="W67" s="7">
        <v>4.96</v>
      </c>
      <c r="X67" s="7">
        <v>5.69</v>
      </c>
      <c r="Y67" s="8">
        <v>5.5</v>
      </c>
      <c r="Z67" s="8">
        <v>5.35</v>
      </c>
      <c r="AA67" s="8">
        <v>5.86</v>
      </c>
      <c r="AB67" s="8">
        <v>5.67</v>
      </c>
      <c r="AC67" s="8">
        <v>5.14</v>
      </c>
      <c r="AD67" s="8">
        <v>5</v>
      </c>
      <c r="AE67" s="7">
        <v>4.84</v>
      </c>
      <c r="AF67" s="7">
        <v>4.9800000000000004</v>
      </c>
      <c r="AG67" s="7">
        <v>5.17</v>
      </c>
      <c r="AH67" s="7">
        <v>4.4000000000000004</v>
      </c>
      <c r="AI67" s="7">
        <v>4.4667283494524641</v>
      </c>
      <c r="AJ67" s="7">
        <v>4.7008357875361559</v>
      </c>
      <c r="AK67" s="7">
        <v>5.9406946418756279</v>
      </c>
      <c r="AL67" s="7">
        <v>4.2342733339427729</v>
      </c>
      <c r="AM67" s="7">
        <v>4.42</v>
      </c>
      <c r="AN67" s="7">
        <v>4.47</v>
      </c>
      <c r="AO67" s="7">
        <v>4.7300000000000004</v>
      </c>
      <c r="AP67" s="7">
        <v>4.8899999999999997</v>
      </c>
      <c r="AQ67" s="7">
        <v>4.4000000000000004</v>
      </c>
      <c r="AR67" s="12">
        <v>4.5</v>
      </c>
      <c r="AS67" s="7">
        <v>4.74</v>
      </c>
      <c r="AT67" s="7">
        <v>4.87</v>
      </c>
      <c r="AU67" s="7">
        <v>4.3</v>
      </c>
      <c r="AV67" s="7">
        <v>4.75</v>
      </c>
      <c r="AW67" s="7">
        <v>4.3</v>
      </c>
      <c r="AX67" s="7">
        <v>3.98</v>
      </c>
      <c r="AY67" s="7">
        <v>4.3899999999999997</v>
      </c>
      <c r="AZ67" s="7">
        <v>4.04</v>
      </c>
      <c r="BA67" s="7">
        <v>4.4800000000000004</v>
      </c>
      <c r="BB67" s="7">
        <v>4.83</v>
      </c>
      <c r="BC67" s="7">
        <v>4.6399999999999997</v>
      </c>
      <c r="BD67" s="7">
        <v>4.16</v>
      </c>
    </row>
    <row r="68" spans="3:56" x14ac:dyDescent="0.2">
      <c r="C68" s="5" t="s">
        <v>74</v>
      </c>
      <c r="D68" s="6" t="s">
        <v>58</v>
      </c>
      <c r="E68" s="8">
        <v>1.54</v>
      </c>
      <c r="F68" s="8">
        <v>1.51</v>
      </c>
      <c r="G68" s="8">
        <v>1.52</v>
      </c>
      <c r="H68" s="8">
        <v>1.52</v>
      </c>
      <c r="I68" s="8">
        <v>1.52</v>
      </c>
      <c r="J68" s="8">
        <v>1.54</v>
      </c>
      <c r="K68" s="8">
        <v>1.52</v>
      </c>
      <c r="L68" s="8">
        <v>1.52</v>
      </c>
      <c r="M68" s="8">
        <v>1.52</v>
      </c>
      <c r="N68" s="8">
        <v>1.53</v>
      </c>
      <c r="O68" s="8">
        <v>1.53</v>
      </c>
      <c r="P68" s="8">
        <v>1.5</v>
      </c>
      <c r="Q68" s="8">
        <v>1.52</v>
      </c>
      <c r="R68" s="8">
        <v>1.53</v>
      </c>
      <c r="S68" s="8">
        <v>1.53</v>
      </c>
      <c r="T68" s="13">
        <v>1.52</v>
      </c>
      <c r="U68" s="8">
        <v>1.52</v>
      </c>
      <c r="V68" s="13">
        <v>1.52</v>
      </c>
      <c r="W68" s="13">
        <v>1.52</v>
      </c>
      <c r="X68" s="7">
        <v>1.5</v>
      </c>
      <c r="Y68" s="8">
        <v>1.52</v>
      </c>
      <c r="Z68" s="8">
        <v>1.55</v>
      </c>
      <c r="AA68" s="8">
        <v>1.54</v>
      </c>
      <c r="AB68" s="8">
        <v>1.54</v>
      </c>
      <c r="AC68" s="8">
        <v>1.5</v>
      </c>
      <c r="AD68" s="8">
        <v>1.48</v>
      </c>
      <c r="AE68" s="13">
        <v>1.49</v>
      </c>
      <c r="AF68" s="13">
        <v>1.54</v>
      </c>
      <c r="AG68" s="13">
        <v>1.56</v>
      </c>
      <c r="AH68" s="13">
        <v>1.53</v>
      </c>
      <c r="AI68" s="13">
        <v>1.5318092015132359</v>
      </c>
      <c r="AJ68" s="13">
        <v>1.5269418441807325</v>
      </c>
      <c r="AK68" s="13">
        <v>1.522290093180473</v>
      </c>
      <c r="AL68" s="13">
        <v>1.5369687113381489</v>
      </c>
      <c r="AM68" s="13">
        <v>1.54</v>
      </c>
      <c r="AN68" s="13">
        <v>1.53</v>
      </c>
      <c r="AO68" s="13">
        <v>1.55</v>
      </c>
      <c r="AP68" s="13">
        <v>1.58</v>
      </c>
      <c r="AQ68" s="13">
        <v>1.55</v>
      </c>
      <c r="AR68" s="14">
        <v>1.54</v>
      </c>
      <c r="AS68" s="13">
        <v>1.57</v>
      </c>
      <c r="AT68" s="13">
        <v>1.56</v>
      </c>
      <c r="AU68" s="13">
        <v>1.52</v>
      </c>
      <c r="AV68" s="13">
        <v>1.58</v>
      </c>
      <c r="AW68" s="13">
        <v>1.54</v>
      </c>
      <c r="AX68" s="13">
        <v>1.57</v>
      </c>
      <c r="AY68" s="13">
        <v>1.57</v>
      </c>
      <c r="AZ68" s="13">
        <v>1.58</v>
      </c>
      <c r="BA68" s="13">
        <v>1.58</v>
      </c>
      <c r="BB68" s="13">
        <v>1.55</v>
      </c>
      <c r="BC68" s="13">
        <v>1.67</v>
      </c>
      <c r="BD68" s="13">
        <v>1.88</v>
      </c>
    </row>
    <row r="69" spans="3:56" x14ac:dyDescent="0.2">
      <c r="C69" s="5" t="s">
        <v>75</v>
      </c>
      <c r="D69" s="15" t="s">
        <v>76</v>
      </c>
      <c r="E69" s="8"/>
      <c r="F69" s="8"/>
      <c r="G69" s="8"/>
      <c r="H69" s="8"/>
      <c r="I69" s="8"/>
      <c r="J69" s="8"/>
      <c r="K69" s="8"/>
      <c r="L69" s="8"/>
      <c r="M69" s="8"/>
      <c r="N69" s="8"/>
      <c r="O69" s="8"/>
      <c r="P69" s="8"/>
      <c r="Q69" s="8"/>
      <c r="R69" s="8"/>
      <c r="S69" s="8"/>
      <c r="T69" s="8"/>
      <c r="U69" s="8"/>
      <c r="V69" s="8"/>
      <c r="W69" s="8"/>
      <c r="X69" s="8"/>
      <c r="Y69" s="8"/>
      <c r="Z69" s="8"/>
      <c r="AA69" s="8"/>
      <c r="AB69" s="8"/>
      <c r="AC69" s="8"/>
      <c r="AD69" s="8"/>
      <c r="AE69" s="8"/>
      <c r="AF69" s="8"/>
      <c r="AG69" s="8"/>
      <c r="AH69" s="8"/>
      <c r="AI69" s="8"/>
      <c r="AJ69" s="8"/>
      <c r="AK69" s="8"/>
      <c r="AL69" s="8"/>
      <c r="AM69" s="8"/>
      <c r="AN69" s="8"/>
      <c r="AO69" s="8"/>
      <c r="AP69" s="8"/>
      <c r="AQ69" s="8"/>
      <c r="AR69" s="8"/>
      <c r="AS69" s="8"/>
      <c r="AT69" s="8"/>
      <c r="AU69" s="8"/>
      <c r="AV69" s="8"/>
      <c r="AW69" s="8"/>
      <c r="AX69" s="8"/>
      <c r="AY69" s="8"/>
      <c r="AZ69" s="8"/>
      <c r="BA69" s="8"/>
      <c r="BB69" s="8"/>
      <c r="BC69" s="8"/>
      <c r="BD69" s="8"/>
    </row>
    <row r="70" spans="3:56" x14ac:dyDescent="0.2">
      <c r="C70" s="16" t="s">
        <v>78</v>
      </c>
      <c r="D70" s="6" t="s">
        <v>58</v>
      </c>
      <c r="E70" s="8">
        <v>0.18</v>
      </c>
      <c r="F70" s="8">
        <v>0.18</v>
      </c>
      <c r="G70" s="8">
        <v>0.17</v>
      </c>
      <c r="H70" s="8">
        <v>0.17</v>
      </c>
      <c r="I70" s="8">
        <v>0.18</v>
      </c>
      <c r="J70" s="8">
        <v>0.18</v>
      </c>
      <c r="K70" s="8">
        <v>0.19</v>
      </c>
      <c r="L70" s="8">
        <v>0.19</v>
      </c>
      <c r="M70" s="8">
        <v>0.2</v>
      </c>
      <c r="N70" s="8">
        <v>0.21</v>
      </c>
      <c r="O70" s="8">
        <v>0.21</v>
      </c>
      <c r="P70" s="8">
        <v>0.21</v>
      </c>
      <c r="Q70" s="8">
        <v>0.22</v>
      </c>
      <c r="R70" s="8">
        <v>0.25</v>
      </c>
      <c r="S70" s="8">
        <v>0.25</v>
      </c>
      <c r="T70" s="8">
        <v>0.25</v>
      </c>
      <c r="U70" s="8">
        <v>0.28000000000000003</v>
      </c>
      <c r="V70" s="8">
        <v>0.25</v>
      </c>
      <c r="W70" s="8">
        <v>0.25</v>
      </c>
      <c r="X70" s="8">
        <v>0.25</v>
      </c>
      <c r="Y70" s="8">
        <v>0.23</v>
      </c>
      <c r="Z70" s="8">
        <v>0.21</v>
      </c>
      <c r="AA70" s="8">
        <v>0.19</v>
      </c>
      <c r="AB70" s="8">
        <v>0.19</v>
      </c>
      <c r="AC70" s="8">
        <v>0.19</v>
      </c>
      <c r="AD70" s="8">
        <v>0.19</v>
      </c>
      <c r="AE70" s="8">
        <v>0.2</v>
      </c>
      <c r="AF70" s="8">
        <v>0.2</v>
      </c>
      <c r="AG70" s="8">
        <v>0.2</v>
      </c>
      <c r="AH70" s="8">
        <v>0.19</v>
      </c>
      <c r="AI70" s="8">
        <v>0.16723455147775609</v>
      </c>
      <c r="AJ70" s="8">
        <v>0.18352431247902856</v>
      </c>
      <c r="AK70" s="8">
        <v>0.18246009553883002</v>
      </c>
      <c r="AL70" s="8">
        <v>0.20491139784504972</v>
      </c>
      <c r="AM70" s="8">
        <v>0.23</v>
      </c>
      <c r="AN70" s="8">
        <v>0.21</v>
      </c>
      <c r="AO70" s="8">
        <v>0.21</v>
      </c>
      <c r="AP70" s="8">
        <v>0.21</v>
      </c>
      <c r="AQ70" s="8">
        <v>0.2</v>
      </c>
      <c r="AR70" s="8">
        <v>0.2</v>
      </c>
      <c r="AS70" s="8">
        <v>0.21</v>
      </c>
      <c r="AT70" s="8">
        <v>0.23</v>
      </c>
      <c r="AU70" s="8">
        <v>0.24</v>
      </c>
      <c r="AV70" s="8">
        <v>0.25</v>
      </c>
      <c r="AW70" s="8">
        <v>0.25</v>
      </c>
      <c r="AX70" s="8">
        <v>0.24</v>
      </c>
      <c r="AY70" s="8">
        <v>0.25</v>
      </c>
      <c r="AZ70" s="8">
        <v>0.24</v>
      </c>
      <c r="BA70" s="8">
        <v>0.24</v>
      </c>
      <c r="BB70" s="8">
        <v>0.24</v>
      </c>
      <c r="BC70" s="8">
        <v>0.23</v>
      </c>
      <c r="BD70" s="8">
        <v>0.24</v>
      </c>
    </row>
    <row r="71" spans="3:56" x14ac:dyDescent="0.2">
      <c r="C71" s="16" t="s">
        <v>79</v>
      </c>
      <c r="D71" s="6" t="s">
        <v>58</v>
      </c>
      <c r="E71" s="8">
        <v>0.48</v>
      </c>
      <c r="F71" s="8">
        <v>0.88</v>
      </c>
      <c r="G71" s="8">
        <v>0.81</v>
      </c>
      <c r="H71" s="8">
        <v>0.89</v>
      </c>
      <c r="I71" s="8">
        <v>1.03</v>
      </c>
      <c r="J71" s="8">
        <v>0.99</v>
      </c>
      <c r="K71" s="8">
        <v>1.03</v>
      </c>
      <c r="L71" s="8">
        <v>1.0900000000000001</v>
      </c>
      <c r="M71" s="8">
        <v>1.17</v>
      </c>
      <c r="N71" s="8">
        <v>1.3</v>
      </c>
      <c r="O71" s="8">
        <v>0.88</v>
      </c>
      <c r="P71" s="8">
        <v>0.73</v>
      </c>
      <c r="Q71" s="8">
        <v>0.56999999999999995</v>
      </c>
      <c r="R71" s="8">
        <v>0.43</v>
      </c>
      <c r="S71" s="8">
        <v>0.41</v>
      </c>
      <c r="T71" s="8">
        <v>0.44</v>
      </c>
      <c r="U71" s="8">
        <v>0.43</v>
      </c>
      <c r="V71" s="8">
        <v>0.42</v>
      </c>
      <c r="W71" s="8">
        <v>0.43</v>
      </c>
      <c r="X71" s="8">
        <v>0.39</v>
      </c>
      <c r="Y71" s="8">
        <v>0.41</v>
      </c>
      <c r="Z71" s="8">
        <v>0.44</v>
      </c>
      <c r="AA71" s="8">
        <v>0.43</v>
      </c>
      <c r="AB71" s="8">
        <v>0.38</v>
      </c>
      <c r="AC71" s="8">
        <v>0.36</v>
      </c>
      <c r="AD71" s="8">
        <v>0.34</v>
      </c>
      <c r="AE71" s="8">
        <v>0.39</v>
      </c>
      <c r="AF71" s="8">
        <v>0.38</v>
      </c>
      <c r="AG71" s="8">
        <v>0.39</v>
      </c>
      <c r="AH71" s="8">
        <v>0.39</v>
      </c>
      <c r="AI71" s="8">
        <v>0.34667930843557071</v>
      </c>
      <c r="AJ71" s="8">
        <v>0.42809880820943397</v>
      </c>
      <c r="AK71" s="8">
        <v>0.44606222749614882</v>
      </c>
      <c r="AL71" s="8">
        <v>0.42164016356201728</v>
      </c>
      <c r="AM71" s="8">
        <v>0.42</v>
      </c>
      <c r="AN71" s="8">
        <v>0.45</v>
      </c>
      <c r="AO71" s="8">
        <v>0.57999999999999996</v>
      </c>
      <c r="AP71" s="8">
        <v>0.61</v>
      </c>
      <c r="AQ71" s="8">
        <v>0.56999999999999995</v>
      </c>
      <c r="AR71" s="8">
        <v>0.52</v>
      </c>
      <c r="AS71" s="8">
        <v>0.54</v>
      </c>
      <c r="AT71" s="8">
        <v>0.49</v>
      </c>
      <c r="AU71" s="8">
        <v>0.48</v>
      </c>
      <c r="AV71" s="8">
        <v>0.45</v>
      </c>
      <c r="AW71" s="8">
        <v>0.44</v>
      </c>
      <c r="AX71" s="8">
        <v>0.43</v>
      </c>
      <c r="AY71" s="8">
        <v>0.43</v>
      </c>
      <c r="AZ71" s="8">
        <v>0.51</v>
      </c>
      <c r="BA71" s="8">
        <v>0.51</v>
      </c>
      <c r="BB71" s="8">
        <v>0.56999999999999995</v>
      </c>
      <c r="BC71" s="8">
        <v>0.6</v>
      </c>
      <c r="BD71" s="8">
        <v>0.7</v>
      </c>
    </row>
    <row r="72" spans="3:56" x14ac:dyDescent="0.2">
      <c r="C72" s="16" t="s">
        <v>80</v>
      </c>
      <c r="D72" s="6" t="s">
        <v>58</v>
      </c>
      <c r="E72" s="8">
        <v>0.93940938010247166</v>
      </c>
      <c r="F72" s="8">
        <v>1.8904792158785022</v>
      </c>
      <c r="G72" s="8">
        <v>1.9803523150296725</v>
      </c>
      <c r="H72" s="8">
        <v>1.929989634635894</v>
      </c>
      <c r="I72" s="8">
        <v>2.6788486503235358</v>
      </c>
      <c r="J72" s="8">
        <v>2.1579650411212792</v>
      </c>
      <c r="K72" s="8">
        <v>2.1</v>
      </c>
      <c r="L72" s="8">
        <v>2.11</v>
      </c>
      <c r="M72" s="8">
        <v>2.06</v>
      </c>
      <c r="N72" s="8">
        <v>1.78</v>
      </c>
      <c r="O72" s="8">
        <v>0.86</v>
      </c>
      <c r="P72" s="8">
        <v>0.68</v>
      </c>
      <c r="Q72" s="8">
        <v>0.62</v>
      </c>
      <c r="R72" s="8">
        <v>0.57999999999999996</v>
      </c>
      <c r="S72" s="8">
        <v>0.55000000000000004</v>
      </c>
      <c r="T72" s="8">
        <v>0.41</v>
      </c>
      <c r="U72" s="8">
        <v>0.41</v>
      </c>
      <c r="V72" s="8">
        <v>0.37</v>
      </c>
      <c r="W72" s="8">
        <v>0.47</v>
      </c>
      <c r="X72" s="8">
        <v>0.45</v>
      </c>
      <c r="Y72" s="8">
        <v>0.46</v>
      </c>
      <c r="Z72" s="8">
        <v>0.57999999999999996</v>
      </c>
      <c r="AA72" s="8">
        <v>0.61</v>
      </c>
      <c r="AB72" s="8">
        <v>0.61</v>
      </c>
      <c r="AC72" s="8">
        <v>0.53</v>
      </c>
      <c r="AD72" s="8">
        <v>0.46</v>
      </c>
      <c r="AE72" s="8">
        <v>0.59</v>
      </c>
      <c r="AF72" s="8">
        <v>0.61</v>
      </c>
      <c r="AG72" s="8">
        <v>0.63</v>
      </c>
      <c r="AH72" s="8">
        <v>0.63</v>
      </c>
      <c r="AI72" s="8">
        <v>0.55570926208139093</v>
      </c>
      <c r="AJ72" s="8">
        <v>0.53133536033638495</v>
      </c>
      <c r="AK72" s="8">
        <v>0.62489538895796759</v>
      </c>
      <c r="AL72" s="8">
        <v>0.73229559560754365</v>
      </c>
      <c r="AM72" s="8">
        <v>0.85</v>
      </c>
      <c r="AN72" s="8">
        <v>0.71</v>
      </c>
      <c r="AO72" s="8">
        <v>0.59</v>
      </c>
      <c r="AP72" s="8">
        <v>0.57999999999999996</v>
      </c>
      <c r="AQ72" s="8">
        <v>0.54</v>
      </c>
      <c r="AR72" s="8">
        <v>0.56000000000000005</v>
      </c>
      <c r="AS72" s="8">
        <v>0.67</v>
      </c>
      <c r="AT72" s="8">
        <v>0.64</v>
      </c>
      <c r="AU72" s="8">
        <v>0.54</v>
      </c>
      <c r="AV72" s="8">
        <v>0.54</v>
      </c>
      <c r="AW72" s="8">
        <v>0.71</v>
      </c>
      <c r="AX72" s="8">
        <v>0.82</v>
      </c>
      <c r="AY72" s="8">
        <v>0.8</v>
      </c>
      <c r="AZ72" s="8">
        <v>1.31</v>
      </c>
      <c r="BA72" s="8">
        <v>1.1100000000000001</v>
      </c>
      <c r="BB72" s="8">
        <v>1.21</v>
      </c>
      <c r="BC72" s="8">
        <v>1.39</v>
      </c>
      <c r="BD72" s="8">
        <v>1.1299999999999999</v>
      </c>
    </row>
    <row r="73" spans="3:56" x14ac:dyDescent="0.2">
      <c r="C73" s="16" t="s">
        <v>81</v>
      </c>
      <c r="D73" s="6" t="s">
        <v>58</v>
      </c>
      <c r="E73" s="8">
        <v>0.17</v>
      </c>
      <c r="F73" s="8">
        <v>0.17</v>
      </c>
      <c r="G73" s="8">
        <v>0.17</v>
      </c>
      <c r="H73" s="8">
        <v>0.18</v>
      </c>
      <c r="I73" s="8">
        <v>0.17</v>
      </c>
      <c r="J73" s="8">
        <v>0.17</v>
      </c>
      <c r="K73" s="8">
        <v>0.17</v>
      </c>
      <c r="L73" s="8">
        <v>0.18</v>
      </c>
      <c r="M73" s="8">
        <v>0.18</v>
      </c>
      <c r="N73" s="8">
        <v>0.21</v>
      </c>
      <c r="O73" s="8">
        <v>0.19</v>
      </c>
      <c r="P73" s="8">
        <v>0.2</v>
      </c>
      <c r="Q73" s="8">
        <v>0.19</v>
      </c>
      <c r="R73" s="8">
        <v>0.19</v>
      </c>
      <c r="S73" s="8">
        <v>0.19</v>
      </c>
      <c r="T73" s="8">
        <v>0.18</v>
      </c>
      <c r="U73" s="8">
        <v>0.21</v>
      </c>
      <c r="V73" s="8">
        <v>0.2</v>
      </c>
      <c r="W73" s="8">
        <v>0.19</v>
      </c>
      <c r="X73" s="8">
        <v>0.21</v>
      </c>
      <c r="Y73" s="8">
        <v>0.21</v>
      </c>
      <c r="Z73" s="8">
        <v>0.21</v>
      </c>
      <c r="AA73" s="8">
        <v>0.2</v>
      </c>
      <c r="AB73" s="8">
        <v>0.2</v>
      </c>
      <c r="AC73" s="8">
        <v>0.21</v>
      </c>
      <c r="AD73" s="8">
        <v>0.24</v>
      </c>
      <c r="AE73" s="8">
        <v>0.24</v>
      </c>
      <c r="AF73" s="8">
        <v>0.24</v>
      </c>
      <c r="AG73" s="8">
        <v>0.25</v>
      </c>
      <c r="AH73" s="8">
        <v>0.27</v>
      </c>
      <c r="AI73" s="8">
        <v>0.25252631868084208</v>
      </c>
      <c r="AJ73" s="8">
        <v>0.27397500214341897</v>
      </c>
      <c r="AK73" s="8">
        <v>0.27780630592081712</v>
      </c>
      <c r="AL73" s="8">
        <v>0.2691722858595888</v>
      </c>
      <c r="AM73" s="8">
        <v>0.26</v>
      </c>
      <c r="AN73" s="8">
        <v>0.26</v>
      </c>
      <c r="AO73" s="8">
        <v>0.26</v>
      </c>
      <c r="AP73" s="8">
        <v>0.26</v>
      </c>
      <c r="AQ73" s="8">
        <v>0.28999999999999998</v>
      </c>
      <c r="AR73" s="8">
        <v>0.28000000000000003</v>
      </c>
      <c r="AS73" s="8">
        <v>0.28000000000000003</v>
      </c>
      <c r="AT73" s="8">
        <v>0.27</v>
      </c>
      <c r="AU73" s="8">
        <v>0.28000000000000003</v>
      </c>
      <c r="AV73" s="8">
        <v>0.28000000000000003</v>
      </c>
      <c r="AW73" s="8">
        <v>0.28000000000000003</v>
      </c>
      <c r="AX73" s="8">
        <v>0.28000000000000003</v>
      </c>
      <c r="AY73" s="8">
        <v>0.25</v>
      </c>
      <c r="AZ73" s="8">
        <v>0.27</v>
      </c>
      <c r="BA73" s="8">
        <v>0.27</v>
      </c>
      <c r="BB73" s="8">
        <v>0.3</v>
      </c>
      <c r="BC73" s="8">
        <v>0.28000000000000003</v>
      </c>
      <c r="BD73" s="8">
        <v>0.26</v>
      </c>
    </row>
    <row r="74" spans="3:56" x14ac:dyDescent="0.2">
      <c r="C74" s="16" t="s">
        <v>82</v>
      </c>
      <c r="D74" s="6" t="s">
        <v>58</v>
      </c>
      <c r="E74" s="8">
        <v>2.2000000000000002</v>
      </c>
      <c r="F74" s="8">
        <v>4.2</v>
      </c>
      <c r="G74" s="8">
        <v>3.93</v>
      </c>
      <c r="H74" s="8">
        <v>3.91</v>
      </c>
      <c r="I74" s="8">
        <v>4.3099999999999996</v>
      </c>
      <c r="J74" s="8">
        <v>4.29</v>
      </c>
      <c r="K74" s="8">
        <v>4.37</v>
      </c>
      <c r="L74" s="8">
        <v>4.9400000000000004</v>
      </c>
      <c r="M74" s="8">
        <v>5.78</v>
      </c>
      <c r="N74" s="8">
        <v>6.78</v>
      </c>
      <c r="O74" s="8">
        <v>4.66</v>
      </c>
      <c r="P74" s="8">
        <v>4.0999999999999996</v>
      </c>
      <c r="Q74" s="8">
        <v>3.06</v>
      </c>
      <c r="R74" s="8">
        <v>1.66</v>
      </c>
      <c r="S74" s="8">
        <v>1.76</v>
      </c>
      <c r="T74" s="8">
        <v>2.02</v>
      </c>
      <c r="U74" s="8">
        <v>1.59</v>
      </c>
      <c r="V74" s="8">
        <v>1.72</v>
      </c>
      <c r="W74" s="8">
        <v>1.41</v>
      </c>
      <c r="X74" s="8">
        <v>1.03</v>
      </c>
      <c r="Y74" s="8">
        <v>1.1200000000000001</v>
      </c>
      <c r="Z74" s="8">
        <v>1.2</v>
      </c>
      <c r="AA74" s="8">
        <v>1.31</v>
      </c>
      <c r="AB74" s="8">
        <v>1.37</v>
      </c>
      <c r="AC74" s="8">
        <v>1.37</v>
      </c>
      <c r="AD74" s="8">
        <v>1.33</v>
      </c>
      <c r="AE74" s="8">
        <v>2.0299999999999998</v>
      </c>
      <c r="AF74" s="8">
        <v>2.0499999999999998</v>
      </c>
      <c r="AG74" s="8">
        <v>1.73</v>
      </c>
      <c r="AH74" s="8">
        <v>1.6</v>
      </c>
      <c r="AI74" s="8">
        <v>1.519887564930585</v>
      </c>
      <c r="AJ74" s="8">
        <v>2.4333079402564382</v>
      </c>
      <c r="AK74" s="8">
        <v>2.7552309265658854</v>
      </c>
      <c r="AL74" s="8">
        <v>2.2582650384668481</v>
      </c>
      <c r="AM74" s="8">
        <v>1.99</v>
      </c>
      <c r="AN74" s="8">
        <v>2.19</v>
      </c>
      <c r="AO74" s="8">
        <v>1.53</v>
      </c>
      <c r="AP74" s="8">
        <v>1.61</v>
      </c>
      <c r="AQ74" s="8">
        <v>1.87</v>
      </c>
      <c r="AR74" s="8">
        <v>1.93</v>
      </c>
      <c r="AS74" s="8">
        <v>1.62</v>
      </c>
      <c r="AT74" s="8">
        <v>1.57</v>
      </c>
      <c r="AU74" s="8">
        <v>1.59</v>
      </c>
      <c r="AV74" s="8">
        <v>1.54</v>
      </c>
      <c r="AW74" s="8">
        <v>1.41</v>
      </c>
      <c r="AX74" s="8">
        <v>1.44</v>
      </c>
      <c r="AY74" s="8">
        <v>1.67</v>
      </c>
      <c r="AZ74" s="8">
        <v>1.91</v>
      </c>
      <c r="BA74" s="8">
        <v>2.17</v>
      </c>
      <c r="BB74" s="8">
        <v>2.52</v>
      </c>
      <c r="BC74" s="8">
        <v>2.56</v>
      </c>
      <c r="BD74" s="8">
        <v>2.39</v>
      </c>
    </row>
    <row r="75" spans="3:56" x14ac:dyDescent="0.2">
      <c r="C75" s="16" t="s">
        <v>84</v>
      </c>
      <c r="D75" s="6" t="s">
        <v>85</v>
      </c>
      <c r="E75" s="8">
        <v>0.39</v>
      </c>
      <c r="F75" s="8">
        <v>0.42</v>
      </c>
      <c r="G75" s="8">
        <v>0.46</v>
      </c>
      <c r="H75" s="8">
        <v>0.68</v>
      </c>
      <c r="I75" s="8">
        <v>0.89</v>
      </c>
      <c r="J75" s="8">
        <v>0.74</v>
      </c>
      <c r="K75" s="8">
        <v>0.75</v>
      </c>
      <c r="L75" s="8">
        <v>0.79</v>
      </c>
      <c r="M75" s="8">
        <v>0.91</v>
      </c>
      <c r="N75" s="8">
        <v>0.85</v>
      </c>
      <c r="O75" s="8">
        <v>0.86</v>
      </c>
      <c r="P75" s="8">
        <v>0.8</v>
      </c>
      <c r="Q75" s="8">
        <v>0.69</v>
      </c>
      <c r="R75" s="8">
        <v>0.56000000000000005</v>
      </c>
      <c r="S75" s="8">
        <v>0.5</v>
      </c>
      <c r="T75" s="8">
        <v>0.39</v>
      </c>
      <c r="U75" s="8">
        <v>0.36</v>
      </c>
      <c r="V75" s="8">
        <v>0.36</v>
      </c>
      <c r="W75" s="8">
        <v>0.28000000000000003</v>
      </c>
      <c r="X75" s="8">
        <v>0.3</v>
      </c>
      <c r="Y75" s="8">
        <v>0.31</v>
      </c>
      <c r="Z75" s="8">
        <v>0.33</v>
      </c>
      <c r="AA75" s="8">
        <v>0.35</v>
      </c>
      <c r="AB75" s="8">
        <v>0.34</v>
      </c>
      <c r="AC75" s="8">
        <v>0.34</v>
      </c>
      <c r="AD75" s="8">
        <v>0.33</v>
      </c>
      <c r="AE75" s="8">
        <v>0.35</v>
      </c>
      <c r="AF75" s="8">
        <v>0.37</v>
      </c>
      <c r="AG75" s="8">
        <v>0.39</v>
      </c>
      <c r="AH75" s="8">
        <v>0.48</v>
      </c>
      <c r="AI75" s="8">
        <v>0.56919981571201872</v>
      </c>
      <c r="AJ75" s="8">
        <v>0.61414906454374529</v>
      </c>
      <c r="AK75" s="8">
        <v>0.55850012105029101</v>
      </c>
      <c r="AL75" s="8">
        <v>0.5501806493826531</v>
      </c>
      <c r="AM75" s="8">
        <v>0.52</v>
      </c>
      <c r="AN75" s="8">
        <v>0.56999999999999995</v>
      </c>
      <c r="AO75" s="8">
        <v>0.46</v>
      </c>
      <c r="AP75" s="8">
        <v>0.45</v>
      </c>
      <c r="AQ75" s="8">
        <v>0.47</v>
      </c>
      <c r="AR75" s="8">
        <v>0.44</v>
      </c>
      <c r="AS75" s="8">
        <v>0.42</v>
      </c>
      <c r="AT75" s="8">
        <v>0.38</v>
      </c>
      <c r="AU75" s="8">
        <v>0.33</v>
      </c>
      <c r="AV75" s="8">
        <v>0.35</v>
      </c>
      <c r="AW75" s="8">
        <v>0.33</v>
      </c>
      <c r="AX75" s="8">
        <v>0.38</v>
      </c>
      <c r="AY75" s="8">
        <v>0.34</v>
      </c>
      <c r="AZ75" s="8">
        <v>0.33</v>
      </c>
      <c r="BA75" s="8">
        <v>0.33</v>
      </c>
      <c r="BB75" s="8">
        <v>0.38</v>
      </c>
      <c r="BC75" s="8">
        <v>0.47</v>
      </c>
      <c r="BD75" s="8">
        <v>0.43</v>
      </c>
    </row>
    <row r="76" spans="3:56" x14ac:dyDescent="0.2">
      <c r="C76" s="16" t="s">
        <v>86</v>
      </c>
      <c r="D76" s="6" t="s">
        <v>58</v>
      </c>
      <c r="E76" s="8">
        <v>1.45</v>
      </c>
      <c r="F76" s="8">
        <v>1.39</v>
      </c>
      <c r="G76" s="8">
        <v>1.28</v>
      </c>
      <c r="H76" s="8">
        <v>1.43</v>
      </c>
      <c r="I76" s="8">
        <v>1.54</v>
      </c>
      <c r="J76" s="8">
        <v>1.81</v>
      </c>
      <c r="K76" s="8">
        <v>1.68</v>
      </c>
      <c r="L76" s="8">
        <v>1.44</v>
      </c>
      <c r="M76" s="8">
        <v>1.79</v>
      </c>
      <c r="N76" s="8">
        <v>1.72</v>
      </c>
      <c r="O76" s="8">
        <v>1.45</v>
      </c>
      <c r="P76" s="8">
        <v>1.55</v>
      </c>
      <c r="Q76" s="8">
        <v>1.48</v>
      </c>
      <c r="R76" s="8">
        <v>1.02</v>
      </c>
      <c r="S76" s="8">
        <v>0.83</v>
      </c>
      <c r="T76" s="8">
        <v>0.73</v>
      </c>
      <c r="U76" s="8">
        <v>0.76</v>
      </c>
      <c r="V76" s="8">
        <v>0.9</v>
      </c>
      <c r="W76" s="8">
        <v>0.93</v>
      </c>
      <c r="X76" s="8">
        <v>0.71</v>
      </c>
      <c r="Y76" s="8">
        <v>0.69</v>
      </c>
      <c r="Z76" s="8">
        <v>0.61</v>
      </c>
      <c r="AA76" s="8">
        <v>0.74</v>
      </c>
      <c r="AB76" s="8">
        <v>0.64</v>
      </c>
      <c r="AC76" s="8">
        <v>0.64</v>
      </c>
      <c r="AD76" s="8">
        <v>0.7</v>
      </c>
      <c r="AE76" s="8">
        <v>0.81</v>
      </c>
      <c r="AF76" s="8">
        <v>0.75</v>
      </c>
      <c r="AG76" s="8">
        <v>0.85</v>
      </c>
      <c r="AH76" s="8">
        <v>0.81</v>
      </c>
      <c r="AI76" s="8">
        <v>0.83778588092360784</v>
      </c>
      <c r="AJ76" s="8">
        <v>0.85086340552485051</v>
      </c>
      <c r="AK76" s="8">
        <v>0.88878418286243077</v>
      </c>
      <c r="AL76" s="8">
        <v>0.8980453283289781</v>
      </c>
      <c r="AM76" s="8">
        <v>0.77</v>
      </c>
      <c r="AN76" s="8">
        <v>0.8</v>
      </c>
      <c r="AO76" s="8">
        <v>0.64</v>
      </c>
      <c r="AP76" s="8">
        <v>0.76</v>
      </c>
      <c r="AQ76" s="8">
        <v>0.88</v>
      </c>
      <c r="AR76" s="8">
        <v>0.92</v>
      </c>
      <c r="AS76" s="8">
        <v>1.02</v>
      </c>
      <c r="AT76" s="8">
        <v>1.1499999999999999</v>
      </c>
      <c r="AU76" s="8">
        <v>0.85</v>
      </c>
      <c r="AV76" s="8">
        <v>0.82</v>
      </c>
      <c r="AW76" s="8">
        <v>0.77</v>
      </c>
      <c r="AX76" s="8">
        <v>0.73</v>
      </c>
      <c r="AY76" s="8">
        <v>0.62</v>
      </c>
      <c r="AZ76" s="8">
        <v>0.67</v>
      </c>
      <c r="BA76" s="8">
        <v>0.92</v>
      </c>
      <c r="BB76" s="8">
        <v>0.87</v>
      </c>
      <c r="BC76" s="8">
        <v>0.88</v>
      </c>
      <c r="BD76" s="8">
        <v>0.93</v>
      </c>
    </row>
    <row r="77" spans="3:56" x14ac:dyDescent="0.2">
      <c r="C77" s="16" t="s">
        <v>104</v>
      </c>
      <c r="D77" s="6" t="s">
        <v>58</v>
      </c>
      <c r="E77" s="8">
        <v>0.89</v>
      </c>
      <c r="F77" s="8">
        <v>1.32</v>
      </c>
      <c r="G77" s="8">
        <v>1.44</v>
      </c>
      <c r="H77" s="8">
        <v>1.43</v>
      </c>
      <c r="I77" s="8">
        <v>1.37</v>
      </c>
      <c r="J77" s="8">
        <v>1.67</v>
      </c>
      <c r="K77" s="8">
        <v>1.64</v>
      </c>
      <c r="L77" s="8">
        <v>1.23</v>
      </c>
      <c r="M77" s="8">
        <v>1.34</v>
      </c>
      <c r="N77" s="8">
        <v>1.53</v>
      </c>
      <c r="O77" s="8">
        <v>1.45</v>
      </c>
      <c r="P77" s="8">
        <v>1.34</v>
      </c>
      <c r="Q77" s="8">
        <v>1.34</v>
      </c>
      <c r="R77" s="8">
        <v>1.26</v>
      </c>
      <c r="S77" s="8">
        <v>1.67</v>
      </c>
      <c r="T77" s="8">
        <v>2.35</v>
      </c>
      <c r="U77" s="8">
        <v>2.21</v>
      </c>
      <c r="V77" s="8">
        <v>1.87</v>
      </c>
      <c r="W77" s="8">
        <v>1.64</v>
      </c>
      <c r="X77" s="8">
        <v>1.08</v>
      </c>
      <c r="Y77" s="8">
        <v>0.84</v>
      </c>
      <c r="Z77" s="8">
        <v>0.7</v>
      </c>
      <c r="AA77" s="8">
        <v>0.68</v>
      </c>
      <c r="AB77" s="8">
        <v>0.57999999999999996</v>
      </c>
      <c r="AC77" s="8">
        <v>0.6</v>
      </c>
      <c r="AD77" s="8">
        <v>0.52</v>
      </c>
      <c r="AE77" s="8">
        <v>0.5</v>
      </c>
      <c r="AF77" s="8">
        <v>0.62</v>
      </c>
      <c r="AG77" s="8">
        <v>0.85</v>
      </c>
      <c r="AH77" s="8">
        <v>0.74</v>
      </c>
      <c r="AI77" s="8">
        <v>0.76494626210070338</v>
      </c>
      <c r="AJ77" s="8">
        <v>0.81385249329867282</v>
      </c>
      <c r="AK77" s="8">
        <v>0.7721258686035346</v>
      </c>
      <c r="AL77" s="8">
        <v>0.69097602519273837</v>
      </c>
      <c r="AM77" s="8">
        <v>0.71</v>
      </c>
      <c r="AN77" s="8">
        <v>0.81</v>
      </c>
      <c r="AO77" s="8">
        <v>0.8</v>
      </c>
      <c r="AP77" s="8">
        <v>0.88</v>
      </c>
      <c r="AQ77" s="8">
        <v>0.85</v>
      </c>
      <c r="AR77" s="8">
        <v>0.9</v>
      </c>
      <c r="AS77" s="8">
        <v>0.9</v>
      </c>
      <c r="AT77" s="8">
        <v>0.73</v>
      </c>
      <c r="AU77" s="8">
        <v>0.73</v>
      </c>
      <c r="AV77" s="8">
        <v>0.66</v>
      </c>
      <c r="AW77" s="8">
        <v>0.6</v>
      </c>
      <c r="AX77" s="8">
        <v>0.67</v>
      </c>
      <c r="AY77" s="8">
        <v>0.72</v>
      </c>
      <c r="AZ77" s="8">
        <v>0.71</v>
      </c>
      <c r="BA77" s="8">
        <v>0.73</v>
      </c>
      <c r="BB77" s="8">
        <v>0.88</v>
      </c>
      <c r="BC77" s="8">
        <v>0.89</v>
      </c>
      <c r="BD77" s="8">
        <v>0.82</v>
      </c>
    </row>
    <row r="78" spans="3:56" x14ac:dyDescent="0.2">
      <c r="C78" s="16" t="s">
        <v>87</v>
      </c>
      <c r="D78" s="6" t="s">
        <v>58</v>
      </c>
      <c r="E78" s="8">
        <v>0.42</v>
      </c>
      <c r="F78" s="8">
        <v>0.42</v>
      </c>
      <c r="G78" s="8">
        <v>0.43</v>
      </c>
      <c r="H78" s="8">
        <v>0.4</v>
      </c>
      <c r="I78" s="8">
        <v>0.4</v>
      </c>
      <c r="J78" s="8">
        <v>0.4</v>
      </c>
      <c r="K78" s="8">
        <v>0.4</v>
      </c>
      <c r="L78" s="8">
        <v>0.41</v>
      </c>
      <c r="M78" s="8">
        <v>0.4</v>
      </c>
      <c r="N78" s="8">
        <v>0.41</v>
      </c>
      <c r="O78" s="8">
        <v>0.4</v>
      </c>
      <c r="P78" s="8">
        <v>0.41</v>
      </c>
      <c r="Q78" s="8">
        <v>0.4</v>
      </c>
      <c r="R78" s="8">
        <v>0.41</v>
      </c>
      <c r="S78" s="8">
        <v>0.4</v>
      </c>
      <c r="T78" s="8">
        <v>0.39</v>
      </c>
      <c r="U78" s="8">
        <v>0.39</v>
      </c>
      <c r="V78" s="8">
        <v>0.4</v>
      </c>
      <c r="W78" s="8">
        <v>0.41</v>
      </c>
      <c r="X78" s="8">
        <v>0.41</v>
      </c>
      <c r="Y78" s="8">
        <v>0.42</v>
      </c>
      <c r="Z78" s="8">
        <v>0.42</v>
      </c>
      <c r="AA78" s="8">
        <v>0.44</v>
      </c>
      <c r="AB78" s="8">
        <v>0.44</v>
      </c>
      <c r="AC78" s="8">
        <v>0.44</v>
      </c>
      <c r="AD78" s="8">
        <v>0.44</v>
      </c>
      <c r="AE78" s="8">
        <v>0.45</v>
      </c>
      <c r="AF78" s="8">
        <v>0.45</v>
      </c>
      <c r="AG78" s="8">
        <v>0.44</v>
      </c>
      <c r="AH78" s="8">
        <v>0.44</v>
      </c>
      <c r="AI78" s="8">
        <v>0.44381738090646095</v>
      </c>
      <c r="AJ78" s="8">
        <v>0.45761425810651024</v>
      </c>
      <c r="AK78" s="8">
        <v>0.43286898012821856</v>
      </c>
      <c r="AL78" s="8">
        <v>0.45307621962629746</v>
      </c>
      <c r="AM78" s="8">
        <v>0.43</v>
      </c>
      <c r="AN78" s="8">
        <v>0.43</v>
      </c>
      <c r="AO78" s="8">
        <v>0.43</v>
      </c>
      <c r="AP78" s="8">
        <v>0.43</v>
      </c>
      <c r="AQ78" s="8">
        <v>0.44</v>
      </c>
      <c r="AR78" s="8">
        <v>0.42</v>
      </c>
      <c r="AS78" s="8">
        <v>0.47</v>
      </c>
      <c r="AT78" s="8">
        <v>0.47</v>
      </c>
      <c r="AU78" s="8">
        <v>0.47</v>
      </c>
      <c r="AV78" s="8">
        <v>0.47</v>
      </c>
      <c r="AW78" s="8">
        <v>0.47</v>
      </c>
      <c r="AX78" s="8">
        <v>0.46</v>
      </c>
      <c r="AY78" s="8">
        <v>0.46</v>
      </c>
      <c r="AZ78" s="8">
        <v>0.47</v>
      </c>
      <c r="BA78" s="8">
        <v>0.42</v>
      </c>
      <c r="BB78" s="8">
        <v>0.43</v>
      </c>
      <c r="BC78" s="8">
        <v>0.43</v>
      </c>
      <c r="BD78" s="8">
        <v>0.42</v>
      </c>
    </row>
    <row r="79" spans="3:56" x14ac:dyDescent="0.2">
      <c r="C79" s="16" t="s">
        <v>88</v>
      </c>
      <c r="D79" s="6" t="s">
        <v>58</v>
      </c>
      <c r="E79" s="8">
        <v>0.56999999999999995</v>
      </c>
      <c r="F79" s="8">
        <v>0.56999999999999995</v>
      </c>
      <c r="G79" s="8">
        <v>0.56000000000000005</v>
      </c>
      <c r="H79" s="8">
        <v>0.55000000000000004</v>
      </c>
      <c r="I79" s="8">
        <v>0.56000000000000005</v>
      </c>
      <c r="J79" s="8">
        <v>0.56999999999999995</v>
      </c>
      <c r="K79" s="8">
        <v>0.56000000000000005</v>
      </c>
      <c r="L79" s="8">
        <v>0.57999999999999996</v>
      </c>
      <c r="M79" s="8">
        <v>0.62</v>
      </c>
      <c r="N79" s="8">
        <v>0.66</v>
      </c>
      <c r="O79" s="8">
        <v>0.66</v>
      </c>
      <c r="P79" s="8">
        <v>0.65</v>
      </c>
      <c r="Q79" s="8">
        <v>0.67</v>
      </c>
      <c r="R79" s="8">
        <v>0.67</v>
      </c>
      <c r="S79" s="8">
        <v>0.67</v>
      </c>
      <c r="T79" s="8">
        <v>0.67</v>
      </c>
      <c r="U79" s="8">
        <v>0.68</v>
      </c>
      <c r="V79" s="8">
        <v>0.68</v>
      </c>
      <c r="W79" s="8">
        <v>0.69</v>
      </c>
      <c r="X79" s="8">
        <v>0.76</v>
      </c>
      <c r="Y79" s="8">
        <v>0.75</v>
      </c>
      <c r="Z79" s="8">
        <v>0.74</v>
      </c>
      <c r="AA79" s="8">
        <v>0.72</v>
      </c>
      <c r="AB79" s="8">
        <v>0.74</v>
      </c>
      <c r="AC79" s="8">
        <v>0.75</v>
      </c>
      <c r="AD79" s="8">
        <v>0.69</v>
      </c>
      <c r="AE79" s="8">
        <v>0.72</v>
      </c>
      <c r="AF79" s="8">
        <v>0.73</v>
      </c>
      <c r="AG79" s="8">
        <v>0.74</v>
      </c>
      <c r="AH79" s="8">
        <v>0.74</v>
      </c>
      <c r="AI79" s="8">
        <v>0.73060819601939198</v>
      </c>
      <c r="AJ79" s="8">
        <v>0.74535912714285346</v>
      </c>
      <c r="AK79" s="8">
        <v>0.77993076435543163</v>
      </c>
      <c r="AL79" s="8">
        <v>0.78657240599903333</v>
      </c>
      <c r="AM79" s="8">
        <v>0.79</v>
      </c>
      <c r="AN79" s="8">
        <v>0.78</v>
      </c>
      <c r="AO79" s="8">
        <v>0.79</v>
      </c>
      <c r="AP79" s="8">
        <v>0.79</v>
      </c>
      <c r="AQ79" s="8">
        <v>0.78</v>
      </c>
      <c r="AR79" s="8">
        <v>0.78</v>
      </c>
      <c r="AS79" s="8">
        <v>0.78</v>
      </c>
      <c r="AT79" s="8">
        <v>0.77</v>
      </c>
      <c r="AU79" s="8">
        <v>0.77</v>
      </c>
      <c r="AV79" s="8">
        <v>0.78</v>
      </c>
      <c r="AW79" s="8">
        <v>0.76</v>
      </c>
      <c r="AX79" s="8">
        <v>0.76</v>
      </c>
      <c r="AY79" s="8">
        <v>0.75</v>
      </c>
      <c r="AZ79" s="8">
        <v>0.71</v>
      </c>
      <c r="BA79" s="8">
        <v>0.69</v>
      </c>
      <c r="BB79" s="8">
        <v>0.69</v>
      </c>
      <c r="BC79" s="8">
        <v>0.68</v>
      </c>
      <c r="BD79" s="8">
        <v>0.68</v>
      </c>
    </row>
    <row r="80" spans="3:56" x14ac:dyDescent="0.2">
      <c r="C80" s="16" t="s">
        <v>89</v>
      </c>
      <c r="D80" s="6" t="s">
        <v>58</v>
      </c>
      <c r="E80" s="8">
        <v>0.74</v>
      </c>
      <c r="F80" s="8">
        <v>0.73</v>
      </c>
      <c r="G80" s="8">
        <v>0.74</v>
      </c>
      <c r="H80" s="8">
        <v>0.74</v>
      </c>
      <c r="I80" s="8">
        <v>0.69</v>
      </c>
      <c r="J80" s="8">
        <v>0.7</v>
      </c>
      <c r="K80" s="8">
        <v>0.7</v>
      </c>
      <c r="L80" s="8">
        <v>0.68</v>
      </c>
      <c r="M80" s="8">
        <v>0.66</v>
      </c>
      <c r="N80" s="8">
        <v>0.68</v>
      </c>
      <c r="O80" s="8">
        <v>0.68</v>
      </c>
      <c r="P80" s="8">
        <v>0.69</v>
      </c>
      <c r="Q80" s="8">
        <v>0.68</v>
      </c>
      <c r="R80" s="8">
        <v>0.73</v>
      </c>
      <c r="S80" s="8">
        <v>0.74</v>
      </c>
      <c r="T80" s="8">
        <v>0.73</v>
      </c>
      <c r="U80" s="8">
        <v>0.72</v>
      </c>
      <c r="V80" s="8">
        <v>0.71</v>
      </c>
      <c r="W80" s="8">
        <v>0.73</v>
      </c>
      <c r="X80" s="8">
        <v>0.68</v>
      </c>
      <c r="Y80" s="8">
        <v>0.68</v>
      </c>
      <c r="Z80" s="8">
        <v>0.67</v>
      </c>
      <c r="AA80" s="8">
        <v>0.69</v>
      </c>
      <c r="AB80" s="8">
        <v>0.7</v>
      </c>
      <c r="AC80" s="8">
        <v>0.65</v>
      </c>
      <c r="AD80" s="8">
        <v>0.69</v>
      </c>
      <c r="AE80" s="8">
        <v>0.74</v>
      </c>
      <c r="AF80" s="8">
        <v>0.68</v>
      </c>
      <c r="AG80" s="8">
        <v>0.62</v>
      </c>
      <c r="AH80" s="8">
        <v>0.62</v>
      </c>
      <c r="AI80" s="8">
        <v>0.66319396378193551</v>
      </c>
      <c r="AJ80" s="8">
        <v>0.63896148238280559</v>
      </c>
      <c r="AK80" s="8">
        <v>0.64438500330353399</v>
      </c>
      <c r="AL80" s="8">
        <v>0.64367777273720106</v>
      </c>
      <c r="AM80" s="8">
        <v>0.66</v>
      </c>
      <c r="AN80" s="8">
        <v>0.62</v>
      </c>
      <c r="AO80" s="8">
        <v>0.71</v>
      </c>
      <c r="AP80" s="8">
        <v>0.7</v>
      </c>
      <c r="AQ80" s="8">
        <v>0.66</v>
      </c>
      <c r="AR80" s="8">
        <v>0.63</v>
      </c>
      <c r="AS80" s="8">
        <v>0.66</v>
      </c>
      <c r="AT80" s="8">
        <v>0.65</v>
      </c>
      <c r="AU80" s="8">
        <v>0.67</v>
      </c>
      <c r="AV80" s="8">
        <v>0.63</v>
      </c>
      <c r="AW80" s="8">
        <v>0.61</v>
      </c>
      <c r="AX80" s="8">
        <v>0.6</v>
      </c>
      <c r="AY80" s="8">
        <v>0.61</v>
      </c>
      <c r="AZ80" s="8">
        <v>0.61</v>
      </c>
      <c r="BA80" s="8">
        <v>0.62</v>
      </c>
      <c r="BB80" s="8">
        <v>0.61</v>
      </c>
      <c r="BC80" s="8">
        <v>0.6</v>
      </c>
      <c r="BD80" s="8">
        <v>0.57999999999999996</v>
      </c>
    </row>
    <row r="81" spans="3:56" x14ac:dyDescent="0.2">
      <c r="C81" s="18" t="s">
        <v>91</v>
      </c>
      <c r="D81" s="6" t="s">
        <v>58</v>
      </c>
      <c r="E81" s="8">
        <v>0.61</v>
      </c>
      <c r="F81" s="8">
        <v>0.61</v>
      </c>
      <c r="G81" s="8">
        <v>0.61</v>
      </c>
      <c r="H81" s="8">
        <v>0.62</v>
      </c>
      <c r="I81" s="8">
        <v>0.64</v>
      </c>
      <c r="J81" s="8">
        <v>0.62</v>
      </c>
      <c r="K81" s="8">
        <v>0.71</v>
      </c>
      <c r="L81" s="8">
        <v>0.72</v>
      </c>
      <c r="M81" s="8"/>
      <c r="N81" s="17"/>
      <c r="O81" s="17"/>
      <c r="P81" s="17"/>
      <c r="Q81" s="17"/>
      <c r="R81" s="17"/>
      <c r="S81" s="17"/>
      <c r="T81" s="17"/>
      <c r="U81" s="17"/>
      <c r="V81" s="17"/>
      <c r="W81" s="17"/>
      <c r="X81" s="17"/>
      <c r="Y81" s="17"/>
      <c r="Z81" s="17"/>
      <c r="AA81" s="17"/>
      <c r="AB81" s="17"/>
      <c r="AC81" s="8"/>
      <c r="AD81" s="17"/>
      <c r="AE81" s="17"/>
      <c r="AF81" s="17"/>
      <c r="AG81" s="17"/>
      <c r="AH81" s="17"/>
      <c r="AI81" s="17"/>
      <c r="AJ81" s="17"/>
      <c r="AK81" s="17"/>
      <c r="AL81" s="17"/>
      <c r="AM81" s="17"/>
      <c r="AN81" s="17"/>
      <c r="AO81" s="17"/>
      <c r="AP81" s="8">
        <v>0.92</v>
      </c>
      <c r="AQ81" s="8">
        <v>0.71</v>
      </c>
      <c r="AR81" s="8">
        <v>0.68</v>
      </c>
      <c r="AS81" s="8">
        <v>0.72</v>
      </c>
      <c r="AT81" s="8">
        <v>0.74</v>
      </c>
      <c r="AU81" s="8">
        <v>0.76</v>
      </c>
      <c r="AV81" s="8">
        <v>0.73</v>
      </c>
      <c r="AW81" s="8">
        <v>0.71</v>
      </c>
      <c r="AX81" s="8">
        <v>0.7</v>
      </c>
      <c r="AY81" s="8">
        <v>0.71</v>
      </c>
      <c r="AZ81" s="8">
        <v>0.7</v>
      </c>
      <c r="BA81" s="8">
        <v>0.71</v>
      </c>
      <c r="BB81" s="8">
        <v>0.66</v>
      </c>
      <c r="BC81" s="8">
        <v>0.71</v>
      </c>
      <c r="BD81" s="8">
        <v>0.71</v>
      </c>
    </row>
    <row r="82" spans="3:56" x14ac:dyDescent="0.2">
      <c r="C82" s="18" t="s">
        <v>93</v>
      </c>
      <c r="D82" s="6" t="s">
        <v>58</v>
      </c>
      <c r="E82" s="17"/>
      <c r="F82" s="17"/>
      <c r="G82" s="17"/>
      <c r="H82" s="17"/>
      <c r="I82" s="17"/>
      <c r="J82" s="17"/>
      <c r="K82" s="17"/>
      <c r="L82" s="17">
        <v>0.65</v>
      </c>
      <c r="M82" s="17">
        <v>0.65</v>
      </c>
      <c r="N82" s="8">
        <v>0.67</v>
      </c>
      <c r="O82" s="8">
        <v>0.7</v>
      </c>
      <c r="P82" s="17">
        <v>0.75</v>
      </c>
      <c r="Q82" s="8">
        <v>0.82</v>
      </c>
      <c r="R82" s="8">
        <v>0.82</v>
      </c>
      <c r="S82" s="8">
        <v>0.83</v>
      </c>
      <c r="T82" s="8">
        <v>0.78</v>
      </c>
      <c r="U82" s="8">
        <v>0.79</v>
      </c>
      <c r="V82" s="8">
        <v>0.69</v>
      </c>
      <c r="W82" s="8">
        <v>0.73</v>
      </c>
      <c r="X82" s="8">
        <v>0.71</v>
      </c>
      <c r="Y82" s="8">
        <v>0.74</v>
      </c>
      <c r="Z82" s="8">
        <v>0.75</v>
      </c>
      <c r="AA82" s="8">
        <v>0.76</v>
      </c>
      <c r="AB82" s="8">
        <v>0.75</v>
      </c>
      <c r="AC82" s="8">
        <v>0.74</v>
      </c>
      <c r="AD82" s="17"/>
      <c r="AE82" s="17"/>
      <c r="AF82" s="17"/>
      <c r="AG82" s="17"/>
      <c r="AH82" s="17"/>
      <c r="AI82" s="17"/>
      <c r="AJ82" s="17"/>
      <c r="AK82" s="17"/>
      <c r="AL82" s="17"/>
      <c r="AM82" s="17"/>
      <c r="AN82" s="17"/>
      <c r="AO82" s="17"/>
      <c r="AP82" s="17"/>
      <c r="AQ82" s="17"/>
      <c r="AR82" s="17"/>
      <c r="AS82" s="17"/>
      <c r="AT82" s="17"/>
      <c r="AU82" s="17"/>
      <c r="AV82" s="17"/>
      <c r="AW82" s="17"/>
      <c r="AX82" s="17"/>
      <c r="AY82" s="17"/>
      <c r="AZ82" s="17"/>
      <c r="BA82" s="17"/>
      <c r="BB82" s="17"/>
      <c r="BC82" s="17"/>
      <c r="BD82" s="17"/>
    </row>
    <row r="83" spans="3:56" x14ac:dyDescent="0.2">
      <c r="C83" s="16" t="s">
        <v>95</v>
      </c>
      <c r="D83" s="6" t="s">
        <v>58</v>
      </c>
      <c r="E83" s="17">
        <v>0.85</v>
      </c>
      <c r="F83" s="17">
        <v>0.87</v>
      </c>
      <c r="G83" s="17">
        <v>0.86</v>
      </c>
      <c r="H83" s="17">
        <v>0.86</v>
      </c>
      <c r="I83" s="17">
        <v>0.93</v>
      </c>
      <c r="J83" s="17">
        <v>0.94</v>
      </c>
      <c r="K83" s="17">
        <v>0.94</v>
      </c>
      <c r="L83" s="17">
        <v>0.94</v>
      </c>
      <c r="M83" s="17">
        <v>0.95</v>
      </c>
      <c r="N83" s="17">
        <v>0.95</v>
      </c>
      <c r="O83" s="17">
        <v>0.94</v>
      </c>
      <c r="P83" s="17">
        <v>0.89</v>
      </c>
      <c r="Q83" s="17">
        <v>0.95</v>
      </c>
      <c r="R83" s="17">
        <v>0.94</v>
      </c>
      <c r="S83" s="17">
        <v>0.93</v>
      </c>
      <c r="T83" s="17">
        <v>0.82</v>
      </c>
      <c r="U83" s="17">
        <v>0.81</v>
      </c>
      <c r="V83" s="17">
        <v>0.87</v>
      </c>
      <c r="W83" s="17">
        <v>0.87</v>
      </c>
      <c r="X83" s="17">
        <v>0.87</v>
      </c>
      <c r="Y83" s="17">
        <v>0.86</v>
      </c>
      <c r="Z83" s="17">
        <v>0.86</v>
      </c>
      <c r="AA83" s="17">
        <v>0.86</v>
      </c>
      <c r="AB83" s="17">
        <v>0.82</v>
      </c>
      <c r="AC83" s="17">
        <v>0.81</v>
      </c>
      <c r="AD83" s="17">
        <v>0.69</v>
      </c>
      <c r="AE83" s="17"/>
      <c r="AF83" s="23"/>
      <c r="AG83" s="23"/>
      <c r="AH83" s="17">
        <v>0.65</v>
      </c>
      <c r="AI83" s="17">
        <v>0.58013908622572752</v>
      </c>
      <c r="AJ83" s="17">
        <v>0.63391417280173379</v>
      </c>
      <c r="AK83" s="17">
        <v>0.79083915657600945</v>
      </c>
      <c r="AL83" s="17">
        <v>0.74139240424241848</v>
      </c>
      <c r="AM83" s="17">
        <v>0.62</v>
      </c>
      <c r="AN83" s="17">
        <v>0.73</v>
      </c>
      <c r="AO83" s="17">
        <v>0.73</v>
      </c>
      <c r="AP83" s="17">
        <v>0.74</v>
      </c>
      <c r="AQ83" s="17">
        <v>0.69</v>
      </c>
      <c r="AR83" s="17">
        <v>0.74</v>
      </c>
      <c r="AS83" s="17">
        <v>0.75</v>
      </c>
      <c r="AT83" s="17">
        <v>0.68</v>
      </c>
      <c r="AU83" s="17">
        <v>0.68</v>
      </c>
      <c r="AV83" s="17">
        <v>0.66</v>
      </c>
      <c r="AW83" s="17">
        <v>0.66</v>
      </c>
      <c r="AX83" s="17">
        <v>0.63</v>
      </c>
      <c r="AY83" s="17">
        <v>0.64</v>
      </c>
      <c r="AZ83" s="17">
        <v>0.64</v>
      </c>
      <c r="BA83" s="17">
        <v>0.63</v>
      </c>
      <c r="BB83" s="17">
        <v>0.67</v>
      </c>
      <c r="BC83" s="17">
        <v>0.68</v>
      </c>
      <c r="BD83" s="17">
        <v>0.66</v>
      </c>
    </row>
    <row r="84" spans="3:56" x14ac:dyDescent="0.2">
      <c r="C84" s="23" t="s">
        <v>96</v>
      </c>
      <c r="D84" s="6" t="s">
        <v>58</v>
      </c>
      <c r="E84" s="17">
        <v>0.96463273361805268</v>
      </c>
      <c r="F84" s="17">
        <v>1.0492148925054656</v>
      </c>
      <c r="G84" s="17">
        <v>1.1082047778503603</v>
      </c>
      <c r="H84" s="17">
        <v>1.1347605062943309</v>
      </c>
      <c r="I84" s="17">
        <v>1.1742307517009061</v>
      </c>
      <c r="J84" s="17">
        <v>1.1429748402563817</v>
      </c>
      <c r="K84" s="17">
        <v>1.1100000000000001</v>
      </c>
      <c r="L84" s="17">
        <v>1.08</v>
      </c>
      <c r="M84" s="17">
        <v>1.07</v>
      </c>
      <c r="N84" s="17">
        <v>1.08</v>
      </c>
      <c r="O84" s="17">
        <v>1.1100000000000001</v>
      </c>
      <c r="P84" s="17">
        <v>1.1299999999999999</v>
      </c>
      <c r="Q84" s="17">
        <v>1.1499999999999999</v>
      </c>
      <c r="R84" s="17">
        <v>1.19</v>
      </c>
      <c r="S84" s="17">
        <v>1.21</v>
      </c>
      <c r="T84" s="17">
        <v>1.21</v>
      </c>
      <c r="U84" s="17">
        <v>1.21</v>
      </c>
      <c r="V84" s="17">
        <v>1.23</v>
      </c>
      <c r="W84" s="17">
        <v>1.27</v>
      </c>
      <c r="X84" s="17">
        <v>1.33</v>
      </c>
      <c r="Y84" s="17">
        <v>1.28</v>
      </c>
      <c r="Z84" s="17">
        <v>1.3</v>
      </c>
      <c r="AA84" s="17">
        <v>1.25</v>
      </c>
      <c r="AB84" s="17">
        <v>1.25</v>
      </c>
      <c r="AC84" s="17">
        <v>1.1000000000000001</v>
      </c>
      <c r="AD84" s="17">
        <v>1.1100000000000001</v>
      </c>
      <c r="AE84" s="17">
        <v>0.91</v>
      </c>
      <c r="AF84" s="17">
        <v>0.85</v>
      </c>
      <c r="AG84" s="17">
        <v>0.87</v>
      </c>
      <c r="AH84" s="17">
        <v>0.84</v>
      </c>
      <c r="AI84" s="17">
        <v>0.84961255322156226</v>
      </c>
      <c r="AJ84" s="17">
        <v>0.84095962358953047</v>
      </c>
      <c r="AK84" s="17">
        <v>0.87262228921636309</v>
      </c>
      <c r="AL84" s="17">
        <v>0.90615892971482515</v>
      </c>
      <c r="AM84" s="17">
        <v>0.96</v>
      </c>
      <c r="AN84" s="17">
        <v>1.01</v>
      </c>
      <c r="AO84" s="17">
        <v>1.01</v>
      </c>
      <c r="AP84" s="17">
        <v>1.02</v>
      </c>
      <c r="AQ84" s="17">
        <v>0.99</v>
      </c>
      <c r="AR84" s="17">
        <v>0.99</v>
      </c>
      <c r="AS84" s="17">
        <v>0.99</v>
      </c>
      <c r="AT84" s="17">
        <v>1.01</v>
      </c>
      <c r="AU84" s="17">
        <v>1.02</v>
      </c>
      <c r="AV84" s="17">
        <v>1.04</v>
      </c>
      <c r="AW84" s="17">
        <v>1.08</v>
      </c>
      <c r="AX84" s="17">
        <v>1.1100000000000001</v>
      </c>
      <c r="AY84" s="17">
        <v>1.1100000000000001</v>
      </c>
      <c r="AZ84" s="17">
        <v>1.18</v>
      </c>
      <c r="BA84" s="17">
        <v>1.21</v>
      </c>
      <c r="BB84" s="17">
        <v>1.22</v>
      </c>
      <c r="BC84" s="17">
        <v>1.2</v>
      </c>
      <c r="BD84" s="17">
        <v>1.1299999999999999</v>
      </c>
    </row>
    <row r="87" spans="3:56" x14ac:dyDescent="0.2">
      <c r="C87" s="1" t="s">
        <v>97</v>
      </c>
    </row>
    <row r="88" spans="3:56" x14ac:dyDescent="0.2">
      <c r="E88" s="2">
        <v>2005</v>
      </c>
      <c r="F88" s="1"/>
      <c r="G88" s="1"/>
      <c r="H88" s="1"/>
      <c r="I88" s="1"/>
      <c r="J88" s="1"/>
      <c r="K88" s="1"/>
      <c r="L88" s="1"/>
      <c r="M88" s="1"/>
      <c r="N88" s="1"/>
      <c r="O88" s="1"/>
      <c r="P88" s="1"/>
      <c r="Q88" s="1"/>
      <c r="R88" s="1"/>
      <c r="S88" s="1"/>
      <c r="T88" s="1"/>
      <c r="U88" s="1"/>
      <c r="V88" s="1"/>
      <c r="W88" s="1"/>
      <c r="X88" s="1"/>
      <c r="Y88" s="1"/>
      <c r="Z88" s="1"/>
      <c r="AA88" s="1"/>
      <c r="AB88" s="1"/>
      <c r="AC88" s="1"/>
      <c r="AD88" s="1"/>
      <c r="AE88" s="1"/>
      <c r="AF88" s="1"/>
      <c r="AG88" s="1"/>
      <c r="AH88" s="1"/>
      <c r="AI88" s="1"/>
      <c r="AJ88" s="1"/>
      <c r="AK88" s="1"/>
      <c r="AL88" s="1"/>
      <c r="AM88" s="1"/>
      <c r="AN88" s="1"/>
      <c r="AO88" s="1"/>
      <c r="AP88" s="1"/>
      <c r="AQ88" s="1"/>
      <c r="AR88" s="1"/>
      <c r="AS88" s="1"/>
      <c r="AT88" s="1"/>
      <c r="AU88" s="1"/>
      <c r="AV88" s="1"/>
      <c r="AW88" s="1"/>
      <c r="AX88" s="1"/>
      <c r="AY88" s="1"/>
      <c r="AZ88" s="1"/>
      <c r="BA88" s="1"/>
      <c r="BB88" s="1"/>
      <c r="BC88" s="1"/>
      <c r="BD88" s="1"/>
    </row>
    <row r="89" spans="3:56" x14ac:dyDescent="0.2">
      <c r="C89" s="3" t="s">
        <v>2</v>
      </c>
      <c r="D89" s="3" t="s">
        <v>3</v>
      </c>
      <c r="E89" s="4" t="s">
        <v>15</v>
      </c>
      <c r="F89" s="4" t="s">
        <v>16</v>
      </c>
      <c r="G89" s="4" t="s">
        <v>17</v>
      </c>
      <c r="H89" s="4" t="s">
        <v>18</v>
      </c>
      <c r="I89" s="4" t="s">
        <v>19</v>
      </c>
      <c r="J89" s="4" t="s">
        <v>20</v>
      </c>
      <c r="K89" s="4" t="s">
        <v>21</v>
      </c>
      <c r="L89" s="4" t="s">
        <v>22</v>
      </c>
      <c r="M89" s="4" t="s">
        <v>23</v>
      </c>
      <c r="N89" s="4" t="s">
        <v>24</v>
      </c>
      <c r="O89" s="4" t="s">
        <v>25</v>
      </c>
      <c r="P89" s="4" t="s">
        <v>26</v>
      </c>
      <c r="Q89" s="4" t="s">
        <v>27</v>
      </c>
      <c r="R89" s="4" t="s">
        <v>28</v>
      </c>
      <c r="S89" s="4" t="s">
        <v>29</v>
      </c>
      <c r="T89" s="4" t="s">
        <v>30</v>
      </c>
      <c r="U89" s="4" t="s">
        <v>31</v>
      </c>
      <c r="V89" s="4" t="s">
        <v>32</v>
      </c>
      <c r="W89" s="4" t="s">
        <v>33</v>
      </c>
      <c r="X89" s="4" t="s">
        <v>34</v>
      </c>
      <c r="Y89" s="4" t="s">
        <v>35</v>
      </c>
      <c r="Z89" s="4" t="s">
        <v>36</v>
      </c>
      <c r="AA89" s="4" t="s">
        <v>37</v>
      </c>
      <c r="AB89" s="4" t="s">
        <v>38</v>
      </c>
      <c r="AC89" s="4" t="s">
        <v>39</v>
      </c>
      <c r="AD89" s="4" t="s">
        <v>40</v>
      </c>
      <c r="AE89" s="4" t="s">
        <v>41</v>
      </c>
      <c r="AF89" s="4" t="s">
        <v>42</v>
      </c>
      <c r="AG89" s="4" t="s">
        <v>43</v>
      </c>
      <c r="AH89" s="4" t="s">
        <v>44</v>
      </c>
      <c r="AI89" s="4" t="s">
        <v>45</v>
      </c>
      <c r="AJ89" s="4" t="s">
        <v>46</v>
      </c>
      <c r="AK89" s="4" t="s">
        <v>47</v>
      </c>
      <c r="AL89" s="4" t="s">
        <v>48</v>
      </c>
      <c r="AM89" s="4" t="s">
        <v>49</v>
      </c>
      <c r="AN89" s="4" t="s">
        <v>50</v>
      </c>
      <c r="AO89" s="4" t="s">
        <v>51</v>
      </c>
      <c r="AP89" s="4" t="s">
        <v>52</v>
      </c>
      <c r="AQ89" s="4" t="s">
        <v>53</v>
      </c>
      <c r="AR89" s="4" t="s">
        <v>54</v>
      </c>
      <c r="AS89" s="4" t="s">
        <v>55</v>
      </c>
      <c r="AT89" s="4" t="s">
        <v>4</v>
      </c>
      <c r="AU89" s="4" t="s">
        <v>5</v>
      </c>
      <c r="AV89" s="4" t="s">
        <v>6</v>
      </c>
      <c r="AW89" s="4" t="s">
        <v>7</v>
      </c>
      <c r="AX89" s="4" t="s">
        <v>8</v>
      </c>
      <c r="AY89" s="4" t="s">
        <v>9</v>
      </c>
      <c r="AZ89" s="4" t="s">
        <v>10</v>
      </c>
      <c r="BA89" s="4" t="s">
        <v>11</v>
      </c>
      <c r="BB89" s="4" t="s">
        <v>12</v>
      </c>
      <c r="BC89" s="4" t="s">
        <v>13</v>
      </c>
      <c r="BD89" s="4" t="s">
        <v>14</v>
      </c>
    </row>
    <row r="90" spans="3:56" x14ac:dyDescent="0.2">
      <c r="C90" s="5" t="s">
        <v>57</v>
      </c>
      <c r="D90" s="6" t="s">
        <v>58</v>
      </c>
      <c r="E90" s="8">
        <v>11.82</v>
      </c>
      <c r="F90" s="8">
        <v>11.84</v>
      </c>
      <c r="G90" s="8">
        <v>11.81</v>
      </c>
      <c r="H90" s="8">
        <v>11.73</v>
      </c>
      <c r="I90" s="8">
        <v>11.75</v>
      </c>
      <c r="J90" s="8">
        <v>11.74</v>
      </c>
      <c r="K90" s="8">
        <v>12</v>
      </c>
      <c r="L90" s="8">
        <v>12.02</v>
      </c>
      <c r="M90" s="8">
        <v>12.04</v>
      </c>
      <c r="N90" s="8">
        <v>12.04</v>
      </c>
      <c r="O90" s="8">
        <v>12.04</v>
      </c>
      <c r="P90" s="8">
        <v>12.03</v>
      </c>
      <c r="Q90" s="8">
        <v>12.05</v>
      </c>
      <c r="R90" s="8">
        <v>12.05</v>
      </c>
      <c r="S90" s="8">
        <v>12.07</v>
      </c>
      <c r="T90" s="8">
        <v>12.05</v>
      </c>
      <c r="U90" s="8">
        <v>12.08</v>
      </c>
      <c r="V90" s="8">
        <v>12.08</v>
      </c>
      <c r="W90" s="8">
        <v>12.09</v>
      </c>
      <c r="X90" s="8">
        <v>12.09</v>
      </c>
      <c r="Y90" s="8">
        <v>12.09</v>
      </c>
      <c r="Z90" s="8">
        <v>12.11</v>
      </c>
      <c r="AA90" s="8">
        <v>12.17</v>
      </c>
      <c r="AB90" s="8">
        <v>12.17</v>
      </c>
      <c r="AC90" s="8">
        <v>12.17</v>
      </c>
      <c r="AD90" s="8">
        <v>12.25</v>
      </c>
      <c r="AE90" s="8">
        <v>12.28</v>
      </c>
      <c r="AF90" s="8">
        <v>12.24</v>
      </c>
      <c r="AG90" s="8">
        <v>12.26</v>
      </c>
      <c r="AH90" s="8">
        <v>12.36</v>
      </c>
      <c r="AI90" s="8">
        <v>12.39</v>
      </c>
      <c r="AJ90" s="8">
        <v>12.4</v>
      </c>
      <c r="AK90" s="8">
        <v>12.42</v>
      </c>
      <c r="AL90" s="8">
        <v>12.35</v>
      </c>
      <c r="AM90" s="8">
        <v>12.45</v>
      </c>
      <c r="AN90" s="8">
        <v>12.44</v>
      </c>
      <c r="AO90" s="8">
        <v>12.35</v>
      </c>
      <c r="AP90" s="8">
        <v>12.36</v>
      </c>
      <c r="AQ90" s="8">
        <v>12.35</v>
      </c>
      <c r="AR90" s="8">
        <v>12.36</v>
      </c>
      <c r="AS90" s="8">
        <v>12.36</v>
      </c>
      <c r="AT90" s="8">
        <v>12.43</v>
      </c>
      <c r="AU90" s="8">
        <v>12.43</v>
      </c>
      <c r="AV90" s="8">
        <v>12.49</v>
      </c>
      <c r="AW90" s="8">
        <v>12.56</v>
      </c>
      <c r="AX90" s="8">
        <v>12.56</v>
      </c>
      <c r="AY90" s="8">
        <v>12.68</v>
      </c>
      <c r="AZ90" s="8">
        <v>12.83</v>
      </c>
      <c r="BA90" s="8">
        <v>12.84</v>
      </c>
      <c r="BB90" s="8">
        <v>12.88</v>
      </c>
      <c r="BC90" s="8">
        <v>12.88</v>
      </c>
      <c r="BD90" s="8">
        <v>12.89</v>
      </c>
    </row>
    <row r="91" spans="3:56" x14ac:dyDescent="0.2">
      <c r="C91" s="5" t="s">
        <v>59</v>
      </c>
      <c r="D91" s="6" t="s">
        <v>58</v>
      </c>
      <c r="E91" s="8">
        <v>10.08</v>
      </c>
      <c r="F91" s="8">
        <v>9.98</v>
      </c>
      <c r="G91" s="8">
        <v>9.84</v>
      </c>
      <c r="H91" s="8">
        <v>9.74</v>
      </c>
      <c r="I91" s="8">
        <v>9.68</v>
      </c>
      <c r="J91" s="8">
        <v>9.6</v>
      </c>
      <c r="K91" s="8">
        <v>9.5399999999999991</v>
      </c>
      <c r="L91" s="8">
        <v>9.52</v>
      </c>
      <c r="M91" s="8">
        <v>9.44</v>
      </c>
      <c r="N91" s="8">
        <v>9.42</v>
      </c>
      <c r="O91" s="8">
        <v>9.31</v>
      </c>
      <c r="P91" s="8">
        <v>9.34</v>
      </c>
      <c r="Q91" s="8">
        <v>9.31</v>
      </c>
      <c r="R91" s="8">
        <v>9.33</v>
      </c>
      <c r="S91" s="8">
        <v>9.3800000000000008</v>
      </c>
      <c r="T91" s="8">
        <v>9.34</v>
      </c>
      <c r="U91" s="8">
        <v>9.2799999999999994</v>
      </c>
      <c r="V91" s="8">
        <v>9.27</v>
      </c>
      <c r="W91" s="8">
        <v>9.33</v>
      </c>
      <c r="X91" s="8">
        <v>9.33</v>
      </c>
      <c r="Y91" s="8">
        <v>9.33</v>
      </c>
      <c r="Z91" s="8">
        <v>9.23</v>
      </c>
      <c r="AA91" s="8">
        <v>9.2100000000000009</v>
      </c>
      <c r="AB91" s="8">
        <v>9.1999999999999993</v>
      </c>
      <c r="AC91" s="8">
        <v>9.19</v>
      </c>
      <c r="AD91" s="8">
        <v>9.5500000000000007</v>
      </c>
      <c r="AE91" s="8">
        <v>9.58</v>
      </c>
      <c r="AF91" s="8">
        <v>9.52</v>
      </c>
      <c r="AG91" s="8">
        <v>9.52</v>
      </c>
      <c r="AH91" s="8">
        <v>9.42</v>
      </c>
      <c r="AI91" s="8">
        <v>9.43</v>
      </c>
      <c r="AJ91" s="8">
        <v>9.14</v>
      </c>
      <c r="AK91" s="8">
        <v>9.17</v>
      </c>
      <c r="AL91" s="8">
        <v>9.18</v>
      </c>
      <c r="AM91" s="8">
        <v>9.2200000000000006</v>
      </c>
      <c r="AN91" s="8">
        <v>9.41</v>
      </c>
      <c r="AO91" s="8">
        <v>9.44</v>
      </c>
      <c r="AP91" s="8">
        <v>9.5299999999999994</v>
      </c>
      <c r="AQ91" s="8">
        <v>9.49</v>
      </c>
      <c r="AR91" s="8">
        <v>9.64</v>
      </c>
      <c r="AS91" s="8">
        <v>9.66</v>
      </c>
      <c r="AT91" s="8">
        <v>9.76</v>
      </c>
      <c r="AU91" s="8">
        <v>9.8800000000000008</v>
      </c>
      <c r="AV91" s="8">
        <v>9.9700000000000006</v>
      </c>
      <c r="AW91" s="8">
        <v>10.11</v>
      </c>
      <c r="AX91" s="8">
        <v>10.28</v>
      </c>
      <c r="AY91" s="8">
        <v>10.46</v>
      </c>
      <c r="AZ91" s="8">
        <v>11.02</v>
      </c>
      <c r="BA91" s="8">
        <v>11.1</v>
      </c>
      <c r="BB91" s="8">
        <v>11.34</v>
      </c>
      <c r="BC91" s="8">
        <v>11.54</v>
      </c>
      <c r="BD91" s="8">
        <v>11.81</v>
      </c>
    </row>
    <row r="92" spans="3:56" x14ac:dyDescent="0.2">
      <c r="C92" s="5" t="s">
        <v>60</v>
      </c>
      <c r="D92" s="6" t="s">
        <v>58</v>
      </c>
      <c r="E92" s="8">
        <v>5.54</v>
      </c>
      <c r="F92" s="8">
        <v>5.55</v>
      </c>
      <c r="G92" s="8">
        <v>5.55</v>
      </c>
      <c r="H92" s="8">
        <v>5.55</v>
      </c>
      <c r="I92" s="8">
        <v>5.55</v>
      </c>
      <c r="J92" s="8">
        <v>5.54</v>
      </c>
      <c r="K92" s="8">
        <v>5.55</v>
      </c>
      <c r="L92" s="8">
        <v>5.53</v>
      </c>
      <c r="M92" s="8">
        <v>5.54</v>
      </c>
      <c r="N92" s="8">
        <v>5.55</v>
      </c>
      <c r="O92" s="8">
        <v>5.54</v>
      </c>
      <c r="P92" s="8">
        <v>5.54</v>
      </c>
      <c r="Q92" s="8">
        <v>5.54</v>
      </c>
      <c r="R92" s="8">
        <v>5.57</v>
      </c>
      <c r="S92" s="8">
        <v>5.58</v>
      </c>
      <c r="T92" s="8">
        <v>5.59</v>
      </c>
      <c r="U92" s="8">
        <v>5.59</v>
      </c>
      <c r="V92" s="8">
        <v>5.59</v>
      </c>
      <c r="W92" s="8">
        <v>5.57</v>
      </c>
      <c r="X92" s="8">
        <v>5.55</v>
      </c>
      <c r="Y92" s="8">
        <v>5.53</v>
      </c>
      <c r="Z92" s="8">
        <v>5.52</v>
      </c>
      <c r="AA92" s="8">
        <v>5.55</v>
      </c>
      <c r="AB92" s="8">
        <v>5.58</v>
      </c>
      <c r="AC92" s="8">
        <v>5.59</v>
      </c>
      <c r="AD92" s="8">
        <v>5.6</v>
      </c>
      <c r="AE92" s="8">
        <v>5.59</v>
      </c>
      <c r="AF92" s="8">
        <v>5.6</v>
      </c>
      <c r="AG92" s="8">
        <v>5.6</v>
      </c>
      <c r="AH92" s="8">
        <v>5.59</v>
      </c>
      <c r="AI92" s="8">
        <v>5.59</v>
      </c>
      <c r="AJ92" s="8">
        <v>5.59</v>
      </c>
      <c r="AK92" s="8">
        <v>5.6</v>
      </c>
      <c r="AL92" s="8">
        <v>5.61</v>
      </c>
      <c r="AM92" s="8">
        <v>5.63</v>
      </c>
      <c r="AN92" s="8">
        <v>5.6</v>
      </c>
      <c r="AO92" s="8">
        <v>5.59</v>
      </c>
      <c r="AP92" s="8">
        <v>5.6</v>
      </c>
      <c r="AQ92" s="8">
        <v>5.58</v>
      </c>
      <c r="AR92" s="8">
        <v>5.51</v>
      </c>
      <c r="AS92" s="8">
        <v>5.53</v>
      </c>
      <c r="AT92" s="8">
        <v>5.53</v>
      </c>
      <c r="AU92" s="8">
        <v>5.54</v>
      </c>
      <c r="AV92" s="8">
        <v>5.55</v>
      </c>
      <c r="AW92" s="8">
        <v>5.54</v>
      </c>
      <c r="AX92" s="8">
        <v>5.54</v>
      </c>
      <c r="AY92" s="8">
        <v>5.57</v>
      </c>
      <c r="AZ92" s="8">
        <v>5.55</v>
      </c>
      <c r="BA92" s="8">
        <v>5.56</v>
      </c>
      <c r="BB92" s="8">
        <v>5.54</v>
      </c>
      <c r="BC92" s="8">
        <v>5.54</v>
      </c>
      <c r="BD92" s="8">
        <v>5.54</v>
      </c>
    </row>
    <row r="93" spans="3:56" x14ac:dyDescent="0.2">
      <c r="C93" s="5" t="s">
        <v>61</v>
      </c>
      <c r="D93" s="6" t="s">
        <v>58</v>
      </c>
      <c r="E93" s="8">
        <v>2.5299999999999998</v>
      </c>
      <c r="F93" s="8">
        <v>2.5299999999999998</v>
      </c>
      <c r="G93" s="8">
        <v>2.52</v>
      </c>
      <c r="H93" s="8">
        <v>2.5099999999999998</v>
      </c>
      <c r="I93" s="8">
        <v>2.5</v>
      </c>
      <c r="J93" s="8">
        <v>2.5099999999999998</v>
      </c>
      <c r="K93" s="8">
        <v>2.5099999999999998</v>
      </c>
      <c r="L93" s="8">
        <v>2.4700000000000002</v>
      </c>
      <c r="M93" s="8">
        <v>2.4900000000000002</v>
      </c>
      <c r="N93" s="8">
        <v>2.4900000000000002</v>
      </c>
      <c r="O93" s="8">
        <v>2.5099999999999998</v>
      </c>
      <c r="P93" s="8">
        <v>2.5299999999999998</v>
      </c>
      <c r="Q93" s="8">
        <v>2.56</v>
      </c>
      <c r="R93" s="8">
        <v>2.59</v>
      </c>
      <c r="S93" s="8">
        <v>2.62</v>
      </c>
      <c r="T93" s="8">
        <v>2.63</v>
      </c>
      <c r="U93" s="8">
        <v>2.62</v>
      </c>
      <c r="V93" s="8">
        <v>2.63</v>
      </c>
      <c r="W93" s="8">
        <v>2.63</v>
      </c>
      <c r="X93" s="8">
        <v>2.64</v>
      </c>
      <c r="Y93" s="8">
        <v>2.64</v>
      </c>
      <c r="Z93" s="8">
        <v>2.64</v>
      </c>
      <c r="AA93" s="8">
        <v>2.64</v>
      </c>
      <c r="AB93" s="8">
        <v>2.58</v>
      </c>
      <c r="AC93" s="8">
        <v>2.58</v>
      </c>
      <c r="AD93" s="8">
        <v>2.54</v>
      </c>
      <c r="AE93" s="8">
        <v>2.54</v>
      </c>
      <c r="AF93" s="8">
        <v>2.54</v>
      </c>
      <c r="AG93" s="8">
        <v>2.54</v>
      </c>
      <c r="AH93" s="8">
        <v>2.54</v>
      </c>
      <c r="AI93" s="8">
        <v>2.54</v>
      </c>
      <c r="AJ93" s="8">
        <v>2.5299999999999998</v>
      </c>
      <c r="AK93" s="8">
        <v>2.5299999999999998</v>
      </c>
      <c r="AL93" s="8">
        <v>2.52</v>
      </c>
      <c r="AM93" s="8">
        <v>2.5099999999999998</v>
      </c>
      <c r="AN93" s="8">
        <v>2.4900000000000002</v>
      </c>
      <c r="AO93" s="8">
        <v>2.48</v>
      </c>
      <c r="AP93" s="8">
        <v>2.4700000000000002</v>
      </c>
      <c r="AQ93" s="8">
        <v>2.46</v>
      </c>
      <c r="AR93" s="8">
        <v>2.46</v>
      </c>
      <c r="AS93" s="8">
        <v>2.4500000000000002</v>
      </c>
      <c r="AT93" s="8">
        <v>2.39</v>
      </c>
      <c r="AU93" s="8">
        <v>2.37</v>
      </c>
      <c r="AV93" s="8">
        <v>2.34</v>
      </c>
      <c r="AW93" s="8">
        <v>2.29</v>
      </c>
      <c r="AX93" s="8">
        <v>2.2400000000000002</v>
      </c>
      <c r="AY93" s="8">
        <v>2.21</v>
      </c>
      <c r="AZ93" s="8">
        <v>2.17</v>
      </c>
      <c r="BA93" s="8">
        <v>2.23</v>
      </c>
      <c r="BB93" s="8">
        <v>2.29</v>
      </c>
      <c r="BC93" s="8">
        <v>2.36</v>
      </c>
      <c r="BD93" s="8">
        <v>2.36</v>
      </c>
    </row>
    <row r="94" spans="3:56" x14ac:dyDescent="0.2">
      <c r="C94" s="5" t="s">
        <v>62</v>
      </c>
      <c r="D94" s="6" t="s">
        <v>58</v>
      </c>
      <c r="E94" s="8">
        <v>6.28</v>
      </c>
      <c r="F94" s="8">
        <v>6.18</v>
      </c>
      <c r="G94" s="8">
        <v>6.11</v>
      </c>
      <c r="H94" s="8">
        <v>6</v>
      </c>
      <c r="I94" s="8">
        <v>5.96</v>
      </c>
      <c r="J94" s="8">
        <v>5.93</v>
      </c>
      <c r="K94" s="8">
        <v>5.94</v>
      </c>
      <c r="L94" s="8">
        <v>5.92</v>
      </c>
      <c r="M94" s="8">
        <v>5.86</v>
      </c>
      <c r="N94" s="8">
        <v>5.9</v>
      </c>
      <c r="O94" s="8">
        <v>5.95</v>
      </c>
      <c r="P94" s="8">
        <v>5.98</v>
      </c>
      <c r="Q94" s="8">
        <v>6.04</v>
      </c>
      <c r="R94" s="8">
        <v>6.07</v>
      </c>
      <c r="S94" s="8">
        <v>6.07</v>
      </c>
      <c r="T94" s="8">
        <v>6.02</v>
      </c>
      <c r="U94" s="8">
        <v>6</v>
      </c>
      <c r="V94" s="8">
        <v>5.99</v>
      </c>
      <c r="W94" s="8">
        <v>6</v>
      </c>
      <c r="X94" s="8">
        <v>5.98</v>
      </c>
      <c r="Y94" s="8">
        <v>5.98</v>
      </c>
      <c r="Z94" s="8">
        <v>5.96</v>
      </c>
      <c r="AA94" s="8">
        <v>5.91</v>
      </c>
      <c r="AB94" s="8">
        <v>5.9</v>
      </c>
      <c r="AC94" s="8">
        <v>5.91</v>
      </c>
      <c r="AD94" s="8">
        <v>5.84</v>
      </c>
      <c r="AE94" s="8">
        <v>5.8</v>
      </c>
      <c r="AF94" s="8">
        <v>5.81</v>
      </c>
      <c r="AG94" s="8">
        <v>5.81</v>
      </c>
      <c r="AH94" s="8">
        <v>5.84</v>
      </c>
      <c r="AI94" s="8">
        <v>5.86</v>
      </c>
      <c r="AJ94" s="8">
        <v>5.87</v>
      </c>
      <c r="AK94" s="8">
        <v>5.88</v>
      </c>
      <c r="AL94" s="8">
        <v>5.91</v>
      </c>
      <c r="AM94" s="8">
        <v>5.89</v>
      </c>
      <c r="AN94" s="8">
        <v>5.91</v>
      </c>
      <c r="AO94" s="8">
        <v>5.92</v>
      </c>
      <c r="AP94" s="8">
        <v>5.94</v>
      </c>
      <c r="AQ94" s="8">
        <v>5.95</v>
      </c>
      <c r="AR94" s="8">
        <v>6.01</v>
      </c>
      <c r="AS94" s="8">
        <v>6.02</v>
      </c>
      <c r="AT94" s="8">
        <v>6.06</v>
      </c>
      <c r="AU94" s="8">
        <v>6.12</v>
      </c>
      <c r="AV94" s="8">
        <v>6.15</v>
      </c>
      <c r="AW94" s="8">
        <v>6.28</v>
      </c>
      <c r="AX94" s="8">
        <v>6.35</v>
      </c>
      <c r="AY94" s="8">
        <v>6.36</v>
      </c>
      <c r="AZ94" s="8">
        <v>6.49</v>
      </c>
      <c r="BA94" s="8">
        <v>6.51</v>
      </c>
      <c r="BB94" s="8">
        <v>6.49</v>
      </c>
      <c r="BC94" s="8">
        <v>6.46</v>
      </c>
      <c r="BD94" s="8">
        <v>6.43</v>
      </c>
    </row>
    <row r="95" spans="3:56" x14ac:dyDescent="0.2">
      <c r="C95" s="5" t="s">
        <v>63</v>
      </c>
      <c r="D95" s="6" t="s">
        <v>58</v>
      </c>
      <c r="E95" s="8">
        <v>18.2</v>
      </c>
      <c r="F95" s="8">
        <v>17.809999999999999</v>
      </c>
      <c r="G95" s="8">
        <v>17.53</v>
      </c>
      <c r="H95" s="8">
        <v>17.55</v>
      </c>
      <c r="I95" s="8">
        <v>16.55</v>
      </c>
      <c r="J95" s="8">
        <v>16.43</v>
      </c>
      <c r="K95" s="8">
        <v>16.53</v>
      </c>
      <c r="L95" s="8">
        <v>16.36</v>
      </c>
      <c r="M95" s="8">
        <v>16.690000000000001</v>
      </c>
      <c r="N95" s="8">
        <v>16.579999999999998</v>
      </c>
      <c r="O95" s="8">
        <v>16.46</v>
      </c>
      <c r="P95" s="8">
        <v>16.46</v>
      </c>
      <c r="Q95" s="8">
        <v>16.63</v>
      </c>
      <c r="R95" s="8">
        <v>16.71</v>
      </c>
      <c r="S95" s="8">
        <v>16.63</v>
      </c>
      <c r="T95" s="8">
        <v>16.86</v>
      </c>
      <c r="U95" s="8">
        <v>16.75</v>
      </c>
      <c r="V95" s="8">
        <v>16.75</v>
      </c>
      <c r="W95" s="8">
        <v>16.84</v>
      </c>
      <c r="X95" s="8">
        <v>16.95</v>
      </c>
      <c r="Y95" s="7">
        <v>17</v>
      </c>
      <c r="Z95" s="7">
        <v>17</v>
      </c>
      <c r="AA95" s="8">
        <v>17.02</v>
      </c>
      <c r="AB95" s="8">
        <v>16.91</v>
      </c>
      <c r="AC95" s="8">
        <v>16.899999999999999</v>
      </c>
      <c r="AD95" s="8">
        <v>16.690000000000001</v>
      </c>
      <c r="AE95" s="8">
        <v>16.940000000000001</v>
      </c>
      <c r="AF95" s="8">
        <v>17.04</v>
      </c>
      <c r="AG95" s="8">
        <v>16.95</v>
      </c>
      <c r="AH95" s="8">
        <v>17.03</v>
      </c>
      <c r="AI95" s="7">
        <v>17.04</v>
      </c>
      <c r="AJ95" s="7">
        <v>17.28</v>
      </c>
      <c r="AK95" s="8">
        <v>17.25</v>
      </c>
      <c r="AL95" s="8">
        <v>17.28</v>
      </c>
      <c r="AM95" s="8">
        <v>17.399999999999999</v>
      </c>
      <c r="AN95" s="8">
        <v>18.010000000000002</v>
      </c>
      <c r="AO95" s="8">
        <v>17.78</v>
      </c>
      <c r="AP95" s="8">
        <v>18.03</v>
      </c>
      <c r="AQ95" s="8">
        <v>17.170000000000002</v>
      </c>
      <c r="AR95" s="8">
        <v>17.41</v>
      </c>
      <c r="AS95" s="7">
        <v>17.440000000000001</v>
      </c>
      <c r="AT95" s="7">
        <v>17.739999999999998</v>
      </c>
      <c r="AU95" s="8">
        <v>17.98</v>
      </c>
      <c r="AV95" s="8">
        <v>17.77</v>
      </c>
      <c r="AW95" s="8">
        <v>17.739999999999998</v>
      </c>
      <c r="AX95" s="8">
        <v>17.75</v>
      </c>
      <c r="AY95" s="8">
        <v>17.809999999999999</v>
      </c>
      <c r="AZ95" s="8">
        <v>18.010000000000002</v>
      </c>
      <c r="BA95" s="8">
        <v>18.649999999999999</v>
      </c>
      <c r="BB95" s="8">
        <v>18.84</v>
      </c>
      <c r="BC95" s="7">
        <v>19.75</v>
      </c>
      <c r="BD95" s="8">
        <v>19.89</v>
      </c>
    </row>
    <row r="96" spans="3:56" x14ac:dyDescent="0.2">
      <c r="C96" s="5" t="s">
        <v>64</v>
      </c>
      <c r="D96" s="6" t="s">
        <v>58</v>
      </c>
      <c r="E96" s="8">
        <v>11.29</v>
      </c>
      <c r="F96" s="8">
        <v>11.14</v>
      </c>
      <c r="G96" s="8">
        <v>11</v>
      </c>
      <c r="H96" s="8">
        <v>10.91</v>
      </c>
      <c r="I96" s="8">
        <v>11.05</v>
      </c>
      <c r="J96" s="8">
        <v>10.9</v>
      </c>
      <c r="K96" s="8">
        <v>10.3</v>
      </c>
      <c r="L96" s="8">
        <v>10.029999999999999</v>
      </c>
      <c r="M96" s="8">
        <v>10.11</v>
      </c>
      <c r="N96" s="8">
        <v>10.06</v>
      </c>
      <c r="O96" s="8">
        <v>10.18</v>
      </c>
      <c r="P96" s="8">
        <v>10.24</v>
      </c>
      <c r="Q96" s="8">
        <v>10.01</v>
      </c>
      <c r="R96" s="8">
        <v>10.08</v>
      </c>
      <c r="S96" s="8">
        <v>10.27</v>
      </c>
      <c r="T96" s="8">
        <v>10.37</v>
      </c>
      <c r="U96" s="8">
        <v>10.19</v>
      </c>
      <c r="V96" s="8">
        <v>10.210000000000001</v>
      </c>
      <c r="W96" s="8">
        <v>10.11</v>
      </c>
      <c r="X96" s="8">
        <v>10.050000000000001</v>
      </c>
      <c r="Y96" s="7">
        <v>10.130000000000001</v>
      </c>
      <c r="Z96" s="7">
        <v>10.1</v>
      </c>
      <c r="AA96" s="8">
        <v>10.27</v>
      </c>
      <c r="AB96" s="8">
        <v>10.43</v>
      </c>
      <c r="AC96" s="8">
        <v>10.26</v>
      </c>
      <c r="AD96" s="8">
        <v>10.17</v>
      </c>
      <c r="AE96" s="8">
        <v>10.130000000000001</v>
      </c>
      <c r="AF96" s="8">
        <v>10.220000000000001</v>
      </c>
      <c r="AG96" s="8">
        <v>10.119999999999999</v>
      </c>
      <c r="AH96" s="8">
        <v>10.119999999999999</v>
      </c>
      <c r="AI96" s="7">
        <v>10.24</v>
      </c>
      <c r="AJ96" s="7">
        <v>10.119999999999999</v>
      </c>
      <c r="AK96" s="8">
        <v>10.18</v>
      </c>
      <c r="AL96" s="8">
        <v>10.18</v>
      </c>
      <c r="AM96" s="8">
        <v>10.27</v>
      </c>
      <c r="AN96" s="8">
        <v>10.48</v>
      </c>
      <c r="AO96" s="8">
        <v>10.67</v>
      </c>
      <c r="AP96" s="8">
        <v>10.62</v>
      </c>
      <c r="AQ96" s="8">
        <v>10.51</v>
      </c>
      <c r="AR96" s="8">
        <v>10.84</v>
      </c>
      <c r="AS96" s="7">
        <v>10.79</v>
      </c>
      <c r="AT96" s="7">
        <v>10.87</v>
      </c>
      <c r="AU96" s="8">
        <v>10.87</v>
      </c>
      <c r="AV96" s="8">
        <v>10.8</v>
      </c>
      <c r="AW96" s="8">
        <v>11.18</v>
      </c>
      <c r="AX96" s="8">
        <v>11.17</v>
      </c>
      <c r="AY96" s="8">
        <v>10.95</v>
      </c>
      <c r="AZ96" s="8">
        <v>10.92</v>
      </c>
      <c r="BA96" s="8">
        <v>11.05</v>
      </c>
      <c r="BB96" s="8">
        <v>11.34</v>
      </c>
      <c r="BC96" s="7">
        <v>11.62</v>
      </c>
      <c r="BD96" s="8">
        <v>11.66</v>
      </c>
    </row>
    <row r="97" spans="3:56" x14ac:dyDescent="0.2">
      <c r="C97" s="5" t="s">
        <v>65</v>
      </c>
      <c r="D97" s="6" t="s">
        <v>58</v>
      </c>
      <c r="E97" s="8">
        <v>3.48</v>
      </c>
      <c r="F97" s="8">
        <v>3.29</v>
      </c>
      <c r="G97" s="8">
        <v>3.31</v>
      </c>
      <c r="H97" s="8">
        <v>3.36</v>
      </c>
      <c r="I97" s="8">
        <v>3.43</v>
      </c>
      <c r="J97" s="8">
        <v>3.47</v>
      </c>
      <c r="K97" s="8">
        <v>3.56</v>
      </c>
      <c r="L97" s="8">
        <v>3.45</v>
      </c>
      <c r="M97" s="8">
        <v>3.61</v>
      </c>
      <c r="N97" s="8">
        <v>3.54</v>
      </c>
      <c r="O97" s="8">
        <v>3.54</v>
      </c>
      <c r="P97" s="8">
        <v>3.57</v>
      </c>
      <c r="Q97" s="8">
        <v>3.5</v>
      </c>
      <c r="R97" s="8">
        <v>3.51</v>
      </c>
      <c r="S97" s="8">
        <v>3.49</v>
      </c>
      <c r="T97" s="8">
        <v>3.37</v>
      </c>
      <c r="U97" s="8">
        <v>3.33</v>
      </c>
      <c r="V97" s="8">
        <v>3.38</v>
      </c>
      <c r="W97" s="8">
        <v>3.37</v>
      </c>
      <c r="X97" s="8">
        <v>3.32</v>
      </c>
      <c r="Y97" s="7">
        <v>3.48</v>
      </c>
      <c r="Z97" s="7">
        <v>3.5</v>
      </c>
      <c r="AA97" s="8">
        <v>3.53</v>
      </c>
      <c r="AB97" s="8">
        <v>3.51</v>
      </c>
      <c r="AC97" s="8">
        <v>3.59</v>
      </c>
      <c r="AD97" s="8">
        <v>3.65</v>
      </c>
      <c r="AE97" s="8">
        <v>3.69</v>
      </c>
      <c r="AF97" s="8">
        <v>3.65</v>
      </c>
      <c r="AG97" s="8">
        <v>3.55</v>
      </c>
      <c r="AH97" s="8">
        <v>3.53</v>
      </c>
      <c r="AI97" s="7">
        <v>3.48</v>
      </c>
      <c r="AJ97" s="7">
        <v>3.47</v>
      </c>
      <c r="AK97" s="8">
        <v>3.48</v>
      </c>
      <c r="AL97" s="8">
        <v>3.45</v>
      </c>
      <c r="AM97" s="8">
        <v>3.42</v>
      </c>
      <c r="AN97" s="8">
        <v>3.42</v>
      </c>
      <c r="AO97" s="8">
        <v>3.43</v>
      </c>
      <c r="AP97" s="8">
        <v>3.42</v>
      </c>
      <c r="AQ97" s="8">
        <v>3.39</v>
      </c>
      <c r="AR97" s="8">
        <v>3.38</v>
      </c>
      <c r="AS97" s="7">
        <v>3.41</v>
      </c>
      <c r="AT97" s="7">
        <v>3.52</v>
      </c>
      <c r="AU97" s="8">
        <v>3.64</v>
      </c>
      <c r="AV97" s="8">
        <v>3.57</v>
      </c>
      <c r="AW97" s="8">
        <v>3.52</v>
      </c>
      <c r="AX97" s="8">
        <v>3.47</v>
      </c>
      <c r="AY97" s="8">
        <v>3.49</v>
      </c>
      <c r="AZ97" s="8">
        <v>3.43</v>
      </c>
      <c r="BA97" s="8">
        <v>3.44</v>
      </c>
      <c r="BB97" s="8">
        <v>3.49</v>
      </c>
      <c r="BC97" s="7">
        <v>3.5</v>
      </c>
      <c r="BD97" s="8">
        <v>3.54</v>
      </c>
    </row>
    <row r="98" spans="3:56" x14ac:dyDescent="0.2">
      <c r="C98" s="5" t="s">
        <v>66</v>
      </c>
      <c r="D98" s="6" t="s">
        <v>58</v>
      </c>
      <c r="E98" s="8">
        <v>7.06</v>
      </c>
      <c r="F98" s="8">
        <v>6.6</v>
      </c>
      <c r="G98" s="8">
        <v>6.4</v>
      </c>
      <c r="H98" s="8">
        <v>6.83</v>
      </c>
      <c r="I98" s="8">
        <v>6.75</v>
      </c>
      <c r="J98" s="8">
        <v>6.64</v>
      </c>
      <c r="K98" s="8">
        <v>6.76</v>
      </c>
      <c r="L98" s="8">
        <v>6.24</v>
      </c>
      <c r="M98" s="8">
        <v>6.51</v>
      </c>
      <c r="N98" s="8">
        <v>6.94</v>
      </c>
      <c r="O98" s="8">
        <v>6.56</v>
      </c>
      <c r="P98" s="8">
        <v>6.64</v>
      </c>
      <c r="Q98" s="8">
        <v>6.45</v>
      </c>
      <c r="R98" s="8">
        <v>6.45</v>
      </c>
      <c r="S98" s="8">
        <v>6.26</v>
      </c>
      <c r="T98" s="8">
        <v>6.26</v>
      </c>
      <c r="U98" s="8">
        <v>6.65</v>
      </c>
      <c r="V98" s="8">
        <v>6.39</v>
      </c>
      <c r="W98" s="8">
        <v>6.43</v>
      </c>
      <c r="X98" s="8">
        <v>6.43</v>
      </c>
      <c r="Y98" s="7">
        <v>6.42</v>
      </c>
      <c r="Z98" s="7">
        <v>6.26</v>
      </c>
      <c r="AA98" s="8">
        <v>6.59</v>
      </c>
      <c r="AB98" s="8">
        <v>6.78</v>
      </c>
      <c r="AC98" s="8">
        <v>6.87</v>
      </c>
      <c r="AD98" s="8">
        <v>7.21</v>
      </c>
      <c r="AE98" s="8">
        <v>7.26</v>
      </c>
      <c r="AF98" s="8">
        <v>7.32</v>
      </c>
      <c r="AG98" s="8">
        <v>7.24</v>
      </c>
      <c r="AH98" s="8">
        <v>7.15</v>
      </c>
      <c r="AI98" s="7">
        <v>7.19</v>
      </c>
      <c r="AJ98" s="7">
        <v>7.42</v>
      </c>
      <c r="AK98" s="8">
        <v>7.59</v>
      </c>
      <c r="AL98" s="8">
        <v>7.49</v>
      </c>
      <c r="AM98" s="8">
        <v>7.58</v>
      </c>
      <c r="AN98" s="8">
        <v>7.46</v>
      </c>
      <c r="AO98" s="8">
        <v>7.56</v>
      </c>
      <c r="AP98" s="8">
        <v>8.02</v>
      </c>
      <c r="AQ98" s="8">
        <v>7.66</v>
      </c>
      <c r="AR98" s="8">
        <v>7.68</v>
      </c>
      <c r="AS98" s="7">
        <v>7.64</v>
      </c>
      <c r="AT98" s="7">
        <v>7.98</v>
      </c>
      <c r="AU98" s="8">
        <v>8.06</v>
      </c>
      <c r="AV98" s="8">
        <v>7.86</v>
      </c>
      <c r="AW98" s="8">
        <v>7.68</v>
      </c>
      <c r="AX98" s="8">
        <v>7.34</v>
      </c>
      <c r="AY98" s="8">
        <v>7.56</v>
      </c>
      <c r="AZ98" s="8">
        <v>7.57</v>
      </c>
      <c r="BA98" s="8">
        <v>7.69</v>
      </c>
      <c r="BB98" s="8">
        <v>8.0399999999999991</v>
      </c>
      <c r="BC98" s="7">
        <v>8.11</v>
      </c>
      <c r="BD98" s="8">
        <v>8.16</v>
      </c>
    </row>
    <row r="99" spans="3:56" x14ac:dyDescent="0.2">
      <c r="C99" s="5" t="s">
        <v>67</v>
      </c>
      <c r="D99" s="6" t="s">
        <v>58</v>
      </c>
      <c r="E99" s="8">
        <v>11.92</v>
      </c>
      <c r="F99" s="8">
        <v>12.08</v>
      </c>
      <c r="G99" s="8">
        <v>12.52</v>
      </c>
      <c r="H99" s="8">
        <v>12.6</v>
      </c>
      <c r="I99" s="8">
        <v>12.41</v>
      </c>
      <c r="J99" s="8">
        <v>12.08</v>
      </c>
      <c r="K99" s="8">
        <v>11.28</v>
      </c>
      <c r="L99" s="8">
        <v>11.37</v>
      </c>
      <c r="M99" s="8">
        <v>11.39</v>
      </c>
      <c r="N99" s="8">
        <v>11.6</v>
      </c>
      <c r="O99" s="8">
        <v>11.35</v>
      </c>
      <c r="P99" s="8">
        <v>11.28</v>
      </c>
      <c r="Q99" s="8">
        <v>11.14</v>
      </c>
      <c r="R99" s="8">
        <v>11.18</v>
      </c>
      <c r="S99" s="8">
        <v>11.59</v>
      </c>
      <c r="T99" s="8">
        <v>11.84</v>
      </c>
      <c r="U99" s="8">
        <v>11.68</v>
      </c>
      <c r="V99" s="8">
        <v>11.61</v>
      </c>
      <c r="W99" s="8">
        <v>11.45</v>
      </c>
      <c r="X99" s="8">
        <v>11.33</v>
      </c>
      <c r="Y99" s="7">
        <v>11.31</v>
      </c>
      <c r="Z99" s="7">
        <v>11.23</v>
      </c>
      <c r="AA99" s="8">
        <v>11.46</v>
      </c>
      <c r="AB99" s="8">
        <v>11.32</v>
      </c>
      <c r="AC99" s="8">
        <v>11.52</v>
      </c>
      <c r="AD99" s="8">
        <v>11.43</v>
      </c>
      <c r="AE99" s="8">
        <v>11.22</v>
      </c>
      <c r="AF99" s="8">
        <v>11.22</v>
      </c>
      <c r="AG99" s="8">
        <v>11.26</v>
      </c>
      <c r="AH99" s="8">
        <v>11.68</v>
      </c>
      <c r="AI99" s="7">
        <v>11.85</v>
      </c>
      <c r="AJ99" s="7">
        <v>11.89</v>
      </c>
      <c r="AK99" s="8">
        <v>11.92</v>
      </c>
      <c r="AL99" s="8">
        <v>11.88</v>
      </c>
      <c r="AM99" s="8">
        <v>11.85</v>
      </c>
      <c r="AN99" s="8">
        <v>11.83</v>
      </c>
      <c r="AO99" s="8">
        <v>12.04</v>
      </c>
      <c r="AP99" s="8">
        <v>11.86</v>
      </c>
      <c r="AQ99" s="8">
        <v>11.91</v>
      </c>
      <c r="AR99" s="8">
        <v>12.22</v>
      </c>
      <c r="AS99" s="7">
        <v>12.09</v>
      </c>
      <c r="AT99" s="7">
        <v>12.34</v>
      </c>
      <c r="AU99" s="8">
        <v>12.36</v>
      </c>
      <c r="AV99" s="8">
        <v>12.28</v>
      </c>
      <c r="AW99" s="8">
        <v>12.44</v>
      </c>
      <c r="AX99" s="8">
        <v>12.75</v>
      </c>
      <c r="AY99" s="8">
        <v>12.89</v>
      </c>
      <c r="AZ99" s="8">
        <v>12.62</v>
      </c>
      <c r="BA99" s="8">
        <v>12.64</v>
      </c>
      <c r="BB99" s="8">
        <v>13.2</v>
      </c>
      <c r="BC99" s="7">
        <v>13.49</v>
      </c>
      <c r="BD99" s="8">
        <v>13.52</v>
      </c>
    </row>
    <row r="100" spans="3:56" x14ac:dyDescent="0.2">
      <c r="C100" s="5" t="s">
        <v>68</v>
      </c>
      <c r="D100" s="6" t="s">
        <v>58</v>
      </c>
      <c r="E100" s="8">
        <v>4.6399999999999997</v>
      </c>
      <c r="F100" s="8">
        <v>4.5599999999999996</v>
      </c>
      <c r="G100" s="8">
        <v>4.5199999999999996</v>
      </c>
      <c r="H100" s="8">
        <v>4.6100000000000003</v>
      </c>
      <c r="I100" s="8">
        <v>4.54</v>
      </c>
      <c r="J100" s="8">
        <v>4.76</v>
      </c>
      <c r="K100" s="8">
        <v>4.7300000000000004</v>
      </c>
      <c r="L100" s="8">
        <v>4.71</v>
      </c>
      <c r="M100" s="8">
        <v>4.75</v>
      </c>
      <c r="N100" s="8">
        <v>4.7699999999999996</v>
      </c>
      <c r="O100" s="8">
        <v>4.71</v>
      </c>
      <c r="P100" s="8">
        <v>4.6500000000000004</v>
      </c>
      <c r="Q100" s="8">
        <v>4.7</v>
      </c>
      <c r="R100" s="8">
        <v>4.8600000000000003</v>
      </c>
      <c r="S100" s="8">
        <v>4.82</v>
      </c>
      <c r="T100" s="8">
        <v>4.57</v>
      </c>
      <c r="U100" s="8">
        <v>4.63</v>
      </c>
      <c r="V100" s="8">
        <v>4.6100000000000003</v>
      </c>
      <c r="W100" s="8">
        <v>4.57</v>
      </c>
      <c r="X100" s="8">
        <v>4.5999999999999996</v>
      </c>
      <c r="Y100" s="7">
        <v>4.58</v>
      </c>
      <c r="Z100" s="7">
        <v>4.6399999999999997</v>
      </c>
      <c r="AA100" s="8">
        <v>4.76</v>
      </c>
      <c r="AB100" s="8">
        <v>4.72</v>
      </c>
      <c r="AC100" s="8">
        <v>4.62</v>
      </c>
      <c r="AD100" s="8">
        <v>4.59</v>
      </c>
      <c r="AE100" s="8">
        <v>4.57</v>
      </c>
      <c r="AF100" s="8">
        <v>4.6100000000000003</v>
      </c>
      <c r="AG100" s="8">
        <v>4.67</v>
      </c>
      <c r="AH100" s="8">
        <v>4.5999999999999996</v>
      </c>
      <c r="AI100" s="7">
        <v>4.58</v>
      </c>
      <c r="AJ100" s="7">
        <v>4.5</v>
      </c>
      <c r="AK100" s="8">
        <v>4.45</v>
      </c>
      <c r="AL100" s="8">
        <v>4.43</v>
      </c>
      <c r="AM100" s="8">
        <v>4.3600000000000003</v>
      </c>
      <c r="AN100" s="8">
        <v>4.5</v>
      </c>
      <c r="AO100" s="8">
        <v>4.4000000000000004</v>
      </c>
      <c r="AP100" s="8">
        <v>4.45</v>
      </c>
      <c r="AQ100" s="8">
        <v>4.4000000000000004</v>
      </c>
      <c r="AR100" s="8">
        <v>4.26</v>
      </c>
      <c r="AS100" s="7">
        <v>4.2699999999999996</v>
      </c>
      <c r="AT100" s="7">
        <v>4.4000000000000004</v>
      </c>
      <c r="AU100" s="8">
        <v>4.5599999999999996</v>
      </c>
      <c r="AV100" s="8">
        <v>4.5199999999999996</v>
      </c>
      <c r="AW100" s="8">
        <v>4.59</v>
      </c>
      <c r="AX100" s="8">
        <v>4.54</v>
      </c>
      <c r="AY100" s="8">
        <v>4.58</v>
      </c>
      <c r="AZ100" s="8">
        <v>4.6900000000000004</v>
      </c>
      <c r="BA100" s="8">
        <v>4.6399999999999997</v>
      </c>
      <c r="BB100" s="8">
        <v>4.79</v>
      </c>
      <c r="BC100" s="7">
        <v>4.8</v>
      </c>
      <c r="BD100" s="8">
        <v>4.88</v>
      </c>
    </row>
    <row r="101" spans="3:56" x14ac:dyDescent="0.2">
      <c r="C101" s="5" t="s">
        <v>69</v>
      </c>
      <c r="D101" s="6" t="s">
        <v>58</v>
      </c>
      <c r="E101" s="8">
        <v>3.47</v>
      </c>
      <c r="F101" s="8">
        <v>3.5</v>
      </c>
      <c r="G101" s="8">
        <v>3.48</v>
      </c>
      <c r="H101" s="8">
        <v>3.81</v>
      </c>
      <c r="I101" s="8">
        <v>3.89</v>
      </c>
      <c r="J101" s="8">
        <v>3.85</v>
      </c>
      <c r="K101" s="8">
        <v>3.62</v>
      </c>
      <c r="L101" s="8">
        <v>3.46</v>
      </c>
      <c r="M101" s="8">
        <v>3.65</v>
      </c>
      <c r="N101" s="8">
        <v>3.51</v>
      </c>
      <c r="O101" s="8">
        <v>3.5</v>
      </c>
      <c r="P101" s="8">
        <v>3.47</v>
      </c>
      <c r="Q101" s="8">
        <v>3.51</v>
      </c>
      <c r="R101" s="8">
        <v>3.42</v>
      </c>
      <c r="S101" s="8">
        <v>3.39</v>
      </c>
      <c r="T101" s="8">
        <v>3.39</v>
      </c>
      <c r="U101" s="8">
        <v>3.43</v>
      </c>
      <c r="V101" s="8">
        <v>3.43</v>
      </c>
      <c r="W101" s="8">
        <v>3.35</v>
      </c>
      <c r="X101" s="8">
        <v>3.36</v>
      </c>
      <c r="Y101" s="7">
        <v>3.42</v>
      </c>
      <c r="Z101" s="7">
        <v>3.52</v>
      </c>
      <c r="AA101" s="8">
        <v>3.61</v>
      </c>
      <c r="AB101" s="8">
        <v>3.59</v>
      </c>
      <c r="AC101" s="8">
        <v>3.53</v>
      </c>
      <c r="AD101" s="8">
        <v>3.51</v>
      </c>
      <c r="AE101" s="8">
        <v>3.49</v>
      </c>
      <c r="AF101" s="8">
        <v>3.55</v>
      </c>
      <c r="AG101" s="8">
        <v>3.51</v>
      </c>
      <c r="AH101" s="8">
        <v>3.48</v>
      </c>
      <c r="AI101" s="7">
        <v>3.51</v>
      </c>
      <c r="AJ101" s="7">
        <v>3.48</v>
      </c>
      <c r="AK101" s="8">
        <v>3.46</v>
      </c>
      <c r="AL101" s="8">
        <v>3.46</v>
      </c>
      <c r="AM101" s="8">
        <v>3.51</v>
      </c>
      <c r="AN101" s="8">
        <v>3.57</v>
      </c>
      <c r="AO101" s="8">
        <v>3.55</v>
      </c>
      <c r="AP101" s="8">
        <v>3.63</v>
      </c>
      <c r="AQ101" s="8">
        <v>3.55</v>
      </c>
      <c r="AR101" s="8">
        <v>3.51</v>
      </c>
      <c r="AS101" s="7">
        <v>3.57</v>
      </c>
      <c r="AT101" s="7">
        <v>3.65</v>
      </c>
      <c r="AU101" s="8">
        <v>3.8</v>
      </c>
      <c r="AV101" s="8">
        <v>3.65</v>
      </c>
      <c r="AW101" s="8">
        <v>3.67</v>
      </c>
      <c r="AX101" s="8">
        <v>3.59</v>
      </c>
      <c r="AY101" s="8">
        <v>3.62</v>
      </c>
      <c r="AZ101" s="8">
        <v>3.62</v>
      </c>
      <c r="BA101" s="8">
        <v>3.64</v>
      </c>
      <c r="BB101" s="8">
        <v>3.61</v>
      </c>
      <c r="BC101" s="7">
        <v>3.57</v>
      </c>
      <c r="BD101" s="8">
        <v>3.65</v>
      </c>
    </row>
    <row r="102" spans="3:56" x14ac:dyDescent="0.2">
      <c r="C102" s="5" t="s">
        <v>70</v>
      </c>
      <c r="D102" s="6" t="s">
        <v>58</v>
      </c>
      <c r="E102" s="8">
        <v>3.76</v>
      </c>
      <c r="F102" s="8">
        <v>3.76</v>
      </c>
      <c r="G102" s="8">
        <v>3.77</v>
      </c>
      <c r="H102" s="8">
        <v>3.89</v>
      </c>
      <c r="I102" s="8">
        <v>4.04</v>
      </c>
      <c r="J102" s="8">
        <v>3.95</v>
      </c>
      <c r="K102" s="8">
        <v>3.73</v>
      </c>
      <c r="L102" s="8">
        <v>3.63</v>
      </c>
      <c r="M102" s="8">
        <v>3.65</v>
      </c>
      <c r="N102" s="8">
        <v>3.59</v>
      </c>
      <c r="O102" s="8">
        <v>3.51</v>
      </c>
      <c r="P102" s="8">
        <v>3.44</v>
      </c>
      <c r="Q102" s="8">
        <v>3.4</v>
      </c>
      <c r="R102" s="8">
        <v>3.33</v>
      </c>
      <c r="S102" s="8">
        <v>3.32</v>
      </c>
      <c r="T102" s="8">
        <v>3.35</v>
      </c>
      <c r="U102" s="8">
        <v>3.38</v>
      </c>
      <c r="V102" s="8">
        <v>3.41</v>
      </c>
      <c r="W102" s="8">
        <v>3.49</v>
      </c>
      <c r="X102" s="8">
        <v>3.51</v>
      </c>
      <c r="Y102" s="8">
        <v>3.54</v>
      </c>
      <c r="Z102" s="8">
        <v>3.56</v>
      </c>
      <c r="AA102" s="8">
        <v>3.65</v>
      </c>
      <c r="AB102" s="8">
        <v>3.67</v>
      </c>
      <c r="AC102" s="8">
        <v>3.72</v>
      </c>
      <c r="AD102" s="8">
        <v>3.71</v>
      </c>
      <c r="AE102" s="8">
        <v>3.74</v>
      </c>
      <c r="AF102" s="8">
        <v>3.66</v>
      </c>
      <c r="AG102" s="8">
        <v>3.65</v>
      </c>
      <c r="AH102" s="8">
        <v>3.62</v>
      </c>
      <c r="AI102" s="7">
        <v>3.62</v>
      </c>
      <c r="AJ102" s="7">
        <v>3.59</v>
      </c>
      <c r="AK102" s="8">
        <v>3.59</v>
      </c>
      <c r="AL102" s="8">
        <v>3.56</v>
      </c>
      <c r="AM102" s="8">
        <v>3.56</v>
      </c>
      <c r="AN102" s="8">
        <v>3.55</v>
      </c>
      <c r="AO102" s="8">
        <v>3.58</v>
      </c>
      <c r="AP102" s="8">
        <v>3.58</v>
      </c>
      <c r="AQ102" s="8">
        <v>3.6</v>
      </c>
      <c r="AR102" s="8">
        <v>3.67</v>
      </c>
      <c r="AS102" s="7">
        <v>3.75</v>
      </c>
      <c r="AT102" s="7">
        <v>3.81</v>
      </c>
      <c r="AU102" s="8">
        <v>3.87</v>
      </c>
      <c r="AV102" s="8">
        <v>3.94</v>
      </c>
      <c r="AW102" s="8">
        <v>3.93</v>
      </c>
      <c r="AX102" s="8">
        <v>3.86</v>
      </c>
      <c r="AY102" s="8">
        <v>3.94</v>
      </c>
      <c r="AZ102" s="8">
        <v>3.97</v>
      </c>
      <c r="BA102" s="8">
        <v>3.92</v>
      </c>
      <c r="BB102" s="8">
        <v>3.95</v>
      </c>
      <c r="BC102" s="7">
        <v>4</v>
      </c>
      <c r="BD102" s="8">
        <v>4.01</v>
      </c>
    </row>
    <row r="103" spans="3:56" x14ac:dyDescent="0.2">
      <c r="C103" s="5" t="s">
        <v>71</v>
      </c>
      <c r="D103" s="6" t="s">
        <v>58</v>
      </c>
      <c r="E103" s="8">
        <v>4.01</v>
      </c>
      <c r="F103" s="8">
        <v>3.99</v>
      </c>
      <c r="G103" s="8">
        <v>4.01</v>
      </c>
      <c r="H103" s="8">
        <v>4.05</v>
      </c>
      <c r="I103" s="8">
        <v>4.0599999999999996</v>
      </c>
      <c r="J103" s="8">
        <v>4.07</v>
      </c>
      <c r="K103" s="8">
        <v>4.08</v>
      </c>
      <c r="L103" s="8">
        <v>4.0999999999999996</v>
      </c>
      <c r="M103" s="8">
        <v>4.0999999999999996</v>
      </c>
      <c r="N103" s="8">
        <v>4.0999999999999996</v>
      </c>
      <c r="O103" s="8">
        <v>4.07</v>
      </c>
      <c r="P103" s="8">
        <v>4.09</v>
      </c>
      <c r="Q103" s="8">
        <v>4.09</v>
      </c>
      <c r="R103" s="8">
        <v>4.0999999999999996</v>
      </c>
      <c r="S103" s="8">
        <v>4.04</v>
      </c>
      <c r="T103" s="8">
        <v>4.1100000000000003</v>
      </c>
      <c r="U103" s="8">
        <v>4.12</v>
      </c>
      <c r="V103" s="8">
        <v>4.1100000000000003</v>
      </c>
      <c r="W103" s="8">
        <v>4.0999999999999996</v>
      </c>
      <c r="X103" s="8">
        <v>4.09</v>
      </c>
      <c r="Y103" s="7">
        <v>4.1100000000000003</v>
      </c>
      <c r="Z103" s="7">
        <v>4.09</v>
      </c>
      <c r="AA103" s="8">
        <v>4.08</v>
      </c>
      <c r="AB103" s="8">
        <v>4.0999999999999996</v>
      </c>
      <c r="AC103" s="8">
        <v>4.0999999999999996</v>
      </c>
      <c r="AD103" s="8">
        <v>4.1100000000000003</v>
      </c>
      <c r="AE103" s="8">
        <v>4.13</v>
      </c>
      <c r="AF103" s="8">
        <v>4.12</v>
      </c>
      <c r="AG103" s="8">
        <v>4.12</v>
      </c>
      <c r="AH103" s="8">
        <v>4.13</v>
      </c>
      <c r="AI103" s="7">
        <v>4.13</v>
      </c>
      <c r="AJ103" s="7">
        <v>4.1399999999999997</v>
      </c>
      <c r="AK103" s="8">
        <v>4.13</v>
      </c>
      <c r="AL103" s="8">
        <v>4.12</v>
      </c>
      <c r="AM103" s="8">
        <v>4.1100000000000003</v>
      </c>
      <c r="AN103" s="8">
        <v>4.09</v>
      </c>
      <c r="AO103" s="8">
        <v>4.09</v>
      </c>
      <c r="AP103" s="8">
        <v>4.1399999999999997</v>
      </c>
      <c r="AQ103" s="8">
        <v>4.1399999999999997</v>
      </c>
      <c r="AR103" s="8">
        <v>4.1399999999999997</v>
      </c>
      <c r="AS103" s="7">
        <v>4.1900000000000004</v>
      </c>
      <c r="AT103" s="7">
        <v>4.2300000000000004</v>
      </c>
      <c r="AU103" s="8">
        <v>4.28</v>
      </c>
      <c r="AV103" s="8">
        <v>4.29</v>
      </c>
      <c r="AW103" s="8">
        <v>4.33</v>
      </c>
      <c r="AX103" s="8">
        <v>4.3499999999999996</v>
      </c>
      <c r="AY103" s="8">
        <v>4.3899999999999997</v>
      </c>
      <c r="AZ103" s="8">
        <v>4.41</v>
      </c>
      <c r="BA103" s="8">
        <v>4.38</v>
      </c>
      <c r="BB103" s="8">
        <v>4.4400000000000004</v>
      </c>
      <c r="BC103" s="7">
        <v>4.42</v>
      </c>
      <c r="BD103" s="8">
        <v>4.45</v>
      </c>
    </row>
    <row r="104" spans="3:56" x14ac:dyDescent="0.2">
      <c r="C104" s="5" t="s">
        <v>72</v>
      </c>
      <c r="D104" s="6" t="s">
        <v>58</v>
      </c>
      <c r="E104" s="8">
        <v>7.39</v>
      </c>
      <c r="F104" s="8">
        <v>7.33</v>
      </c>
      <c r="G104" s="8">
        <v>7.27</v>
      </c>
      <c r="H104" s="8">
        <v>7.28</v>
      </c>
      <c r="I104" s="8">
        <v>7.31</v>
      </c>
      <c r="J104" s="8">
        <v>7.29</v>
      </c>
      <c r="K104" s="8">
        <v>7.31</v>
      </c>
      <c r="L104" s="8">
        <v>7.29</v>
      </c>
      <c r="M104" s="8">
        <v>7.3</v>
      </c>
      <c r="N104" s="8">
        <v>7.35</v>
      </c>
      <c r="O104" s="8">
        <v>7.37</v>
      </c>
      <c r="P104" s="8">
        <v>7.38</v>
      </c>
      <c r="Q104" s="8">
        <v>7.33</v>
      </c>
      <c r="R104" s="8">
        <v>7.31</v>
      </c>
      <c r="S104" s="8">
        <v>7.25</v>
      </c>
      <c r="T104" s="8">
        <v>7.24</v>
      </c>
      <c r="U104" s="8">
        <v>7.33</v>
      </c>
      <c r="V104" s="8">
        <v>7.47</v>
      </c>
      <c r="W104" s="8">
        <v>7.49</v>
      </c>
      <c r="X104" s="8">
        <v>7.6</v>
      </c>
      <c r="Y104" s="7">
        <v>7.77</v>
      </c>
      <c r="Z104" s="7">
        <v>7.83</v>
      </c>
      <c r="AA104" s="8">
        <v>7.85</v>
      </c>
      <c r="AB104" s="8">
        <v>7.77</v>
      </c>
      <c r="AC104" s="8">
        <v>7.84</v>
      </c>
      <c r="AD104" s="8">
        <v>7.97</v>
      </c>
      <c r="AE104" s="8">
        <v>7.95</v>
      </c>
      <c r="AF104" s="8">
        <v>7.92</v>
      </c>
      <c r="AG104" s="8">
        <v>7.94</v>
      </c>
      <c r="AH104" s="8">
        <v>8.0299999999999994</v>
      </c>
      <c r="AI104" s="7">
        <v>8.01</v>
      </c>
      <c r="AJ104" s="7">
        <v>8.0500000000000007</v>
      </c>
      <c r="AK104" s="8">
        <v>8.06</v>
      </c>
      <c r="AL104" s="8">
        <v>8.0500000000000007</v>
      </c>
      <c r="AM104" s="8">
        <v>8.02</v>
      </c>
      <c r="AN104" s="8">
        <v>8.0500000000000007</v>
      </c>
      <c r="AO104" s="8">
        <v>8.06</v>
      </c>
      <c r="AP104" s="8">
        <v>8.06</v>
      </c>
      <c r="AQ104" s="8">
        <v>8.08</v>
      </c>
      <c r="AR104" s="8">
        <v>8.1</v>
      </c>
      <c r="AS104" s="7">
        <v>8.1</v>
      </c>
      <c r="AT104" s="7">
        <v>8.07</v>
      </c>
      <c r="AU104" s="8">
        <v>8.07</v>
      </c>
      <c r="AV104" s="8">
        <v>8.09</v>
      </c>
      <c r="AW104" s="8">
        <v>8.1300000000000008</v>
      </c>
      <c r="AX104" s="8">
        <v>8.0399999999999991</v>
      </c>
      <c r="AY104" s="8">
        <v>8.06</v>
      </c>
      <c r="AZ104" s="8">
        <v>8.1</v>
      </c>
      <c r="BA104" s="8">
        <v>8.11</v>
      </c>
      <c r="BB104" s="8">
        <v>8.17</v>
      </c>
      <c r="BC104" s="7">
        <v>8.19</v>
      </c>
      <c r="BD104" s="8">
        <v>8.23</v>
      </c>
    </row>
    <row r="105" spans="3:56" x14ac:dyDescent="0.2">
      <c r="C105" s="5" t="s">
        <v>73</v>
      </c>
      <c r="D105" s="6" t="s">
        <v>58</v>
      </c>
      <c r="E105" s="8">
        <v>8.9499999999999993</v>
      </c>
      <c r="F105" s="8">
        <v>8.83</v>
      </c>
      <c r="G105" s="8">
        <v>8.35</v>
      </c>
      <c r="H105" s="8">
        <v>8.56</v>
      </c>
      <c r="I105" s="8">
        <v>8.74</v>
      </c>
      <c r="J105" s="8">
        <v>8.76</v>
      </c>
      <c r="K105" s="8">
        <v>8.61</v>
      </c>
      <c r="L105" s="8">
        <v>8.9600000000000009</v>
      </c>
      <c r="M105" s="8">
        <v>9.08</v>
      </c>
      <c r="N105" s="8">
        <v>8.99</v>
      </c>
      <c r="O105" s="8">
        <v>8.89</v>
      </c>
      <c r="P105" s="8">
        <v>8.94</v>
      </c>
      <c r="Q105" s="8">
        <v>8.9499999999999993</v>
      </c>
      <c r="R105" s="8">
        <v>8.9600000000000009</v>
      </c>
      <c r="S105" s="8">
        <v>8.91</v>
      </c>
      <c r="T105" s="8">
        <v>8.99</v>
      </c>
      <c r="U105" s="8">
        <v>9.15</v>
      </c>
      <c r="V105" s="8">
        <v>9.18</v>
      </c>
      <c r="W105" s="8">
        <v>9.09</v>
      </c>
      <c r="X105" s="8">
        <v>9.23</v>
      </c>
      <c r="Y105" s="7">
        <v>9.43</v>
      </c>
      <c r="Z105" s="7">
        <v>9.48</v>
      </c>
      <c r="AA105" s="8">
        <v>9.59</v>
      </c>
      <c r="AB105" s="8">
        <v>9.75</v>
      </c>
      <c r="AC105" s="8">
        <v>9.6999999999999993</v>
      </c>
      <c r="AD105" s="8">
        <v>9.58</v>
      </c>
      <c r="AE105" s="8">
        <v>9.5500000000000007</v>
      </c>
      <c r="AF105" s="8">
        <v>9.6300000000000008</v>
      </c>
      <c r="AG105" s="8">
        <v>9.58</v>
      </c>
      <c r="AH105" s="8">
        <v>9.57</v>
      </c>
      <c r="AI105" s="7">
        <v>9.58</v>
      </c>
      <c r="AJ105" s="7">
        <v>9.36</v>
      </c>
      <c r="AK105" s="8">
        <v>9.3699999999999992</v>
      </c>
      <c r="AL105" s="8">
        <v>9.41</v>
      </c>
      <c r="AM105" s="8">
        <v>9.4600000000000009</v>
      </c>
      <c r="AN105" s="8">
        <v>9.3800000000000008</v>
      </c>
      <c r="AO105" s="8">
        <v>9.35</v>
      </c>
      <c r="AP105" s="8">
        <v>9.39</v>
      </c>
      <c r="AQ105" s="8">
        <v>9.36</v>
      </c>
      <c r="AR105" s="8">
        <v>9.33</v>
      </c>
      <c r="AS105" s="7">
        <v>9.3800000000000008</v>
      </c>
      <c r="AT105" s="7">
        <v>9.4499999999999993</v>
      </c>
      <c r="AU105" s="8">
        <v>9.4600000000000009</v>
      </c>
      <c r="AV105" s="8">
        <v>9.49</v>
      </c>
      <c r="AW105" s="8">
        <v>9.4499999999999993</v>
      </c>
      <c r="AX105" s="8">
        <v>9.43</v>
      </c>
      <c r="AY105" s="8">
        <v>9.48</v>
      </c>
      <c r="AZ105" s="8">
        <v>9.44</v>
      </c>
      <c r="BA105" s="8">
        <v>9.39</v>
      </c>
      <c r="BB105" s="8">
        <v>9.6</v>
      </c>
      <c r="BC105" s="7">
        <v>9.74</v>
      </c>
      <c r="BD105" s="8">
        <v>9.68</v>
      </c>
    </row>
    <row r="106" spans="3:56" x14ac:dyDescent="0.2">
      <c r="C106" s="5" t="s">
        <v>74</v>
      </c>
      <c r="D106" s="6" t="s">
        <v>58</v>
      </c>
      <c r="E106" s="8">
        <v>3.05</v>
      </c>
      <c r="F106" s="8">
        <v>3.05</v>
      </c>
      <c r="G106" s="8">
        <v>3.05</v>
      </c>
      <c r="H106" s="8">
        <v>3.04</v>
      </c>
      <c r="I106" s="8">
        <v>3.03</v>
      </c>
      <c r="J106" s="8">
        <v>3.03</v>
      </c>
      <c r="K106" s="8">
        <v>3.02</v>
      </c>
      <c r="L106" s="8">
        <v>3.02</v>
      </c>
      <c r="M106" s="8">
        <v>3.01</v>
      </c>
      <c r="N106" s="8">
        <v>2.99</v>
      </c>
      <c r="O106" s="8">
        <v>3.01</v>
      </c>
      <c r="P106" s="8">
        <v>3.01</v>
      </c>
      <c r="Q106" s="8">
        <v>3.03</v>
      </c>
      <c r="R106" s="8">
        <v>3.01</v>
      </c>
      <c r="S106" s="8">
        <v>3.04</v>
      </c>
      <c r="T106" s="8">
        <v>3.03</v>
      </c>
      <c r="U106" s="8">
        <v>3.02</v>
      </c>
      <c r="V106" s="8">
        <v>3.04</v>
      </c>
      <c r="W106" s="8">
        <v>3.03</v>
      </c>
      <c r="X106" s="8">
        <v>3.03</v>
      </c>
      <c r="Y106" s="13">
        <v>3.04</v>
      </c>
      <c r="Z106" s="13">
        <v>3.05</v>
      </c>
      <c r="AA106" s="8">
        <v>3.05</v>
      </c>
      <c r="AB106" s="8">
        <v>3.07</v>
      </c>
      <c r="AC106" s="8">
        <v>3.06</v>
      </c>
      <c r="AD106" s="8">
        <v>3.06</v>
      </c>
      <c r="AE106" s="8">
        <v>3.04</v>
      </c>
      <c r="AF106" s="8">
        <v>3.03</v>
      </c>
      <c r="AG106" s="8">
        <v>3.04</v>
      </c>
      <c r="AH106" s="8">
        <v>3.04</v>
      </c>
      <c r="AI106" s="13">
        <v>3.05</v>
      </c>
      <c r="AJ106" s="13">
        <v>3.05</v>
      </c>
      <c r="AK106" s="8">
        <v>3.06</v>
      </c>
      <c r="AL106" s="8">
        <v>3.05</v>
      </c>
      <c r="AM106" s="8">
        <v>3.07</v>
      </c>
      <c r="AN106" s="8">
        <v>3.08</v>
      </c>
      <c r="AO106" s="8">
        <v>3.09</v>
      </c>
      <c r="AP106" s="8">
        <v>3.1</v>
      </c>
      <c r="AQ106" s="8">
        <v>3.08</v>
      </c>
      <c r="AR106" s="8">
        <v>3.04</v>
      </c>
      <c r="AS106" s="13">
        <v>3.04</v>
      </c>
      <c r="AT106" s="13">
        <v>3.01</v>
      </c>
      <c r="AU106" s="8">
        <v>3.06</v>
      </c>
      <c r="AV106" s="8">
        <v>3.08</v>
      </c>
      <c r="AW106" s="8">
        <v>3.02</v>
      </c>
      <c r="AX106" s="8">
        <v>2.99</v>
      </c>
      <c r="AY106" s="8">
        <v>3.01</v>
      </c>
      <c r="AZ106" s="8">
        <v>3.02</v>
      </c>
      <c r="BA106" s="8">
        <v>3</v>
      </c>
      <c r="BB106" s="8">
        <v>3.03</v>
      </c>
      <c r="BC106" s="13">
        <v>3.04</v>
      </c>
      <c r="BD106" s="8">
        <v>3.05</v>
      </c>
    </row>
    <row r="107" spans="3:56" x14ac:dyDescent="0.2">
      <c r="C107" s="5" t="s">
        <v>75</v>
      </c>
      <c r="D107" s="15" t="s">
        <v>76</v>
      </c>
      <c r="E107" s="8">
        <v>1.2</v>
      </c>
      <c r="F107" s="8">
        <v>1.2</v>
      </c>
      <c r="G107" s="8">
        <v>1.2</v>
      </c>
      <c r="H107" s="8">
        <v>1.2</v>
      </c>
      <c r="I107" s="8">
        <v>1.2</v>
      </c>
      <c r="J107" s="8">
        <v>1.2</v>
      </c>
      <c r="K107" s="8">
        <v>1.22</v>
      </c>
      <c r="L107" s="8">
        <v>1.22</v>
      </c>
      <c r="M107" s="8">
        <v>1.21</v>
      </c>
      <c r="N107" s="8">
        <v>1.21</v>
      </c>
      <c r="O107" s="8">
        <v>1.21</v>
      </c>
      <c r="P107" s="8">
        <v>1.21</v>
      </c>
      <c r="Q107" s="8">
        <v>1.21</v>
      </c>
      <c r="R107" s="8">
        <v>1.2</v>
      </c>
      <c r="S107" s="8">
        <v>1.2</v>
      </c>
      <c r="T107" s="8">
        <v>1.2</v>
      </c>
      <c r="U107" s="8">
        <v>1.2</v>
      </c>
      <c r="V107" s="8">
        <v>1.2</v>
      </c>
      <c r="W107" s="8">
        <v>1.19</v>
      </c>
      <c r="X107" s="8">
        <v>1.19</v>
      </c>
      <c r="Y107" s="8">
        <v>1.2</v>
      </c>
      <c r="Z107" s="8">
        <v>1.2</v>
      </c>
      <c r="AA107" s="8">
        <v>1.2</v>
      </c>
      <c r="AB107" s="8">
        <v>1.19</v>
      </c>
      <c r="AC107" s="8">
        <v>1.2</v>
      </c>
      <c r="AD107" s="8">
        <v>1.2</v>
      </c>
      <c r="AE107" s="8">
        <v>1.19</v>
      </c>
      <c r="AF107" s="8">
        <v>1.19</v>
      </c>
      <c r="AG107" s="8">
        <v>1.19</v>
      </c>
      <c r="AH107" s="8">
        <v>1.19</v>
      </c>
      <c r="AI107" s="8">
        <v>1.19</v>
      </c>
      <c r="AJ107" s="8">
        <v>1.19</v>
      </c>
      <c r="AK107" s="8">
        <v>1.19</v>
      </c>
      <c r="AL107" s="8">
        <v>1.19</v>
      </c>
      <c r="AM107" s="8">
        <v>1.19</v>
      </c>
      <c r="AN107" s="8">
        <v>1.19</v>
      </c>
      <c r="AO107" s="8">
        <v>1.19</v>
      </c>
      <c r="AP107" s="8">
        <v>1.2</v>
      </c>
      <c r="AQ107" s="8">
        <v>1.19</v>
      </c>
      <c r="AR107" s="8">
        <v>1.19</v>
      </c>
      <c r="AS107" s="8">
        <v>1.19</v>
      </c>
      <c r="AT107" s="8">
        <v>1.19</v>
      </c>
      <c r="AU107" s="8">
        <v>1.19</v>
      </c>
      <c r="AV107" s="8">
        <v>1.19</v>
      </c>
      <c r="AW107" s="8">
        <v>1.19</v>
      </c>
      <c r="AX107" s="8">
        <v>1.19</v>
      </c>
      <c r="AY107" s="8">
        <v>1.19</v>
      </c>
      <c r="AZ107" s="8">
        <v>1.19</v>
      </c>
      <c r="BA107" s="8">
        <v>1.19</v>
      </c>
      <c r="BB107" s="8">
        <v>1.2</v>
      </c>
      <c r="BC107" s="8">
        <v>1.2</v>
      </c>
      <c r="BD107" s="8">
        <v>1.19</v>
      </c>
    </row>
    <row r="108" spans="3:56" x14ac:dyDescent="0.2">
      <c r="C108" s="16" t="s">
        <v>78</v>
      </c>
      <c r="D108" s="6" t="s">
        <v>58</v>
      </c>
      <c r="E108" s="8">
        <v>0.64</v>
      </c>
      <c r="F108" s="8">
        <v>0.64500000000000002</v>
      </c>
      <c r="G108" s="8">
        <v>0.64</v>
      </c>
      <c r="H108" s="8">
        <v>0.63500000000000001</v>
      </c>
      <c r="I108" s="8">
        <v>0.63500000000000001</v>
      </c>
      <c r="J108" s="8">
        <v>0.63500000000000001</v>
      </c>
      <c r="K108" s="8">
        <v>0.63500000000000001</v>
      </c>
      <c r="L108" s="8">
        <v>0.63500000000000001</v>
      </c>
      <c r="M108" s="8">
        <v>0.64</v>
      </c>
      <c r="N108" s="8">
        <v>0.64</v>
      </c>
      <c r="O108" s="8">
        <v>0.64</v>
      </c>
      <c r="P108" s="8">
        <v>0.65</v>
      </c>
      <c r="Q108" s="8">
        <v>0.66</v>
      </c>
      <c r="R108" s="8">
        <v>0.67</v>
      </c>
      <c r="S108" s="8">
        <v>0.67</v>
      </c>
      <c r="T108" s="8">
        <v>0.68500000000000005</v>
      </c>
      <c r="U108" s="8">
        <v>0.68</v>
      </c>
      <c r="V108" s="8">
        <v>0.68</v>
      </c>
      <c r="W108" s="8">
        <v>0.68</v>
      </c>
      <c r="X108" s="8">
        <v>0.67</v>
      </c>
      <c r="Y108" s="8">
        <v>0.67</v>
      </c>
      <c r="Z108" s="8">
        <v>0.66</v>
      </c>
      <c r="AA108" s="8">
        <v>0.65</v>
      </c>
      <c r="AB108" s="8">
        <v>0.65</v>
      </c>
      <c r="AC108" s="8">
        <v>0.64</v>
      </c>
      <c r="AD108" s="8">
        <v>0.63</v>
      </c>
      <c r="AE108" s="8">
        <v>0.63</v>
      </c>
      <c r="AF108" s="8">
        <v>0.63</v>
      </c>
      <c r="AG108" s="8">
        <v>0.63</v>
      </c>
      <c r="AH108" s="8">
        <v>0.62</v>
      </c>
      <c r="AI108" s="8">
        <v>0.62</v>
      </c>
      <c r="AJ108" s="8">
        <v>0.63</v>
      </c>
      <c r="AK108" s="8">
        <v>0.63</v>
      </c>
      <c r="AL108" s="8">
        <v>0.63</v>
      </c>
      <c r="AM108" s="8">
        <v>0.63</v>
      </c>
      <c r="AN108" s="8">
        <v>0.63</v>
      </c>
      <c r="AO108" s="8">
        <v>0.62</v>
      </c>
      <c r="AP108" s="8">
        <v>0.62</v>
      </c>
      <c r="AQ108" s="8">
        <v>0.62</v>
      </c>
      <c r="AR108" s="8">
        <v>0.62</v>
      </c>
      <c r="AS108" s="8">
        <v>0.62</v>
      </c>
      <c r="AT108" s="8">
        <v>0.62</v>
      </c>
      <c r="AU108" s="8">
        <v>0.62</v>
      </c>
      <c r="AV108" s="8">
        <v>0.62</v>
      </c>
      <c r="AW108" s="8">
        <v>0.62</v>
      </c>
      <c r="AX108" s="8">
        <v>0.63</v>
      </c>
      <c r="AY108" s="8">
        <v>0.63</v>
      </c>
      <c r="AZ108" s="8">
        <v>0.63</v>
      </c>
      <c r="BA108" s="8">
        <v>0.63</v>
      </c>
      <c r="BB108" s="8">
        <v>0.64</v>
      </c>
      <c r="BC108" s="8">
        <v>0.64</v>
      </c>
      <c r="BD108" s="8">
        <v>0.64</v>
      </c>
    </row>
    <row r="109" spans="3:56" x14ac:dyDescent="0.2">
      <c r="C109" s="16" t="s">
        <v>79</v>
      </c>
      <c r="D109" s="6" t="s">
        <v>58</v>
      </c>
      <c r="E109" s="8">
        <v>1.24</v>
      </c>
      <c r="F109" s="8">
        <v>1.24</v>
      </c>
      <c r="G109" s="8">
        <v>1.26</v>
      </c>
      <c r="H109" s="8">
        <v>1.28</v>
      </c>
      <c r="I109" s="8">
        <v>1.41</v>
      </c>
      <c r="J109" s="8">
        <v>1.45</v>
      </c>
      <c r="K109" s="8">
        <v>1.55</v>
      </c>
      <c r="L109" s="8">
        <v>1.54</v>
      </c>
      <c r="M109" s="8">
        <v>1.6</v>
      </c>
      <c r="N109" s="8">
        <v>1.64</v>
      </c>
      <c r="O109" s="8">
        <v>1.65</v>
      </c>
      <c r="P109" s="8">
        <v>1.61</v>
      </c>
      <c r="Q109" s="8">
        <v>1.53</v>
      </c>
      <c r="R109" s="8">
        <v>1.41</v>
      </c>
      <c r="S109" s="8">
        <v>1.38</v>
      </c>
      <c r="T109" s="8">
        <v>1.34</v>
      </c>
      <c r="U109" s="8">
        <v>1.29</v>
      </c>
      <c r="V109" s="8">
        <v>1.3</v>
      </c>
      <c r="W109" s="8">
        <v>1.28</v>
      </c>
      <c r="X109" s="8">
        <v>1.27</v>
      </c>
      <c r="Y109" s="8">
        <v>1.25</v>
      </c>
      <c r="Z109" s="8">
        <v>1.24</v>
      </c>
      <c r="AA109" s="8">
        <v>1.25</v>
      </c>
      <c r="AB109" s="8">
        <v>1.36</v>
      </c>
      <c r="AC109" s="8">
        <v>1.38</v>
      </c>
      <c r="AD109" s="8">
        <v>1.37</v>
      </c>
      <c r="AE109" s="8">
        <v>1.22</v>
      </c>
      <c r="AF109" s="8">
        <v>1.24</v>
      </c>
      <c r="AG109" s="8">
        <v>1.22</v>
      </c>
      <c r="AH109" s="8">
        <v>1.2</v>
      </c>
      <c r="AI109" s="8">
        <v>1.18</v>
      </c>
      <c r="AJ109" s="8">
        <v>1.19</v>
      </c>
      <c r="AK109" s="8">
        <v>1.19</v>
      </c>
      <c r="AL109" s="8">
        <v>1.2</v>
      </c>
      <c r="AM109" s="8">
        <v>1.2</v>
      </c>
      <c r="AN109" s="8">
        <v>1.21</v>
      </c>
      <c r="AO109" s="8">
        <v>1.21</v>
      </c>
      <c r="AP109" s="8">
        <v>1.24</v>
      </c>
      <c r="AQ109" s="8">
        <v>1.25</v>
      </c>
      <c r="AR109" s="8">
        <v>1.25</v>
      </c>
      <c r="AS109" s="8">
        <v>1.26</v>
      </c>
      <c r="AT109" s="8">
        <v>1.28</v>
      </c>
      <c r="AU109" s="8">
        <v>1.26</v>
      </c>
      <c r="AV109" s="8">
        <v>1.25</v>
      </c>
      <c r="AW109" s="8">
        <v>1.25</v>
      </c>
      <c r="AX109" s="8">
        <v>1.25</v>
      </c>
      <c r="AY109" s="8">
        <v>1.24</v>
      </c>
      <c r="AZ109" s="8">
        <v>1.27</v>
      </c>
      <c r="BA109" s="8">
        <v>1.27</v>
      </c>
      <c r="BB109" s="8">
        <v>1.28</v>
      </c>
      <c r="BC109" s="8">
        <v>1.3</v>
      </c>
      <c r="BD109" s="8">
        <v>1.33</v>
      </c>
    </row>
    <row r="110" spans="3:56" x14ac:dyDescent="0.2">
      <c r="C110" s="16" t="s">
        <v>80</v>
      </c>
      <c r="D110" s="6" t="s">
        <v>58</v>
      </c>
      <c r="E110" s="8">
        <v>1.64</v>
      </c>
      <c r="F110" s="8">
        <v>1.92</v>
      </c>
      <c r="G110" s="8">
        <v>2.13</v>
      </c>
      <c r="H110" s="8">
        <v>2.39</v>
      </c>
      <c r="I110" s="8">
        <v>2.91</v>
      </c>
      <c r="J110" s="8">
        <v>3.14</v>
      </c>
      <c r="K110" s="8">
        <v>3.26</v>
      </c>
      <c r="L110" s="8">
        <v>3.25</v>
      </c>
      <c r="M110" s="8">
        <v>3.18</v>
      </c>
      <c r="N110" s="8">
        <v>3.16</v>
      </c>
      <c r="O110" s="8">
        <v>2.81</v>
      </c>
      <c r="P110" s="8">
        <v>2.61</v>
      </c>
      <c r="Q110" s="8">
        <v>2.2999999999999998</v>
      </c>
      <c r="R110" s="8">
        <v>1.96</v>
      </c>
      <c r="S110" s="8">
        <v>1.72</v>
      </c>
      <c r="T110" s="8">
        <v>1.6</v>
      </c>
      <c r="U110" s="8">
        <v>1.48</v>
      </c>
      <c r="V110" s="8">
        <v>1.43</v>
      </c>
      <c r="W110" s="8">
        <v>1.39</v>
      </c>
      <c r="X110" s="8">
        <v>1.34</v>
      </c>
      <c r="Y110" s="8">
        <v>1.34</v>
      </c>
      <c r="Z110" s="8">
        <v>1.31</v>
      </c>
      <c r="AA110" s="8">
        <v>1.35</v>
      </c>
      <c r="AB110" s="8">
        <v>1.37</v>
      </c>
      <c r="AC110" s="8">
        <v>1.39</v>
      </c>
      <c r="AD110" s="8">
        <v>1.39</v>
      </c>
      <c r="AE110" s="8">
        <v>1.39</v>
      </c>
      <c r="AF110" s="8">
        <v>1.39</v>
      </c>
      <c r="AG110" s="8">
        <v>1.41</v>
      </c>
      <c r="AH110" s="8">
        <v>1.41</v>
      </c>
      <c r="AI110" s="8">
        <v>1.4</v>
      </c>
      <c r="AJ110" s="8">
        <v>1.39</v>
      </c>
      <c r="AK110" s="8">
        <v>1.4</v>
      </c>
      <c r="AL110" s="8">
        <v>1.43</v>
      </c>
      <c r="AM110" s="8">
        <v>1.52</v>
      </c>
      <c r="AN110" s="8">
        <v>1.54</v>
      </c>
      <c r="AO110" s="8">
        <v>1.51</v>
      </c>
      <c r="AP110" s="8">
        <v>1.53</v>
      </c>
      <c r="AQ110" s="8">
        <v>1.52</v>
      </c>
      <c r="AR110" s="8">
        <v>1.51</v>
      </c>
      <c r="AS110" s="8">
        <v>1.5</v>
      </c>
      <c r="AT110" s="8">
        <v>1.5</v>
      </c>
      <c r="AU110" s="8">
        <v>1.47</v>
      </c>
      <c r="AV110" s="8">
        <v>1.47</v>
      </c>
      <c r="AW110" s="8">
        <v>1.47</v>
      </c>
      <c r="AX110" s="8">
        <v>1.53</v>
      </c>
      <c r="AY110" s="8">
        <v>1.57</v>
      </c>
      <c r="AZ110" s="8">
        <v>1.65</v>
      </c>
      <c r="BA110" s="8">
        <v>1.73</v>
      </c>
      <c r="BB110" s="8">
        <v>1.88</v>
      </c>
      <c r="BC110" s="8">
        <v>2.0099999999999998</v>
      </c>
      <c r="BD110" s="8">
        <v>2.02</v>
      </c>
    </row>
    <row r="111" spans="3:56" x14ac:dyDescent="0.2">
      <c r="C111" s="16" t="s">
        <v>81</v>
      </c>
      <c r="D111" s="6" t="s">
        <v>58</v>
      </c>
      <c r="E111" s="8">
        <v>0.87</v>
      </c>
      <c r="F111" s="8">
        <v>0.84</v>
      </c>
      <c r="G111" s="8">
        <v>0.84</v>
      </c>
      <c r="H111" s="8">
        <v>0.88</v>
      </c>
      <c r="I111" s="8">
        <v>0.88</v>
      </c>
      <c r="J111" s="8">
        <v>0.88</v>
      </c>
      <c r="K111" s="8">
        <v>0.89</v>
      </c>
      <c r="L111" s="8">
        <v>0.89</v>
      </c>
      <c r="M111" s="8">
        <v>0.89</v>
      </c>
      <c r="N111" s="8">
        <v>0.89</v>
      </c>
      <c r="O111" s="8">
        <v>0.89</v>
      </c>
      <c r="P111" s="8">
        <v>0.89</v>
      </c>
      <c r="Q111" s="8">
        <v>0.89</v>
      </c>
      <c r="R111" s="8">
        <v>0.89</v>
      </c>
      <c r="S111" s="8">
        <v>0.89</v>
      </c>
      <c r="T111" s="8">
        <v>0.9</v>
      </c>
      <c r="U111" s="8">
        <v>0.9</v>
      </c>
      <c r="V111" s="8">
        <v>0.9</v>
      </c>
      <c r="W111" s="8">
        <v>0.9</v>
      </c>
      <c r="X111" s="8">
        <v>0.9</v>
      </c>
      <c r="Y111" s="8">
        <v>0.9</v>
      </c>
      <c r="Z111" s="8">
        <v>0.88</v>
      </c>
      <c r="AA111" s="8">
        <v>0.87</v>
      </c>
      <c r="AB111" s="8">
        <v>0.87</v>
      </c>
      <c r="AC111" s="8">
        <v>0.87</v>
      </c>
      <c r="AD111" s="8">
        <v>0.87</v>
      </c>
      <c r="AE111" s="8">
        <v>0.84</v>
      </c>
      <c r="AF111" s="8">
        <v>0.84</v>
      </c>
      <c r="AG111" s="8">
        <v>0.84</v>
      </c>
      <c r="AH111" s="8">
        <v>0.83</v>
      </c>
      <c r="AI111" s="8">
        <v>0.83</v>
      </c>
      <c r="AJ111" s="8">
        <v>0.84</v>
      </c>
      <c r="AK111" s="8">
        <v>0.84</v>
      </c>
      <c r="AL111" s="8">
        <v>0.84</v>
      </c>
      <c r="AM111" s="8">
        <v>0.85</v>
      </c>
      <c r="AN111" s="8">
        <v>0.84</v>
      </c>
      <c r="AO111" s="8">
        <v>0.86</v>
      </c>
      <c r="AP111" s="8">
        <v>0.86</v>
      </c>
      <c r="AQ111" s="8">
        <v>0.85</v>
      </c>
      <c r="AR111" s="8">
        <v>0.86</v>
      </c>
      <c r="AS111" s="8">
        <v>0.86</v>
      </c>
      <c r="AT111" s="8">
        <v>0.86</v>
      </c>
      <c r="AU111" s="8">
        <v>0.86</v>
      </c>
      <c r="AV111" s="8">
        <v>0.85</v>
      </c>
      <c r="AW111" s="8">
        <v>0.85</v>
      </c>
      <c r="AX111" s="8">
        <v>0.85</v>
      </c>
      <c r="AY111" s="8">
        <v>0.85</v>
      </c>
      <c r="AZ111" s="8">
        <v>0.86</v>
      </c>
      <c r="BA111" s="8">
        <v>0.86</v>
      </c>
      <c r="BB111" s="8">
        <v>0.86</v>
      </c>
      <c r="BC111" s="8">
        <v>0.86</v>
      </c>
      <c r="BD111" s="8">
        <v>0.86</v>
      </c>
    </row>
    <row r="112" spans="3:56" x14ac:dyDescent="0.2">
      <c r="C112" s="16" t="s">
        <v>82</v>
      </c>
      <c r="D112" s="6" t="s">
        <v>58</v>
      </c>
      <c r="E112" s="8">
        <v>3.67</v>
      </c>
      <c r="F112" s="8">
        <v>4.07</v>
      </c>
      <c r="G112" s="8">
        <v>4.51</v>
      </c>
      <c r="H112" s="8">
        <v>4.7699999999999996</v>
      </c>
      <c r="I112" s="8">
        <v>5.51</v>
      </c>
      <c r="J112" s="8">
        <v>5.7</v>
      </c>
      <c r="K112" s="8">
        <v>6.13</v>
      </c>
      <c r="L112" s="8">
        <v>6.06</v>
      </c>
      <c r="M112" s="8">
        <v>6.27</v>
      </c>
      <c r="N112" s="8">
        <v>6.98</v>
      </c>
      <c r="O112" s="8">
        <v>6.66</v>
      </c>
      <c r="P112" s="8">
        <v>6.08</v>
      </c>
      <c r="Q112" s="8">
        <v>5.45</v>
      </c>
      <c r="R112" s="8">
        <v>4.54</v>
      </c>
      <c r="S112" s="8">
        <v>4.08</v>
      </c>
      <c r="T112" s="8">
        <v>3.87</v>
      </c>
      <c r="U112" s="8">
        <v>3.69</v>
      </c>
      <c r="V112" s="8">
        <v>3.42</v>
      </c>
      <c r="W112" s="8">
        <v>3.3</v>
      </c>
      <c r="X112" s="8">
        <v>3.1</v>
      </c>
      <c r="Y112" s="8">
        <v>3.1</v>
      </c>
      <c r="Z112" s="8">
        <v>2.98</v>
      </c>
      <c r="AA112" s="8">
        <v>3.01</v>
      </c>
      <c r="AB112" s="8">
        <v>3.02</v>
      </c>
      <c r="AC112" s="8">
        <v>3.02</v>
      </c>
      <c r="AD112" s="8">
        <v>3.01</v>
      </c>
      <c r="AE112" s="8">
        <v>2.99</v>
      </c>
      <c r="AF112" s="8">
        <v>3.15</v>
      </c>
      <c r="AG112" s="8">
        <v>3.23</v>
      </c>
      <c r="AH112" s="8">
        <v>3.24</v>
      </c>
      <c r="AI112" s="8">
        <v>3.23</v>
      </c>
      <c r="AJ112" s="8">
        <v>3.28</v>
      </c>
      <c r="AK112" s="8">
        <v>3.41</v>
      </c>
      <c r="AL112" s="8">
        <v>3.56</v>
      </c>
      <c r="AM112" s="8">
        <v>3.56</v>
      </c>
      <c r="AN112" s="8">
        <v>3.59</v>
      </c>
      <c r="AO112" s="8">
        <v>3.62</v>
      </c>
      <c r="AP112" s="8">
        <v>3.65</v>
      </c>
      <c r="AQ112" s="8">
        <v>3.83</v>
      </c>
      <c r="AR112" s="8">
        <v>3.92</v>
      </c>
      <c r="AS112" s="8">
        <v>3.81</v>
      </c>
      <c r="AT112" s="8">
        <v>3.69</v>
      </c>
      <c r="AU112" s="8">
        <v>3.63</v>
      </c>
      <c r="AV112" s="8">
        <v>3.58</v>
      </c>
      <c r="AW112" s="8">
        <v>3.51</v>
      </c>
      <c r="AX112" s="8">
        <v>3.45</v>
      </c>
      <c r="AY112" s="8">
        <v>3.46</v>
      </c>
      <c r="AZ112" s="8">
        <v>3.4</v>
      </c>
      <c r="BA112" s="8">
        <v>3.45</v>
      </c>
      <c r="BB112" s="8">
        <v>3.71</v>
      </c>
      <c r="BC112" s="8">
        <v>3.79</v>
      </c>
      <c r="BD112" s="8">
        <v>3.9</v>
      </c>
    </row>
    <row r="113" spans="3:56" x14ac:dyDescent="0.2">
      <c r="C113" s="16" t="s">
        <v>84</v>
      </c>
      <c r="D113" s="6" t="s">
        <v>85</v>
      </c>
      <c r="E113" s="8">
        <v>0.73</v>
      </c>
      <c r="F113" s="8">
        <v>0.74</v>
      </c>
      <c r="G113" s="8">
        <v>0.72</v>
      </c>
      <c r="H113" s="8">
        <v>0.81</v>
      </c>
      <c r="I113" s="8">
        <v>0.9</v>
      </c>
      <c r="J113" s="8">
        <v>0.92</v>
      </c>
      <c r="K113" s="8">
        <v>1.01</v>
      </c>
      <c r="L113" s="8">
        <v>1.02</v>
      </c>
      <c r="M113" s="8">
        <v>1.05</v>
      </c>
      <c r="N113" s="8">
        <v>1.0900000000000001</v>
      </c>
      <c r="O113" s="8">
        <v>1.1100000000000001</v>
      </c>
      <c r="P113" s="8">
        <v>1.0900000000000001</v>
      </c>
      <c r="Q113" s="8">
        <v>1.08</v>
      </c>
      <c r="R113" s="8">
        <v>1.02</v>
      </c>
      <c r="S113" s="8">
        <v>0.97</v>
      </c>
      <c r="T113" s="8">
        <v>0.91</v>
      </c>
      <c r="U113" s="8">
        <v>0.88</v>
      </c>
      <c r="V113" s="8">
        <v>0.84</v>
      </c>
      <c r="W113" s="8">
        <v>0.84</v>
      </c>
      <c r="X113" s="8">
        <v>0.8</v>
      </c>
      <c r="Y113" s="8">
        <v>0.8</v>
      </c>
      <c r="Z113" s="8">
        <v>0.79</v>
      </c>
      <c r="AA113" s="8">
        <v>0.78</v>
      </c>
      <c r="AB113" s="8">
        <v>0.78</v>
      </c>
      <c r="AC113" s="8">
        <v>0.77</v>
      </c>
      <c r="AD113" s="8">
        <v>0.77</v>
      </c>
      <c r="AE113" s="8">
        <v>0.79</v>
      </c>
      <c r="AF113" s="8">
        <v>0.8</v>
      </c>
      <c r="AG113" s="8">
        <v>0.8</v>
      </c>
      <c r="AH113" s="8">
        <v>0.81</v>
      </c>
      <c r="AI113" s="8">
        <v>0.81</v>
      </c>
      <c r="AJ113" s="8">
        <v>0.81</v>
      </c>
      <c r="AK113" s="8">
        <v>0.82</v>
      </c>
      <c r="AL113" s="8">
        <v>0.83</v>
      </c>
      <c r="AM113" s="8">
        <v>0.83</v>
      </c>
      <c r="AN113" s="8">
        <v>0.85</v>
      </c>
      <c r="AO113" s="8">
        <v>0.85</v>
      </c>
      <c r="AP113" s="8">
        <v>0.85</v>
      </c>
      <c r="AQ113" s="8">
        <v>0.85</v>
      </c>
      <c r="AR113" s="8">
        <v>0.83</v>
      </c>
      <c r="AS113" s="8">
        <v>0.82</v>
      </c>
      <c r="AT113" s="8">
        <v>0.82</v>
      </c>
      <c r="AU113" s="8">
        <v>0.83</v>
      </c>
      <c r="AV113" s="8">
        <v>0.82</v>
      </c>
      <c r="AW113" s="8">
        <v>0.81</v>
      </c>
      <c r="AX113" s="8">
        <v>0.81</v>
      </c>
      <c r="AY113" s="8">
        <v>0.8</v>
      </c>
      <c r="AZ113" s="8">
        <v>0.8</v>
      </c>
      <c r="BA113" s="8">
        <v>0.8</v>
      </c>
      <c r="BB113" s="8">
        <v>0.82</v>
      </c>
      <c r="BC113" s="8">
        <v>0.84</v>
      </c>
      <c r="BD113" s="8">
        <v>0.85</v>
      </c>
    </row>
    <row r="114" spans="3:56" x14ac:dyDescent="0.2">
      <c r="C114" s="16" t="s">
        <v>86</v>
      </c>
      <c r="D114" s="6" t="s">
        <v>58</v>
      </c>
      <c r="E114" s="8">
        <v>2.23</v>
      </c>
      <c r="F114" s="8">
        <v>2.25</v>
      </c>
      <c r="G114" s="8">
        <v>2.27</v>
      </c>
      <c r="H114" s="8">
        <v>2.2999999999999998</v>
      </c>
      <c r="I114" s="8">
        <v>2.4</v>
      </c>
      <c r="J114" s="8">
        <v>2.4700000000000002</v>
      </c>
      <c r="K114" s="8">
        <v>2.58</v>
      </c>
      <c r="L114" s="8">
        <v>2.63</v>
      </c>
      <c r="M114" s="8">
        <v>2.63</v>
      </c>
      <c r="N114" s="8">
        <v>2.71</v>
      </c>
      <c r="O114" s="8">
        <v>2.62</v>
      </c>
      <c r="P114" s="8">
        <v>2.61</v>
      </c>
      <c r="Q114" s="8">
        <v>2.54</v>
      </c>
      <c r="R114" s="8">
        <v>2.4500000000000002</v>
      </c>
      <c r="S114" s="8">
        <v>2.48</v>
      </c>
      <c r="T114" s="8">
        <v>2.2999999999999998</v>
      </c>
      <c r="U114" s="8">
        <v>2.19</v>
      </c>
      <c r="V114" s="8">
        <v>2.19</v>
      </c>
      <c r="W114" s="8">
        <v>2.19</v>
      </c>
      <c r="X114" s="8">
        <v>2.17</v>
      </c>
      <c r="Y114" s="8">
        <v>2.1</v>
      </c>
      <c r="Z114" s="8">
        <v>2.09</v>
      </c>
      <c r="AA114" s="8">
        <v>2</v>
      </c>
      <c r="AB114" s="8">
        <v>1.99</v>
      </c>
      <c r="AC114" s="8">
        <v>1.94</v>
      </c>
      <c r="AD114" s="8">
        <v>1.87</v>
      </c>
      <c r="AE114" s="8">
        <v>1.86</v>
      </c>
      <c r="AF114" s="8">
        <v>1.83</v>
      </c>
      <c r="AG114" s="8">
        <v>1.85</v>
      </c>
      <c r="AH114" s="8">
        <v>1.87</v>
      </c>
      <c r="AI114" s="8">
        <v>1.86</v>
      </c>
      <c r="AJ114" s="8">
        <v>1.84</v>
      </c>
      <c r="AK114" s="8">
        <v>1.83</v>
      </c>
      <c r="AL114" s="8">
        <v>1.84</v>
      </c>
      <c r="AM114" s="8">
        <v>1.85</v>
      </c>
      <c r="AN114" s="8">
        <v>1.83</v>
      </c>
      <c r="AO114" s="8">
        <v>1.83</v>
      </c>
      <c r="AP114" s="8">
        <v>1.82</v>
      </c>
      <c r="AQ114" s="8">
        <v>1.81</v>
      </c>
      <c r="AR114" s="8">
        <v>1.82</v>
      </c>
      <c r="AS114" s="8">
        <v>1.83</v>
      </c>
      <c r="AT114" s="8">
        <v>1.87</v>
      </c>
      <c r="AU114" s="8">
        <v>1.85</v>
      </c>
      <c r="AV114" s="8">
        <v>1.88</v>
      </c>
      <c r="AW114" s="8">
        <v>1.86</v>
      </c>
      <c r="AX114" s="8">
        <v>1.87</v>
      </c>
      <c r="AY114" s="8">
        <v>1.86</v>
      </c>
      <c r="AZ114" s="8">
        <v>1.85</v>
      </c>
      <c r="BA114" s="8">
        <v>1.86</v>
      </c>
      <c r="BB114" s="8">
        <v>1.92</v>
      </c>
      <c r="BC114" s="8">
        <v>1.92</v>
      </c>
      <c r="BD114" s="8">
        <v>1.93</v>
      </c>
    </row>
    <row r="115" spans="3:56" x14ac:dyDescent="0.2">
      <c r="C115" s="16" t="s">
        <v>104</v>
      </c>
      <c r="D115" s="6" t="s">
        <v>58</v>
      </c>
      <c r="E115" s="8">
        <v>2.27</v>
      </c>
      <c r="F115" s="8">
        <v>2.31</v>
      </c>
      <c r="G115" s="8">
        <v>2.31</v>
      </c>
      <c r="H115" s="8">
        <v>2.42</v>
      </c>
      <c r="I115" s="8">
        <v>2.4900000000000002</v>
      </c>
      <c r="J115" s="8">
        <v>2.5499999999999998</v>
      </c>
      <c r="K115" s="8">
        <v>2.61</v>
      </c>
      <c r="L115" s="8">
        <v>2.59</v>
      </c>
      <c r="M115" s="8">
        <v>2.59</v>
      </c>
      <c r="N115" s="8">
        <v>2.65</v>
      </c>
      <c r="O115" s="8">
        <v>2.68</v>
      </c>
      <c r="P115" s="8">
        <v>2.69</v>
      </c>
      <c r="Q115" s="8">
        <v>2.64</v>
      </c>
      <c r="R115" s="8">
        <v>2.6</v>
      </c>
      <c r="S115" s="8">
        <v>2.66</v>
      </c>
      <c r="T115" s="8">
        <v>2.96</v>
      </c>
      <c r="U115" s="8">
        <v>3.08</v>
      </c>
      <c r="V115" s="8">
        <v>3.09</v>
      </c>
      <c r="W115" s="8">
        <v>3.1</v>
      </c>
      <c r="X115" s="8">
        <v>2.94</v>
      </c>
      <c r="Y115" s="8">
        <v>2.76</v>
      </c>
      <c r="Z115" s="8">
        <v>2.65</v>
      </c>
      <c r="AA115" s="8">
        <v>2.4900000000000002</v>
      </c>
      <c r="AB115" s="8">
        <v>2.23</v>
      </c>
      <c r="AC115" s="8">
        <v>2.0499999999999998</v>
      </c>
      <c r="AD115" s="8">
        <v>1.99</v>
      </c>
      <c r="AE115" s="8">
        <v>1.93</v>
      </c>
      <c r="AF115" s="8">
        <v>1.92</v>
      </c>
      <c r="AG115" s="8">
        <v>1.97</v>
      </c>
      <c r="AH115" s="8">
        <v>1.97</v>
      </c>
      <c r="AI115" s="8">
        <v>1.97</v>
      </c>
      <c r="AJ115" s="8">
        <v>1.96</v>
      </c>
      <c r="AK115" s="8">
        <v>1.97</v>
      </c>
      <c r="AL115" s="8">
        <v>1.98</v>
      </c>
      <c r="AM115" s="8">
        <v>1.94</v>
      </c>
      <c r="AN115" s="8">
        <v>1.9</v>
      </c>
      <c r="AO115" s="8">
        <v>1.92</v>
      </c>
      <c r="AP115" s="8">
        <v>1.97</v>
      </c>
      <c r="AQ115" s="8">
        <v>1.96</v>
      </c>
      <c r="AR115" s="8">
        <v>2.0099999999999998</v>
      </c>
      <c r="AS115" s="8">
        <v>2.0099999999999998</v>
      </c>
      <c r="AT115" s="8">
        <v>1.99</v>
      </c>
      <c r="AU115" s="8">
        <v>1.98</v>
      </c>
      <c r="AV115" s="8">
        <v>1.98</v>
      </c>
      <c r="AW115" s="8">
        <v>1.95</v>
      </c>
      <c r="AX115" s="8">
        <v>1.95</v>
      </c>
      <c r="AY115" s="8">
        <v>1.94</v>
      </c>
      <c r="AZ115" s="8">
        <v>1.95</v>
      </c>
      <c r="BA115" s="8">
        <v>1.96</v>
      </c>
      <c r="BB115" s="8">
        <v>2</v>
      </c>
      <c r="BC115" s="8">
        <v>2.0299999999999998</v>
      </c>
      <c r="BD115" s="8">
        <v>2.13</v>
      </c>
    </row>
    <row r="116" spans="3:56" x14ac:dyDescent="0.2">
      <c r="C116" s="16" t="s">
        <v>87</v>
      </c>
      <c r="D116" s="6" t="s">
        <v>58</v>
      </c>
      <c r="E116" s="8">
        <v>0.91</v>
      </c>
      <c r="F116" s="8">
        <v>0.91</v>
      </c>
      <c r="G116" s="8">
        <v>0.91</v>
      </c>
      <c r="H116" s="8">
        <v>0.91</v>
      </c>
      <c r="I116" s="8">
        <v>0.91</v>
      </c>
      <c r="J116" s="8">
        <v>0.91</v>
      </c>
      <c r="K116" s="8">
        <v>0.92</v>
      </c>
      <c r="L116" s="8">
        <v>0.91</v>
      </c>
      <c r="M116" s="17">
        <v>0.9</v>
      </c>
      <c r="N116" s="8">
        <v>0.9</v>
      </c>
      <c r="O116" s="8">
        <v>0.91</v>
      </c>
      <c r="P116" s="8">
        <v>0.91</v>
      </c>
      <c r="Q116" s="8">
        <v>0.91</v>
      </c>
      <c r="R116" s="8">
        <v>0.92</v>
      </c>
      <c r="S116" s="8">
        <v>0.92</v>
      </c>
      <c r="T116" s="8">
        <v>0.93</v>
      </c>
      <c r="U116" s="8">
        <v>0.92</v>
      </c>
      <c r="V116" s="8">
        <v>0.92</v>
      </c>
      <c r="W116" s="8">
        <v>0.92</v>
      </c>
      <c r="X116" s="8">
        <v>0.92</v>
      </c>
      <c r="Y116" s="8">
        <v>0.93</v>
      </c>
      <c r="Z116" s="8">
        <v>0.93</v>
      </c>
      <c r="AA116" s="8">
        <v>0.93</v>
      </c>
      <c r="AB116" s="8">
        <v>0.93</v>
      </c>
      <c r="AC116" s="8">
        <v>0.92</v>
      </c>
      <c r="AD116" s="8">
        <v>0.92</v>
      </c>
      <c r="AE116" s="8">
        <v>0.93</v>
      </c>
      <c r="AF116" s="8">
        <v>0.92</v>
      </c>
      <c r="AG116" s="8">
        <v>0.93</v>
      </c>
      <c r="AH116" s="8">
        <v>0.93</v>
      </c>
      <c r="AI116" s="8">
        <v>0.93</v>
      </c>
      <c r="AJ116" s="8">
        <v>0.92</v>
      </c>
      <c r="AK116" s="8">
        <v>0.92</v>
      </c>
      <c r="AL116" s="8">
        <v>0.92</v>
      </c>
      <c r="AM116" s="8">
        <v>0.93</v>
      </c>
      <c r="AN116" s="8">
        <v>0.93</v>
      </c>
      <c r="AO116" s="8">
        <v>0.93</v>
      </c>
      <c r="AP116" s="8">
        <v>0.96</v>
      </c>
      <c r="AQ116" s="8">
        <v>0.96</v>
      </c>
      <c r="AR116" s="8">
        <v>0.96</v>
      </c>
      <c r="AS116" s="8">
        <v>0.96</v>
      </c>
      <c r="AT116" s="8">
        <v>0.95</v>
      </c>
      <c r="AU116" s="8">
        <v>0.95</v>
      </c>
      <c r="AV116" s="8">
        <v>0.95</v>
      </c>
      <c r="AW116" s="8">
        <v>0.95</v>
      </c>
      <c r="AX116" s="8">
        <v>0.95</v>
      </c>
      <c r="AY116" s="8">
        <v>0.96</v>
      </c>
      <c r="AZ116" s="8">
        <v>0.95</v>
      </c>
      <c r="BA116" s="8">
        <v>0.95</v>
      </c>
      <c r="BB116" s="8">
        <v>0.96</v>
      </c>
      <c r="BC116" s="8">
        <v>0.95</v>
      </c>
      <c r="BD116" s="8">
        <v>0.94</v>
      </c>
    </row>
    <row r="117" spans="3:56" x14ac:dyDescent="0.2">
      <c r="C117" s="16" t="s">
        <v>88</v>
      </c>
      <c r="D117" s="6" t="s">
        <v>58</v>
      </c>
      <c r="E117" s="8">
        <v>1.32</v>
      </c>
      <c r="F117" s="8">
        <v>1.31</v>
      </c>
      <c r="G117" s="8">
        <v>1.31</v>
      </c>
      <c r="H117" s="8">
        <v>1.33</v>
      </c>
      <c r="I117" s="8">
        <v>1.33</v>
      </c>
      <c r="J117" s="8">
        <v>1.34</v>
      </c>
      <c r="K117" s="8">
        <v>1.34</v>
      </c>
      <c r="L117" s="8">
        <v>1.35</v>
      </c>
      <c r="M117" s="17">
        <v>1.36</v>
      </c>
      <c r="N117" s="8">
        <v>1.36</v>
      </c>
      <c r="O117" s="8">
        <v>1.37</v>
      </c>
      <c r="P117" s="8">
        <v>1.37</v>
      </c>
      <c r="Q117" s="8">
        <v>1.37</v>
      </c>
      <c r="R117" s="8">
        <v>1.38</v>
      </c>
      <c r="S117" s="8">
        <v>1.39</v>
      </c>
      <c r="T117" s="8">
        <v>1.37</v>
      </c>
      <c r="U117" s="8">
        <v>1.37</v>
      </c>
      <c r="V117" s="8">
        <v>1.37</v>
      </c>
      <c r="W117" s="8">
        <v>1.39</v>
      </c>
      <c r="X117" s="8">
        <v>1.39</v>
      </c>
      <c r="Y117" s="8">
        <v>1.39</v>
      </c>
      <c r="Z117" s="8">
        <v>1.38</v>
      </c>
      <c r="AA117" s="8">
        <v>1.39</v>
      </c>
      <c r="AB117" s="8">
        <v>1.39</v>
      </c>
      <c r="AC117" s="8">
        <v>1.38</v>
      </c>
      <c r="AD117" s="8">
        <v>1.39</v>
      </c>
      <c r="AE117" s="8">
        <v>1.4</v>
      </c>
      <c r="AF117" s="8">
        <v>1.39</v>
      </c>
      <c r="AG117" s="8">
        <v>1.4</v>
      </c>
      <c r="AH117" s="8">
        <v>1.41</v>
      </c>
      <c r="AI117" s="8">
        <v>1.41</v>
      </c>
      <c r="AJ117" s="8">
        <v>1.41</v>
      </c>
      <c r="AK117" s="8">
        <v>1.42</v>
      </c>
      <c r="AL117" s="8">
        <v>1.43</v>
      </c>
      <c r="AM117" s="8">
        <v>1.43</v>
      </c>
      <c r="AN117" s="8">
        <v>1.47</v>
      </c>
      <c r="AO117" s="8">
        <v>1.47</v>
      </c>
      <c r="AP117" s="8">
        <v>1.47</v>
      </c>
      <c r="AQ117" s="8">
        <v>1.48</v>
      </c>
      <c r="AR117" s="8">
        <v>1.5</v>
      </c>
      <c r="AS117" s="8">
        <v>1.49</v>
      </c>
      <c r="AT117" s="8">
        <v>1.49</v>
      </c>
      <c r="AU117" s="8">
        <v>1.5</v>
      </c>
      <c r="AV117" s="8">
        <v>1.49</v>
      </c>
      <c r="AW117" s="8">
        <v>1.48</v>
      </c>
      <c r="AX117" s="8">
        <v>1.49</v>
      </c>
      <c r="AY117" s="8">
        <v>1.47</v>
      </c>
      <c r="AZ117" s="8">
        <v>1.46</v>
      </c>
      <c r="BA117" s="8">
        <v>1.45</v>
      </c>
      <c r="BB117" s="8">
        <v>1.44</v>
      </c>
      <c r="BC117" s="8">
        <v>1.46</v>
      </c>
      <c r="BD117" s="8">
        <v>1.46</v>
      </c>
    </row>
    <row r="118" spans="3:56" x14ac:dyDescent="0.2">
      <c r="C118" s="16" t="s">
        <v>89</v>
      </c>
      <c r="D118" s="6" t="s">
        <v>58</v>
      </c>
      <c r="E118" s="8">
        <v>1.66</v>
      </c>
      <c r="F118" s="8">
        <v>1.65</v>
      </c>
      <c r="G118" s="8">
        <v>1.65</v>
      </c>
      <c r="H118" s="8">
        <v>1.67</v>
      </c>
      <c r="I118" s="8">
        <v>1.68</v>
      </c>
      <c r="J118" s="8">
        <v>1.68</v>
      </c>
      <c r="K118" s="8">
        <v>1.69</v>
      </c>
      <c r="L118" s="8">
        <v>1.7</v>
      </c>
      <c r="M118" s="17">
        <v>1.69</v>
      </c>
      <c r="N118" s="8">
        <v>1.7</v>
      </c>
      <c r="O118" s="8">
        <v>1.69</v>
      </c>
      <c r="P118" s="8">
        <v>1.69</v>
      </c>
      <c r="Q118" s="8">
        <v>1.69</v>
      </c>
      <c r="R118" s="8">
        <v>1.7</v>
      </c>
      <c r="S118" s="8">
        <v>1.67</v>
      </c>
      <c r="T118" s="8">
        <v>1.69</v>
      </c>
      <c r="U118" s="8">
        <v>1.68</v>
      </c>
      <c r="V118" s="8">
        <v>1.66</v>
      </c>
      <c r="W118" s="8">
        <v>1.66</v>
      </c>
      <c r="X118" s="8">
        <v>1.66</v>
      </c>
      <c r="Y118" s="8">
        <v>1.65</v>
      </c>
      <c r="Z118" s="8">
        <v>1.67</v>
      </c>
      <c r="AA118" s="8">
        <v>1.67</v>
      </c>
      <c r="AB118" s="8">
        <v>1.68</v>
      </c>
      <c r="AC118" s="8">
        <v>1.68</v>
      </c>
      <c r="AD118" s="8">
        <v>1.7</v>
      </c>
      <c r="AE118" s="8">
        <v>1.7</v>
      </c>
      <c r="AF118" s="8">
        <v>1.7</v>
      </c>
      <c r="AG118" s="8">
        <v>1.69</v>
      </c>
      <c r="AH118" s="8">
        <v>1.7</v>
      </c>
      <c r="AI118" s="8">
        <v>1.7</v>
      </c>
      <c r="AJ118" s="8">
        <v>1.7</v>
      </c>
      <c r="AK118" s="8">
        <v>1.7</v>
      </c>
      <c r="AL118" s="8">
        <v>1.7</v>
      </c>
      <c r="AM118" s="8">
        <v>1.7</v>
      </c>
      <c r="AN118" s="8">
        <v>1.67</v>
      </c>
      <c r="AO118" s="8">
        <v>1.66</v>
      </c>
      <c r="AP118" s="8">
        <v>1.64</v>
      </c>
      <c r="AQ118" s="8">
        <v>1.6</v>
      </c>
      <c r="AR118" s="8">
        <v>1.55</v>
      </c>
      <c r="AS118" s="8">
        <v>1.54</v>
      </c>
      <c r="AT118" s="8">
        <v>1.53</v>
      </c>
      <c r="AU118" s="8">
        <v>1.54</v>
      </c>
      <c r="AV118" s="8">
        <v>1.54</v>
      </c>
      <c r="AW118" s="8">
        <v>1.52</v>
      </c>
      <c r="AX118" s="8">
        <v>1.5</v>
      </c>
      <c r="AY118" s="8">
        <v>1.53</v>
      </c>
      <c r="AZ118" s="8">
        <v>1.51</v>
      </c>
      <c r="BA118" s="8">
        <v>1.51</v>
      </c>
      <c r="BB118" s="8">
        <v>1.53</v>
      </c>
      <c r="BC118" s="8">
        <v>1.53</v>
      </c>
      <c r="BD118" s="8">
        <v>1.53</v>
      </c>
    </row>
    <row r="119" spans="3:56" x14ac:dyDescent="0.2">
      <c r="C119" s="18" t="s">
        <v>91</v>
      </c>
      <c r="D119" s="6" t="s">
        <v>58</v>
      </c>
      <c r="E119" s="8">
        <v>1.72</v>
      </c>
      <c r="F119" s="8">
        <v>1.64</v>
      </c>
      <c r="G119" s="8">
        <v>1.64</v>
      </c>
      <c r="H119" s="8">
        <v>1.62</v>
      </c>
      <c r="I119" s="8">
        <v>1.57</v>
      </c>
      <c r="J119" s="8">
        <v>1.57</v>
      </c>
      <c r="K119" s="8">
        <v>1.58</v>
      </c>
      <c r="L119" s="8">
        <v>1.66</v>
      </c>
      <c r="M119" s="17"/>
      <c r="N119" s="8"/>
      <c r="O119" s="8"/>
      <c r="P119" s="8"/>
      <c r="Q119" s="8"/>
      <c r="R119" s="17"/>
      <c r="S119" s="17"/>
      <c r="T119" s="17"/>
      <c r="U119" s="17"/>
      <c r="V119" s="17"/>
      <c r="W119" s="17"/>
      <c r="X119" s="17"/>
      <c r="Y119" s="17"/>
      <c r="Z119" s="17"/>
      <c r="AA119" s="17"/>
      <c r="AB119" s="8"/>
      <c r="AC119" s="17"/>
      <c r="AD119" s="8"/>
      <c r="AE119" s="8"/>
      <c r="AF119" s="8"/>
      <c r="AG119" s="8"/>
      <c r="AH119" s="8"/>
      <c r="AI119" s="17"/>
      <c r="AJ119" s="17"/>
      <c r="AK119" s="8"/>
      <c r="AL119" s="8"/>
      <c r="AM119" s="8"/>
      <c r="AN119" s="8"/>
      <c r="AO119" s="8"/>
      <c r="AP119" s="8"/>
      <c r="AQ119" s="8">
        <v>1.77</v>
      </c>
      <c r="AR119" s="8">
        <v>1.81</v>
      </c>
      <c r="AS119" s="8">
        <v>1.9</v>
      </c>
      <c r="AT119" s="8">
        <v>1.87</v>
      </c>
      <c r="AU119" s="8">
        <v>1.83</v>
      </c>
      <c r="AV119" s="8">
        <v>1.99</v>
      </c>
      <c r="AW119" s="8">
        <v>1.8</v>
      </c>
      <c r="AX119" s="8">
        <v>1.83</v>
      </c>
      <c r="AY119" s="8">
        <v>1.74</v>
      </c>
      <c r="AZ119" s="8">
        <v>1.72</v>
      </c>
      <c r="BA119" s="8">
        <v>1.71</v>
      </c>
      <c r="BB119" s="8">
        <v>1.71</v>
      </c>
      <c r="BC119" s="8">
        <v>1.71</v>
      </c>
      <c r="BD119" s="8">
        <v>1.69</v>
      </c>
    </row>
    <row r="120" spans="3:56" x14ac:dyDescent="0.2">
      <c r="C120" s="18" t="s">
        <v>93</v>
      </c>
      <c r="D120" s="6" t="s">
        <v>58</v>
      </c>
      <c r="E120" s="17">
        <v>1.4</v>
      </c>
      <c r="F120" s="17">
        <v>1.37</v>
      </c>
      <c r="G120" s="17">
        <v>1.35</v>
      </c>
      <c r="H120" s="17">
        <v>1.33</v>
      </c>
      <c r="I120" s="17">
        <v>1.32</v>
      </c>
      <c r="J120" s="17">
        <v>1.31</v>
      </c>
      <c r="K120" s="17">
        <v>1.32</v>
      </c>
      <c r="L120" s="17">
        <v>1.33</v>
      </c>
      <c r="M120" s="17">
        <v>1.38</v>
      </c>
      <c r="N120" s="17">
        <v>1.41</v>
      </c>
      <c r="O120" s="8">
        <v>1.44</v>
      </c>
      <c r="P120" s="8">
        <v>1.44</v>
      </c>
      <c r="Q120" s="8">
        <v>1.47</v>
      </c>
      <c r="R120" s="8">
        <v>1.5</v>
      </c>
      <c r="S120" s="8">
        <v>1.49</v>
      </c>
      <c r="T120" s="8">
        <v>1.49</v>
      </c>
      <c r="U120" s="8">
        <v>1.47</v>
      </c>
      <c r="V120" s="8">
        <v>1.48</v>
      </c>
      <c r="W120" s="8">
        <v>1.5</v>
      </c>
      <c r="X120" s="8">
        <v>1.48</v>
      </c>
      <c r="Y120" s="8">
        <v>1.47</v>
      </c>
      <c r="Z120" s="17">
        <v>1.44</v>
      </c>
      <c r="AA120" s="8">
        <v>1.44</v>
      </c>
      <c r="AB120" s="8">
        <v>1.45</v>
      </c>
      <c r="AC120" s="8">
        <v>1.43</v>
      </c>
      <c r="AD120" s="8">
        <v>1.46</v>
      </c>
      <c r="AE120" s="8">
        <v>1.46</v>
      </c>
      <c r="AF120" s="8">
        <v>1.44</v>
      </c>
      <c r="AG120" s="8">
        <v>1.44</v>
      </c>
      <c r="AH120" s="8">
        <v>1.44</v>
      </c>
      <c r="AI120" s="17">
        <v>1.43</v>
      </c>
      <c r="AJ120" s="17">
        <v>1.43</v>
      </c>
      <c r="AK120" s="8">
        <v>1.43</v>
      </c>
      <c r="AL120" s="8">
        <v>1.43</v>
      </c>
      <c r="AM120" s="8">
        <v>1.46</v>
      </c>
      <c r="AN120" s="8">
        <v>1.46</v>
      </c>
      <c r="AO120" s="8">
        <v>1.45</v>
      </c>
      <c r="AP120" s="8">
        <v>1.46</v>
      </c>
      <c r="AQ120" s="8">
        <v>1.46</v>
      </c>
      <c r="AR120" s="8">
        <v>1.43</v>
      </c>
      <c r="AS120" s="17">
        <v>1.44</v>
      </c>
      <c r="AT120" s="17"/>
      <c r="AU120" s="17"/>
      <c r="AV120" s="17"/>
      <c r="AW120" s="17"/>
      <c r="AX120" s="17"/>
      <c r="AY120" s="22"/>
      <c r="AZ120" s="17"/>
      <c r="BA120" s="17"/>
      <c r="BB120" s="17"/>
      <c r="BC120" s="17"/>
      <c r="BD120" s="17"/>
    </row>
    <row r="121" spans="3:56" x14ac:dyDescent="0.2">
      <c r="C121" s="16" t="s">
        <v>95</v>
      </c>
      <c r="D121" s="6" t="s">
        <v>58</v>
      </c>
      <c r="E121" s="17">
        <v>1.63</v>
      </c>
      <c r="F121" s="17">
        <v>1.63</v>
      </c>
      <c r="G121" s="17">
        <v>1.63</v>
      </c>
      <c r="H121" s="17">
        <v>1.62</v>
      </c>
      <c r="I121" s="17">
        <v>1.61</v>
      </c>
      <c r="J121" s="17">
        <v>1.61</v>
      </c>
      <c r="K121" s="17">
        <v>1.61</v>
      </c>
      <c r="L121" s="17">
        <v>1.61</v>
      </c>
      <c r="M121" s="17">
        <v>1.64</v>
      </c>
      <c r="N121" s="13">
        <v>1.63</v>
      </c>
      <c r="O121" s="17">
        <v>1.63</v>
      </c>
      <c r="P121" s="17">
        <v>1.64</v>
      </c>
      <c r="Q121" s="17">
        <v>1.67</v>
      </c>
      <c r="R121" s="17">
        <v>1.67</v>
      </c>
      <c r="S121" s="17">
        <v>1.69</v>
      </c>
      <c r="T121" s="17">
        <v>1.71</v>
      </c>
      <c r="U121" s="17">
        <v>1.71</v>
      </c>
      <c r="V121" s="17">
        <v>1.71</v>
      </c>
      <c r="W121" s="17">
        <v>1.71</v>
      </c>
      <c r="X121" s="17">
        <v>1.71</v>
      </c>
      <c r="Y121" s="17">
        <v>1.72</v>
      </c>
      <c r="Z121" s="8">
        <v>1.71</v>
      </c>
      <c r="AA121" s="17">
        <v>1.72</v>
      </c>
      <c r="AB121" s="17">
        <v>1.72</v>
      </c>
      <c r="AC121" s="17">
        <v>1.71</v>
      </c>
      <c r="AD121" s="17">
        <v>1.72</v>
      </c>
      <c r="AE121" s="17">
        <v>1.73</v>
      </c>
      <c r="AF121" s="17">
        <v>1.75</v>
      </c>
      <c r="AG121" s="17">
        <v>1.75</v>
      </c>
      <c r="AH121" s="17">
        <v>1.76</v>
      </c>
      <c r="AI121" s="17">
        <v>1.74</v>
      </c>
      <c r="AJ121" s="17">
        <v>1.72</v>
      </c>
      <c r="AK121" s="17">
        <v>1.7</v>
      </c>
      <c r="AL121" s="17">
        <v>1.69</v>
      </c>
      <c r="AM121" s="17">
        <v>1.68</v>
      </c>
      <c r="AN121" s="17">
        <v>1.62</v>
      </c>
      <c r="AO121" s="17">
        <v>1.58</v>
      </c>
      <c r="AP121" s="17">
        <v>1.54</v>
      </c>
      <c r="AQ121" s="17">
        <v>1.51</v>
      </c>
      <c r="AR121" s="17">
        <v>1.51</v>
      </c>
      <c r="AS121" s="17">
        <v>1.5</v>
      </c>
      <c r="AT121" s="17">
        <v>1.5</v>
      </c>
      <c r="AU121" s="17">
        <v>1.47</v>
      </c>
      <c r="AV121" s="17">
        <v>1.45</v>
      </c>
      <c r="AW121" s="17">
        <v>1.45</v>
      </c>
      <c r="AX121" s="17">
        <v>1.45</v>
      </c>
      <c r="AY121" s="17">
        <v>1.47</v>
      </c>
      <c r="AZ121" s="17">
        <v>1.48</v>
      </c>
      <c r="BA121" s="17">
        <v>1.49</v>
      </c>
      <c r="BB121" s="17">
        <v>1.47</v>
      </c>
      <c r="BC121" s="17">
        <v>1.47</v>
      </c>
      <c r="BD121" s="17">
        <v>1.47</v>
      </c>
    </row>
    <row r="122" spans="3:56" x14ac:dyDescent="0.2">
      <c r="C122" s="23" t="s">
        <v>96</v>
      </c>
      <c r="D122" s="6" t="s">
        <v>58</v>
      </c>
      <c r="E122" s="13">
        <v>1.74</v>
      </c>
      <c r="F122" s="13">
        <v>1.73</v>
      </c>
      <c r="G122" s="13">
        <v>1.75</v>
      </c>
      <c r="H122" s="13">
        <v>1.78</v>
      </c>
      <c r="I122" s="13">
        <v>1.88</v>
      </c>
      <c r="J122" s="13">
        <v>1.91</v>
      </c>
      <c r="K122" s="23">
        <v>1.95</v>
      </c>
      <c r="L122" s="13">
        <v>1.95</v>
      </c>
      <c r="M122" s="7">
        <v>1.95</v>
      </c>
      <c r="N122" s="17">
        <v>1.95</v>
      </c>
      <c r="O122" s="13">
        <v>1.95</v>
      </c>
      <c r="P122" s="13">
        <v>1.93</v>
      </c>
      <c r="Q122" s="13">
        <v>1.94</v>
      </c>
      <c r="R122" s="17">
        <v>1.98</v>
      </c>
      <c r="S122" s="17">
        <v>1.96</v>
      </c>
      <c r="T122" s="17">
        <v>1.96</v>
      </c>
      <c r="U122" s="17">
        <v>1.96</v>
      </c>
      <c r="V122" s="17">
        <v>1.95</v>
      </c>
      <c r="W122" s="17">
        <v>1.98</v>
      </c>
      <c r="X122" s="17">
        <v>1.99</v>
      </c>
      <c r="Y122" s="17">
        <v>2.02</v>
      </c>
      <c r="Z122" s="17">
        <v>2.0099999999999998</v>
      </c>
      <c r="AA122" s="17">
        <v>2.0299999999999998</v>
      </c>
      <c r="AB122" s="17">
        <v>2.06</v>
      </c>
      <c r="AC122" s="17">
        <v>2.02</v>
      </c>
      <c r="AD122" s="17">
        <v>1.98</v>
      </c>
      <c r="AE122" s="17">
        <v>1.93</v>
      </c>
      <c r="AF122" s="17">
        <v>1.84</v>
      </c>
      <c r="AG122" s="17">
        <v>1.81</v>
      </c>
      <c r="AH122" s="17">
        <v>1.8</v>
      </c>
      <c r="AI122" s="17">
        <v>1.78</v>
      </c>
      <c r="AJ122" s="17">
        <v>1.71</v>
      </c>
      <c r="AK122" s="17">
        <v>1.71</v>
      </c>
      <c r="AL122" s="17">
        <v>1.73</v>
      </c>
      <c r="AM122" s="17">
        <v>1.74</v>
      </c>
      <c r="AN122" s="17">
        <v>1.78</v>
      </c>
      <c r="AO122" s="17">
        <v>1.8</v>
      </c>
      <c r="AP122" s="17">
        <v>1.79</v>
      </c>
      <c r="AQ122" s="17">
        <v>1.81</v>
      </c>
      <c r="AR122" s="17">
        <v>1.8</v>
      </c>
      <c r="AS122" s="17">
        <v>1.81</v>
      </c>
      <c r="AT122" s="17">
        <v>1.84</v>
      </c>
      <c r="AU122" s="17">
        <v>1.84</v>
      </c>
      <c r="AV122" s="17">
        <v>1.87</v>
      </c>
      <c r="AW122" s="17">
        <v>1.87</v>
      </c>
      <c r="AX122" s="17">
        <v>1.89</v>
      </c>
      <c r="AY122" s="17">
        <v>1.93</v>
      </c>
      <c r="AZ122" s="17">
        <v>1.95</v>
      </c>
      <c r="BA122" s="17">
        <v>1.95</v>
      </c>
      <c r="BB122" s="17">
        <v>1.97</v>
      </c>
      <c r="BC122" s="17">
        <v>1.97</v>
      </c>
      <c r="BD122" s="17">
        <v>1.98</v>
      </c>
    </row>
  </sheetData>
  <mergeCells count="1">
    <mergeCell ref="D4:G4"/>
  </mergeCells>
  <phoneticPr fontId="0" type="noConversion"/>
  <pageMargins left="0.75" right="0.75" top="1" bottom="1" header="0" footer="0"/>
  <headerFooter alignWithMargins="0"/>
  <drawing r:id="rId1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D1A5BDC-4108-4B57-B9D3-68170FBD0467}">
  <dimension ref="C2:BE135"/>
  <sheetViews>
    <sheetView topLeftCell="F11" zoomScale="86" zoomScaleNormal="86" workbookViewId="0">
      <selection activeCell="AX53" sqref="AX53"/>
    </sheetView>
  </sheetViews>
  <sheetFormatPr baseColWidth="10" defaultColWidth="11.42578125" defaultRowHeight="12.75" x14ac:dyDescent="0.2"/>
  <cols>
    <col min="1" max="2" width="11.42578125" style="138"/>
    <col min="3" max="3" width="22.7109375" style="138" customWidth="1"/>
    <col min="4" max="4" width="8.5703125" style="138" bestFit="1" customWidth="1"/>
    <col min="5" max="13" width="5.42578125" style="138" customWidth="1"/>
    <col min="14" max="21" width="5.42578125" style="138" bestFit="1" customWidth="1"/>
    <col min="22" max="22" width="5.7109375" style="138" customWidth="1"/>
    <col min="23" max="34" width="5.42578125" style="138" bestFit="1" customWidth="1"/>
    <col min="35" max="35" width="6.5703125" style="138" customWidth="1"/>
    <col min="36" max="55" width="5.42578125" style="138" bestFit="1" customWidth="1"/>
    <col min="56" max="57" width="7.140625" style="138" customWidth="1"/>
    <col min="58" max="58" width="23.7109375" style="138" customWidth="1"/>
    <col min="59" max="16384" width="11.42578125" style="138"/>
  </cols>
  <sheetData>
    <row r="2" spans="3:57" ht="18" customHeight="1" x14ac:dyDescent="0.2">
      <c r="C2" s="228"/>
      <c r="D2" s="228"/>
      <c r="E2" s="228"/>
      <c r="F2" s="228"/>
      <c r="G2" s="228"/>
      <c r="H2" s="228"/>
      <c r="I2" s="228"/>
      <c r="J2" s="228"/>
      <c r="K2" s="228"/>
      <c r="L2" s="228"/>
      <c r="M2" s="228"/>
      <c r="N2" s="228"/>
      <c r="O2" s="228"/>
      <c r="P2" s="228"/>
      <c r="Q2" s="228"/>
      <c r="R2" s="228"/>
      <c r="S2" s="228"/>
      <c r="T2" s="228"/>
      <c r="U2" s="228"/>
      <c r="V2" s="228"/>
      <c r="W2" s="228"/>
      <c r="X2" s="228"/>
      <c r="Y2" s="228"/>
      <c r="Z2" s="228"/>
      <c r="AA2" s="228"/>
      <c r="AB2" s="228"/>
      <c r="AC2" s="228"/>
      <c r="AD2" s="228"/>
      <c r="AE2" s="228"/>
    </row>
    <row r="3" spans="3:57" ht="21" customHeight="1" x14ac:dyDescent="0.2">
      <c r="C3" s="228"/>
      <c r="D3" s="228"/>
      <c r="E3" s="228"/>
      <c r="F3" s="228"/>
      <c r="G3" s="228"/>
      <c r="H3" s="228"/>
      <c r="I3" s="228"/>
      <c r="J3" s="228"/>
      <c r="K3" s="228"/>
      <c r="L3" s="228"/>
      <c r="M3" s="228"/>
      <c r="N3" s="228"/>
      <c r="O3" s="228"/>
      <c r="P3" s="228"/>
      <c r="Q3" s="228"/>
      <c r="R3" s="228"/>
      <c r="S3" s="228"/>
      <c r="T3" s="228"/>
      <c r="U3" s="228"/>
      <c r="V3" s="228"/>
      <c r="W3" s="228"/>
      <c r="X3" s="228"/>
      <c r="Y3" s="228"/>
      <c r="Z3" s="228"/>
      <c r="AA3" s="228"/>
      <c r="AB3" s="228"/>
      <c r="AC3" s="228"/>
      <c r="AD3" s="228"/>
      <c r="AE3" s="228"/>
    </row>
    <row r="4" spans="3:57" ht="32.25" customHeight="1" x14ac:dyDescent="0.2">
      <c r="C4" s="228"/>
      <c r="D4" s="228"/>
      <c r="E4" s="228"/>
      <c r="F4" s="228"/>
      <c r="G4" s="228"/>
      <c r="H4" s="228"/>
      <c r="I4" s="228"/>
      <c r="J4" s="228"/>
      <c r="K4" s="228"/>
      <c r="L4" s="228"/>
      <c r="M4" s="228"/>
      <c r="N4" s="228"/>
      <c r="O4" s="228"/>
      <c r="P4" s="228"/>
      <c r="Q4" s="228"/>
      <c r="R4" s="228"/>
      <c r="S4" s="228"/>
      <c r="T4" s="228"/>
      <c r="U4" s="228"/>
      <c r="V4" s="228"/>
      <c r="W4" s="228"/>
      <c r="X4" s="228"/>
      <c r="Y4" s="228"/>
      <c r="Z4" s="228"/>
      <c r="AA4" s="228"/>
      <c r="AB4" s="228"/>
      <c r="AC4" s="228"/>
      <c r="AD4" s="228"/>
      <c r="AE4" s="228"/>
    </row>
    <row r="5" spans="3:57" x14ac:dyDescent="0.2">
      <c r="C5" s="228"/>
      <c r="D5" s="228"/>
      <c r="E5" s="228"/>
      <c r="F5" s="228"/>
      <c r="G5" s="228"/>
      <c r="H5" s="228"/>
      <c r="I5" s="228"/>
      <c r="J5" s="228"/>
      <c r="K5" s="228"/>
      <c r="L5" s="228"/>
      <c r="M5" s="228"/>
      <c r="N5" s="228"/>
      <c r="O5" s="228"/>
      <c r="P5" s="228"/>
      <c r="Q5" s="228"/>
      <c r="R5" s="228"/>
      <c r="S5" s="228"/>
      <c r="T5" s="228"/>
      <c r="U5" s="228"/>
      <c r="V5" s="228"/>
      <c r="W5" s="228"/>
      <c r="X5" s="228"/>
      <c r="Y5" s="228"/>
      <c r="Z5" s="228"/>
      <c r="AA5" s="228"/>
      <c r="AB5" s="228"/>
      <c r="AC5" s="228"/>
      <c r="AD5" s="228"/>
      <c r="AE5" s="228"/>
    </row>
    <row r="6" spans="3:57" ht="24.95" customHeight="1" x14ac:dyDescent="0.2">
      <c r="C6" s="228"/>
      <c r="D6" s="228"/>
      <c r="E6" s="228"/>
      <c r="F6" s="228"/>
      <c r="G6" s="228"/>
      <c r="H6" s="228"/>
      <c r="I6" s="228"/>
      <c r="J6" s="228"/>
      <c r="K6" s="228"/>
      <c r="L6" s="228"/>
      <c r="M6" s="228"/>
      <c r="N6" s="228"/>
      <c r="O6" s="228"/>
      <c r="P6" s="228"/>
      <c r="Q6" s="228"/>
      <c r="R6" s="228"/>
      <c r="S6" s="228"/>
      <c r="T6" s="228"/>
      <c r="U6" s="228"/>
      <c r="V6" s="228"/>
      <c r="W6" s="228"/>
      <c r="X6" s="228"/>
      <c r="Y6" s="228"/>
      <c r="Z6" s="228"/>
      <c r="AA6" s="228"/>
      <c r="AB6" s="228"/>
      <c r="AC6" s="228"/>
      <c r="AD6" s="228"/>
      <c r="AE6" s="228"/>
    </row>
    <row r="7" spans="3:57" ht="24.95" customHeight="1" x14ac:dyDescent="0.2">
      <c r="C7" s="154" t="s">
        <v>167</v>
      </c>
    </row>
    <row r="8" spans="3:57" x14ac:dyDescent="0.2">
      <c r="C8" s="154" t="s">
        <v>99</v>
      </c>
    </row>
    <row r="10" spans="3:57" x14ac:dyDescent="0.2">
      <c r="M10" s="155"/>
    </row>
    <row r="12" spans="3:57" ht="15" customHeight="1" x14ac:dyDescent="0.2">
      <c r="C12" s="139" t="s">
        <v>171</v>
      </c>
      <c r="E12" s="2">
        <v>2023</v>
      </c>
      <c r="F12" s="2"/>
      <c r="G12" s="2"/>
      <c r="H12" s="2"/>
      <c r="I12" s="2"/>
      <c r="J12" s="2"/>
      <c r="K12" s="2"/>
      <c r="L12" s="2"/>
      <c r="M12" s="2"/>
    </row>
    <row r="13" spans="3:57" x14ac:dyDescent="0.2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206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209"/>
    </row>
    <row r="14" spans="3:57" x14ac:dyDescent="0.2">
      <c r="C14" s="157" t="s">
        <v>57</v>
      </c>
      <c r="D14" s="158" t="s">
        <v>58</v>
      </c>
      <c r="E14" s="146">
        <v>5.3437000000000001</v>
      </c>
      <c r="F14" s="111">
        <v>5.3815999999999997</v>
      </c>
      <c r="G14" s="111">
        <v>5.2999000000000001</v>
      </c>
      <c r="H14" s="111">
        <v>5.3915999999999995</v>
      </c>
      <c r="I14" s="111">
        <v>5.4062999999999999</v>
      </c>
      <c r="J14" s="140">
        <v>5.4298999999999999</v>
      </c>
      <c r="K14" s="140">
        <v>5.3167</v>
      </c>
      <c r="L14" s="140">
        <v>5.3677000000000001</v>
      </c>
      <c r="M14" s="140">
        <v>5.3282000000000007</v>
      </c>
      <c r="N14" s="140">
        <v>5.3898000000000001</v>
      </c>
      <c r="O14" s="140">
        <v>5.4127000000000001</v>
      </c>
      <c r="P14" s="140">
        <v>5.3846000000000007</v>
      </c>
      <c r="Q14" s="140">
        <v>5.3837000000000002</v>
      </c>
      <c r="R14" s="140">
        <v>5.1776</v>
      </c>
      <c r="S14" s="140">
        <v>5.3975999999999997</v>
      </c>
      <c r="T14" s="140">
        <v>5.3670000000000009</v>
      </c>
      <c r="U14" s="150">
        <v>5.3727999999999998</v>
      </c>
      <c r="V14" s="150">
        <v>5.4451999999999998</v>
      </c>
      <c r="W14" s="140">
        <v>5.3289</v>
      </c>
      <c r="X14" s="140">
        <v>5.3150000000000004</v>
      </c>
      <c r="Y14" s="146">
        <v>5.3255999999999997</v>
      </c>
      <c r="Z14" s="146">
        <v>5.2155999999999993</v>
      </c>
      <c r="AA14" s="111">
        <v>5.2165999999999997</v>
      </c>
      <c r="AB14" s="140">
        <v>5.3525</v>
      </c>
      <c r="AC14" s="140">
        <v>5.3107000000000006</v>
      </c>
      <c r="AD14" s="111">
        <v>5.2200999999999995</v>
      </c>
      <c r="AE14" s="140">
        <v>5.0903999999999998</v>
      </c>
      <c r="AF14" s="140">
        <v>5.1583000000000006</v>
      </c>
      <c r="AG14" s="140">
        <v>5.1006999999999998</v>
      </c>
      <c r="AH14" s="140">
        <v>5.0502000000000002</v>
      </c>
      <c r="AI14" s="140">
        <v>4.8981000000000003</v>
      </c>
      <c r="AJ14" s="140">
        <v>4.9069000000000003</v>
      </c>
      <c r="AK14" s="140">
        <v>4.9520999999999997</v>
      </c>
      <c r="AL14" s="140">
        <v>4.8356000000000003</v>
      </c>
      <c r="AM14" s="140">
        <v>4.9782000000000002</v>
      </c>
      <c r="AN14" s="140">
        <v>5.0094000000000003</v>
      </c>
      <c r="AO14" s="140">
        <v>5.0167999999999999</v>
      </c>
      <c r="AP14" s="207">
        <v>5.0139999999999993</v>
      </c>
      <c r="AQ14" s="208">
        <v>5.0183999999999997</v>
      </c>
      <c r="AR14" s="194">
        <v>5.0612000000000004</v>
      </c>
      <c r="AS14" s="140">
        <v>5.0335999999999999</v>
      </c>
      <c r="AT14" s="140">
        <v>5.0272000000000006</v>
      </c>
      <c r="AU14" s="140">
        <v>5.0529999999999999</v>
      </c>
      <c r="AV14" s="140">
        <v>5.0335999999999999</v>
      </c>
      <c r="AW14" s="140">
        <v>5.0344999999999995</v>
      </c>
      <c r="AX14" s="146">
        <v>5.0623000000000005</v>
      </c>
      <c r="AY14" s="144">
        <v>5.0348000000000006</v>
      </c>
      <c r="AZ14" s="150">
        <v>5.0524000000000004</v>
      </c>
      <c r="BA14" s="144">
        <v>5.0139999999999993</v>
      </c>
      <c r="BB14" s="150">
        <v>5.0410000000000004</v>
      </c>
      <c r="BC14" s="150">
        <v>5.0157999999999996</v>
      </c>
      <c r="BD14" s="150">
        <v>5.0595999999999997</v>
      </c>
      <c r="BE14" s="210"/>
    </row>
    <row r="15" spans="3:57" x14ac:dyDescent="0.2">
      <c r="C15" s="157" t="s">
        <v>59</v>
      </c>
      <c r="D15" s="158" t="s">
        <v>58</v>
      </c>
      <c r="E15" s="146">
        <v>7.5936000000000003</v>
      </c>
      <c r="F15" s="111">
        <v>7.4974999999999996</v>
      </c>
      <c r="G15" s="111">
        <v>7.4439000000000002</v>
      </c>
      <c r="H15" s="111">
        <v>7.4112</v>
      </c>
      <c r="I15" s="111">
        <v>7.4167999999999994</v>
      </c>
      <c r="J15" s="140">
        <v>7.4139999999999997</v>
      </c>
      <c r="K15" s="140">
        <v>7.4261999999999997</v>
      </c>
      <c r="L15" s="146">
        <v>7.4272</v>
      </c>
      <c r="M15" s="146">
        <v>7.4283000000000001</v>
      </c>
      <c r="N15" s="140">
        <v>7.52</v>
      </c>
      <c r="O15" s="140">
        <v>7.5804999999999998</v>
      </c>
      <c r="P15" s="140">
        <v>7.6269000000000009</v>
      </c>
      <c r="Q15" s="146">
        <v>7.6475999999999997</v>
      </c>
      <c r="R15" s="146">
        <v>7.6509999999999998</v>
      </c>
      <c r="S15" s="140">
        <v>7.6533000000000007</v>
      </c>
      <c r="T15" s="140">
        <v>7.6885000000000003</v>
      </c>
      <c r="U15" s="150">
        <v>7.7813999999999997</v>
      </c>
      <c r="V15" s="150">
        <v>7.8157000000000005</v>
      </c>
      <c r="W15" s="140">
        <v>7.8502000000000001</v>
      </c>
      <c r="X15" s="146">
        <v>7.8411999999999997</v>
      </c>
      <c r="Y15" s="146">
        <v>7.8104999999999993</v>
      </c>
      <c r="Z15" s="146">
        <v>7.7485999999999997</v>
      </c>
      <c r="AA15" s="111">
        <v>7.5761000000000003</v>
      </c>
      <c r="AB15" s="140">
        <v>7.4971000000000005</v>
      </c>
      <c r="AC15" s="140">
        <v>7.3309000000000006</v>
      </c>
      <c r="AD15" s="111">
        <v>7.2953000000000001</v>
      </c>
      <c r="AE15" s="140">
        <v>7.2579999999999991</v>
      </c>
      <c r="AF15" s="140">
        <v>7.2959000000000005</v>
      </c>
      <c r="AG15" s="140">
        <v>7.2595000000000001</v>
      </c>
      <c r="AH15" s="140">
        <v>7.0366</v>
      </c>
      <c r="AI15" s="140">
        <v>7.1457000000000006</v>
      </c>
      <c r="AJ15" s="140">
        <v>7.1249000000000002</v>
      </c>
      <c r="AK15" s="140">
        <v>7.1366999999999994</v>
      </c>
      <c r="AL15" s="140">
        <v>7.3811999999999998</v>
      </c>
      <c r="AM15" s="140">
        <v>7.5296000000000003</v>
      </c>
      <c r="AN15" s="140">
        <v>7.7985000000000007</v>
      </c>
      <c r="AO15" s="140">
        <v>7.9946000000000002</v>
      </c>
      <c r="AP15" s="207">
        <v>8.1356000000000002</v>
      </c>
      <c r="AQ15" s="208">
        <v>8.3275000000000006</v>
      </c>
      <c r="AR15" s="194">
        <v>8.4433000000000007</v>
      </c>
      <c r="AS15" s="140">
        <v>8.6059000000000001</v>
      </c>
      <c r="AT15" s="140">
        <v>9.0015000000000001</v>
      </c>
      <c r="AU15" s="140">
        <v>9.2903000000000002</v>
      </c>
      <c r="AV15" s="140">
        <v>9.4343000000000004</v>
      </c>
      <c r="AW15" s="151">
        <v>9.7200000000000006</v>
      </c>
      <c r="AX15" s="146">
        <v>10.0341</v>
      </c>
      <c r="AY15" s="111">
        <v>10.090299999999999</v>
      </c>
      <c r="AZ15" s="150">
        <v>10.0907</v>
      </c>
      <c r="BA15" s="111">
        <v>10.095700000000001</v>
      </c>
      <c r="BB15" s="150">
        <v>10.107000000000001</v>
      </c>
      <c r="BC15" s="150">
        <v>9.7598000000000003</v>
      </c>
      <c r="BD15" s="150">
        <v>9.4680999999999997</v>
      </c>
      <c r="BE15" s="210"/>
    </row>
    <row r="16" spans="3:57" x14ac:dyDescent="0.2">
      <c r="C16" s="157" t="s">
        <v>60</v>
      </c>
      <c r="D16" s="158" t="s">
        <v>58</v>
      </c>
      <c r="E16" s="146">
        <v>2.0028000000000001</v>
      </c>
      <c r="F16" s="111">
        <v>1.9890999999999999</v>
      </c>
      <c r="G16" s="111">
        <v>2.008</v>
      </c>
      <c r="H16" s="111">
        <v>2.0566</v>
      </c>
      <c r="I16" s="111">
        <v>2.0815999999999999</v>
      </c>
      <c r="J16" s="140">
        <v>2.0831999999999997</v>
      </c>
      <c r="K16" s="140">
        <v>2.1667000000000001</v>
      </c>
      <c r="L16" s="146">
        <v>2.2352000000000003</v>
      </c>
      <c r="M16" s="146">
        <v>2.2862</v>
      </c>
      <c r="N16" s="140">
        <v>2.3372999999999999</v>
      </c>
      <c r="O16" s="140">
        <v>2.3936000000000002</v>
      </c>
      <c r="P16" s="140">
        <v>2.4384999999999999</v>
      </c>
      <c r="Q16" s="146">
        <v>2.4533</v>
      </c>
      <c r="R16" s="146">
        <v>2.4983</v>
      </c>
      <c r="S16" s="140">
        <v>2.4704999999999999</v>
      </c>
      <c r="T16" s="140">
        <v>2.4923999999999999</v>
      </c>
      <c r="U16" s="150">
        <v>2.4916</v>
      </c>
      <c r="V16" s="150">
        <v>2.4624000000000001</v>
      </c>
      <c r="W16" s="140">
        <v>2.4711000000000003</v>
      </c>
      <c r="X16" s="146">
        <v>2.4706000000000001</v>
      </c>
      <c r="Y16" s="146">
        <v>2.4891999999999999</v>
      </c>
      <c r="Z16" s="146">
        <v>2.4727999999999999</v>
      </c>
      <c r="AA16" s="111">
        <v>2.4634999999999998</v>
      </c>
      <c r="AB16" s="140">
        <v>2.4666000000000001</v>
      </c>
      <c r="AC16" s="140">
        <v>2.4900000000000002</v>
      </c>
      <c r="AD16" s="111">
        <v>2.4778000000000002</v>
      </c>
      <c r="AE16" s="140">
        <v>2.4891999999999999</v>
      </c>
      <c r="AF16" s="140">
        <v>2.4883999999999999</v>
      </c>
      <c r="AG16" s="140">
        <v>2.4956</v>
      </c>
      <c r="AH16" s="140">
        <v>2.4784000000000002</v>
      </c>
      <c r="AI16" s="140">
        <v>2.4815</v>
      </c>
      <c r="AJ16" s="140">
        <v>2.4574000000000003</v>
      </c>
      <c r="AK16" s="140">
        <v>2.419</v>
      </c>
      <c r="AL16" s="140">
        <v>2.4018999999999999</v>
      </c>
      <c r="AM16" s="140">
        <v>2.3826000000000001</v>
      </c>
      <c r="AN16" s="140">
        <v>2.3408000000000002</v>
      </c>
      <c r="AO16" s="140">
        <v>2.3247999999999998</v>
      </c>
      <c r="AP16" s="207">
        <v>2.2955000000000001</v>
      </c>
      <c r="AQ16" s="208">
        <v>2.2639</v>
      </c>
      <c r="AR16" s="194">
        <v>2.2201</v>
      </c>
      <c r="AS16" s="140">
        <v>2.1852</v>
      </c>
      <c r="AT16" s="140">
        <v>2.1520999999999999</v>
      </c>
      <c r="AU16" s="140">
        <v>2.1052</v>
      </c>
      <c r="AV16" s="140">
        <v>2.0524</v>
      </c>
      <c r="AW16" s="151">
        <v>2.0440999999999998</v>
      </c>
      <c r="AX16" s="146">
        <v>1.9871000000000001</v>
      </c>
      <c r="AY16" s="111">
        <v>2.0136000000000003</v>
      </c>
      <c r="AZ16" s="150">
        <v>2.0049999999999999</v>
      </c>
      <c r="BA16" s="111">
        <v>1.984</v>
      </c>
      <c r="BB16" s="150">
        <v>2.0084</v>
      </c>
      <c r="BC16" s="150">
        <v>2.0063999999999997</v>
      </c>
      <c r="BD16" s="150">
        <v>1.9969999999999999</v>
      </c>
      <c r="BE16" s="210"/>
    </row>
    <row r="17" spans="3:57" x14ac:dyDescent="0.2">
      <c r="C17" s="157" t="s">
        <v>61</v>
      </c>
      <c r="D17" s="158" t="s">
        <v>58</v>
      </c>
      <c r="E17" s="146">
        <v>2.0914999999999999</v>
      </c>
      <c r="F17" s="111">
        <v>2.0409000000000002</v>
      </c>
      <c r="G17" s="111">
        <v>2.0409000000000002</v>
      </c>
      <c r="H17" s="111">
        <v>2.0409000000000002</v>
      </c>
      <c r="I17" s="111">
        <v>1.9909000000000001</v>
      </c>
      <c r="J17" s="140">
        <v>1.9909000000000001</v>
      </c>
      <c r="K17" s="140">
        <v>1.9909000000000001</v>
      </c>
      <c r="L17" s="146">
        <v>1.9909000000000001</v>
      </c>
      <c r="M17" s="146">
        <v>2.0121000000000002</v>
      </c>
      <c r="N17" s="140">
        <v>2.0129000000000001</v>
      </c>
      <c r="O17" s="140">
        <v>2.0861000000000001</v>
      </c>
      <c r="P17" s="140">
        <v>2.0861000000000001</v>
      </c>
      <c r="Q17" s="146">
        <v>2.1861000000000002</v>
      </c>
      <c r="R17" s="146">
        <v>2.3338000000000001</v>
      </c>
      <c r="S17" s="140">
        <v>2.3374000000000001</v>
      </c>
      <c r="T17" s="140">
        <v>2.4102999999999999</v>
      </c>
      <c r="U17" s="150">
        <v>2.4119000000000002</v>
      </c>
      <c r="V17" s="150">
        <v>2.4533</v>
      </c>
      <c r="W17" s="140">
        <v>2.4533</v>
      </c>
      <c r="X17" s="146">
        <v>2.4533</v>
      </c>
      <c r="Y17" s="146">
        <v>2.4470000000000001</v>
      </c>
      <c r="Z17" s="146">
        <v>2.4961000000000002</v>
      </c>
      <c r="AA17" s="111">
        <v>2.4961000000000002</v>
      </c>
      <c r="AB17" s="140">
        <v>2.5961000000000003</v>
      </c>
      <c r="AC17" s="140">
        <v>2.5961000000000003</v>
      </c>
      <c r="AD17" s="111">
        <v>2.5961000000000003</v>
      </c>
      <c r="AE17" s="140">
        <v>2.5476000000000001</v>
      </c>
      <c r="AF17" s="140">
        <v>2.4946999999999999</v>
      </c>
      <c r="AG17" s="140">
        <v>2.3956999999999997</v>
      </c>
      <c r="AH17" s="140">
        <v>2.3911000000000002</v>
      </c>
      <c r="AI17" s="140">
        <v>2.3411</v>
      </c>
      <c r="AJ17" s="140">
        <v>2.3411</v>
      </c>
      <c r="AK17" s="140">
        <v>2.2911000000000001</v>
      </c>
      <c r="AL17" s="140">
        <v>2.3221000000000003</v>
      </c>
      <c r="AM17" s="140">
        <v>2.3220000000000001</v>
      </c>
      <c r="AN17" s="140">
        <v>2.3258999999999999</v>
      </c>
      <c r="AO17" s="140">
        <v>2.3391000000000002</v>
      </c>
      <c r="AP17" s="207">
        <v>2.3618000000000001</v>
      </c>
      <c r="AQ17" s="208">
        <v>2.3819999999999997</v>
      </c>
      <c r="AR17" s="194">
        <v>2.3787000000000003</v>
      </c>
      <c r="AS17" s="140">
        <v>2.3715999999999999</v>
      </c>
      <c r="AT17" s="140">
        <v>2.3755999999999999</v>
      </c>
      <c r="AU17" s="140">
        <v>2.3702000000000001</v>
      </c>
      <c r="AV17" s="140">
        <v>2.3715999999999999</v>
      </c>
      <c r="AW17" s="151">
        <v>2.3752</v>
      </c>
      <c r="AX17" s="146">
        <v>2.3705000000000003</v>
      </c>
      <c r="AY17" s="111">
        <v>2.3841999999999999</v>
      </c>
      <c r="AZ17" s="150">
        <v>2.3784000000000001</v>
      </c>
      <c r="BA17" s="111">
        <v>2.3822000000000001</v>
      </c>
      <c r="BB17" s="111">
        <v>2.3917999999999999</v>
      </c>
      <c r="BC17" s="150">
        <v>2.3902999999999999</v>
      </c>
      <c r="BD17" s="150">
        <v>2.3877000000000002</v>
      </c>
      <c r="BE17" s="210"/>
    </row>
    <row r="18" spans="3:57" x14ac:dyDescent="0.2">
      <c r="C18" s="157" t="s">
        <v>62</v>
      </c>
      <c r="D18" s="158" t="s">
        <v>58</v>
      </c>
      <c r="E18" s="146">
        <v>5.0999999999999996</v>
      </c>
      <c r="F18" s="111">
        <v>5.04</v>
      </c>
      <c r="G18" s="111">
        <v>4.68</v>
      </c>
      <c r="H18" s="111">
        <v>4.6399999999999997</v>
      </c>
      <c r="I18" s="111">
        <v>4.62</v>
      </c>
      <c r="J18" s="140">
        <v>4.58</v>
      </c>
      <c r="K18" s="140">
        <v>4.57</v>
      </c>
      <c r="L18" s="146">
        <v>4.54</v>
      </c>
      <c r="M18" s="146">
        <v>4.55</v>
      </c>
      <c r="N18" s="140">
        <v>4.55</v>
      </c>
      <c r="O18" s="140">
        <v>4.54</v>
      </c>
      <c r="P18" s="140">
        <v>4.53</v>
      </c>
      <c r="Q18" s="146">
        <v>4.51</v>
      </c>
      <c r="R18" s="146">
        <v>4.5199999999999996</v>
      </c>
      <c r="S18" s="140">
        <v>4.54</v>
      </c>
      <c r="T18" s="140">
        <v>4.54</v>
      </c>
      <c r="U18" s="150">
        <v>4.55</v>
      </c>
      <c r="V18" s="150">
        <v>4.51</v>
      </c>
      <c r="W18" s="140">
        <v>4.5199999999999996</v>
      </c>
      <c r="X18" s="146">
        <v>4.53</v>
      </c>
      <c r="Y18" s="146">
        <v>4.54</v>
      </c>
      <c r="Z18" s="146">
        <v>4.53</v>
      </c>
      <c r="AA18" s="111">
        <v>4.54</v>
      </c>
      <c r="AB18" s="140">
        <v>4.54</v>
      </c>
      <c r="AC18" s="140">
        <v>4.58</v>
      </c>
      <c r="AD18" s="111">
        <v>4.58</v>
      </c>
      <c r="AE18" s="140">
        <v>4.58</v>
      </c>
      <c r="AF18" s="140">
        <v>4.5999999999999996</v>
      </c>
      <c r="AG18" s="140">
        <v>4.6100000000000003</v>
      </c>
      <c r="AH18" s="140">
        <v>4.6100000000000003</v>
      </c>
      <c r="AI18" s="140">
        <v>4.62</v>
      </c>
      <c r="AJ18" s="140">
        <v>4.62</v>
      </c>
      <c r="AK18" s="140">
        <v>4.62</v>
      </c>
      <c r="AL18" s="140">
        <v>4.62</v>
      </c>
      <c r="AM18" s="140">
        <v>4.6399999999999997</v>
      </c>
      <c r="AN18" s="140">
        <v>4.6399999999999997</v>
      </c>
      <c r="AO18" s="140">
        <v>4.74</v>
      </c>
      <c r="AP18" s="207">
        <v>4.7300000000000004</v>
      </c>
      <c r="AQ18" s="208">
        <v>4.74</v>
      </c>
      <c r="AR18" s="194">
        <v>4.8099999999999996</v>
      </c>
      <c r="AS18" s="140">
        <v>4.87</v>
      </c>
      <c r="AT18" s="140">
        <v>4.9000000000000004</v>
      </c>
      <c r="AU18" s="140">
        <v>4.92</v>
      </c>
      <c r="AV18" s="140">
        <v>4.92</v>
      </c>
      <c r="AW18" s="152">
        <v>4.97</v>
      </c>
      <c r="AX18" s="146">
        <v>4.9800000000000004</v>
      </c>
      <c r="AY18" s="144">
        <v>4.99</v>
      </c>
      <c r="AZ18" s="150">
        <v>5</v>
      </c>
      <c r="BA18" s="144">
        <v>5</v>
      </c>
      <c r="BB18" s="111">
        <v>4.99</v>
      </c>
      <c r="BC18" s="150">
        <v>4.99</v>
      </c>
      <c r="BD18" s="150">
        <v>4.74</v>
      </c>
      <c r="BE18" s="210"/>
    </row>
    <row r="19" spans="3:57" x14ac:dyDescent="0.2">
      <c r="C19" s="157" t="s">
        <v>75</v>
      </c>
      <c r="D19" s="158" t="s">
        <v>76</v>
      </c>
      <c r="E19" s="146">
        <v>1.61</v>
      </c>
      <c r="F19" s="111">
        <v>1.61</v>
      </c>
      <c r="G19" s="111">
        <v>1.61</v>
      </c>
      <c r="H19" s="111">
        <v>1.63</v>
      </c>
      <c r="I19" s="111">
        <v>1.65</v>
      </c>
      <c r="J19" s="140">
        <v>1.65</v>
      </c>
      <c r="K19" s="140">
        <v>1.67</v>
      </c>
      <c r="L19" s="146">
        <v>1.67</v>
      </c>
      <c r="M19" s="146">
        <v>1.74</v>
      </c>
      <c r="N19" s="140">
        <v>1.78</v>
      </c>
      <c r="O19" s="140">
        <v>1.79</v>
      </c>
      <c r="P19" s="140">
        <v>1.79</v>
      </c>
      <c r="Q19" s="146">
        <v>1.78</v>
      </c>
      <c r="R19" s="146">
        <v>1.76</v>
      </c>
      <c r="S19" s="140">
        <v>1.76</v>
      </c>
      <c r="T19" s="140">
        <v>1.73</v>
      </c>
      <c r="U19" s="150">
        <v>1.71</v>
      </c>
      <c r="V19" s="150">
        <v>1.7</v>
      </c>
      <c r="W19" s="140">
        <v>1.67</v>
      </c>
      <c r="X19" s="146">
        <v>1.65</v>
      </c>
      <c r="Y19" s="146">
        <v>1.64</v>
      </c>
      <c r="Z19" s="146">
        <v>1.61</v>
      </c>
      <c r="AA19" s="111">
        <v>1.61</v>
      </c>
      <c r="AB19" s="140">
        <v>1.59</v>
      </c>
      <c r="AC19" s="140">
        <v>1.59</v>
      </c>
      <c r="AD19" s="111">
        <v>1.57</v>
      </c>
      <c r="AE19" s="140">
        <v>1.51</v>
      </c>
      <c r="AF19" s="140">
        <v>1.46</v>
      </c>
      <c r="AG19" s="140">
        <v>1.44</v>
      </c>
      <c r="AH19" s="140">
        <v>1.44</v>
      </c>
      <c r="AI19" s="140">
        <v>1.44</v>
      </c>
      <c r="AJ19" s="140">
        <v>1.44</v>
      </c>
      <c r="AK19" s="140">
        <v>1.38</v>
      </c>
      <c r="AL19" s="140">
        <v>1.34</v>
      </c>
      <c r="AM19" s="140">
        <v>1.33</v>
      </c>
      <c r="AN19" s="140">
        <v>1.29</v>
      </c>
      <c r="AO19" s="140">
        <v>1.27</v>
      </c>
      <c r="AP19" s="207">
        <v>1.28</v>
      </c>
      <c r="AQ19" s="208">
        <v>1.29</v>
      </c>
      <c r="AR19" s="194">
        <v>1.3</v>
      </c>
      <c r="AS19" s="140">
        <v>1.3</v>
      </c>
      <c r="AT19" s="140">
        <v>1.3</v>
      </c>
      <c r="AU19" s="140">
        <v>1.3</v>
      </c>
      <c r="AV19" s="140">
        <v>1.34</v>
      </c>
      <c r="AW19" s="152">
        <v>1.34</v>
      </c>
      <c r="AX19" s="146">
        <v>1.35</v>
      </c>
      <c r="AY19" s="144">
        <v>1.34</v>
      </c>
      <c r="AZ19" s="150">
        <v>1.35</v>
      </c>
      <c r="BA19" s="144">
        <v>1.34</v>
      </c>
      <c r="BB19" s="111">
        <v>1.36</v>
      </c>
      <c r="BC19" s="150">
        <v>1.41</v>
      </c>
      <c r="BD19" s="150">
        <v>1.37</v>
      </c>
      <c r="BE19" s="210"/>
    </row>
    <row r="20" spans="3:57" x14ac:dyDescent="0.2">
      <c r="C20" s="157" t="s">
        <v>63</v>
      </c>
      <c r="D20" s="158" t="s">
        <v>58</v>
      </c>
      <c r="E20" s="146">
        <v>10.119999999999999</v>
      </c>
      <c r="F20" s="111">
        <v>6.19</v>
      </c>
      <c r="G20" s="111">
        <v>5.75</v>
      </c>
      <c r="H20" s="111">
        <v>4.29</v>
      </c>
      <c r="I20" s="111">
        <v>3.66</v>
      </c>
      <c r="J20" s="140">
        <v>3.49</v>
      </c>
      <c r="K20" s="140">
        <v>4.18</v>
      </c>
      <c r="L20" s="146">
        <v>3.45</v>
      </c>
      <c r="M20" s="146">
        <v>3.34</v>
      </c>
      <c r="N20" s="140">
        <v>3.45</v>
      </c>
      <c r="O20" s="140">
        <v>4.5599999999999996</v>
      </c>
      <c r="P20" s="140">
        <v>3.94</v>
      </c>
      <c r="Q20" s="146">
        <v>4.3</v>
      </c>
      <c r="R20" s="146">
        <v>3.95</v>
      </c>
      <c r="S20" s="140">
        <v>4.17</v>
      </c>
      <c r="T20" s="140">
        <v>4.82</v>
      </c>
      <c r="U20" s="111">
        <v>5.14</v>
      </c>
      <c r="V20" s="111">
        <v>4.74</v>
      </c>
      <c r="W20" s="140">
        <v>3.79</v>
      </c>
      <c r="X20" s="146">
        <v>4.8099999999999996</v>
      </c>
      <c r="Y20" s="146">
        <v>4.54</v>
      </c>
      <c r="Z20" s="111">
        <v>4.83</v>
      </c>
      <c r="AA20" s="111">
        <v>4.26</v>
      </c>
      <c r="AB20" s="140">
        <v>4.84</v>
      </c>
      <c r="AC20" s="140">
        <v>4.72</v>
      </c>
      <c r="AD20" s="111">
        <v>4.63</v>
      </c>
      <c r="AE20" s="140">
        <v>5.54</v>
      </c>
      <c r="AF20" s="140">
        <v>5.63</v>
      </c>
      <c r="AG20" s="140">
        <v>5.95</v>
      </c>
      <c r="AH20" s="140">
        <v>6.29</v>
      </c>
      <c r="AI20" s="140">
        <v>4.59</v>
      </c>
      <c r="AJ20" s="140">
        <v>6.89</v>
      </c>
      <c r="AK20" s="140">
        <v>5.0199999999999996</v>
      </c>
      <c r="AL20" s="140">
        <v>5.0199999999999996</v>
      </c>
      <c r="AM20" s="140">
        <v>5.7</v>
      </c>
      <c r="AN20" s="140">
        <v>5.98</v>
      </c>
      <c r="AO20" s="140">
        <v>6.57</v>
      </c>
      <c r="AP20" s="140">
        <v>6.85</v>
      </c>
      <c r="AQ20" s="73">
        <v>7.6</v>
      </c>
      <c r="AR20" s="140">
        <v>7.41</v>
      </c>
      <c r="AS20" s="140">
        <v>6.86</v>
      </c>
      <c r="AT20" s="140">
        <v>6.83</v>
      </c>
      <c r="AU20" s="140">
        <v>7.28</v>
      </c>
      <c r="AV20" s="140">
        <v>7.09</v>
      </c>
      <c r="AW20" s="151">
        <v>7.01</v>
      </c>
      <c r="AX20" s="146">
        <v>7.05</v>
      </c>
      <c r="AY20" s="111">
        <v>5.36</v>
      </c>
      <c r="AZ20" s="111">
        <v>5.87</v>
      </c>
      <c r="BA20" s="111">
        <v>6.76</v>
      </c>
      <c r="BB20" s="111">
        <v>7.56</v>
      </c>
      <c r="BC20" s="111">
        <v>9.0500000000000007</v>
      </c>
      <c r="BD20" s="111">
        <v>10.75</v>
      </c>
      <c r="BE20" s="210"/>
    </row>
    <row r="21" spans="3:57" x14ac:dyDescent="0.2">
      <c r="C21" s="157" t="s">
        <v>64</v>
      </c>
      <c r="D21" s="158" t="s">
        <v>58</v>
      </c>
      <c r="E21" s="146">
        <v>10.130000000000001</v>
      </c>
      <c r="F21" s="111">
        <v>6.5</v>
      </c>
      <c r="G21" s="111">
        <v>5.66</v>
      </c>
      <c r="H21" s="111">
        <v>4.54</v>
      </c>
      <c r="I21" s="111">
        <v>3.84</v>
      </c>
      <c r="J21" s="140">
        <v>3.44</v>
      </c>
      <c r="K21" s="140">
        <v>3.81</v>
      </c>
      <c r="L21" s="146">
        <v>3.02</v>
      </c>
      <c r="M21" s="146">
        <v>3.27</v>
      </c>
      <c r="N21" s="140">
        <v>3.04</v>
      </c>
      <c r="O21" s="140">
        <v>4.12</v>
      </c>
      <c r="P21" s="140">
        <v>3.5</v>
      </c>
      <c r="Q21" s="146">
        <v>3.94</v>
      </c>
      <c r="R21" s="146">
        <v>4.33</v>
      </c>
      <c r="S21" s="140">
        <v>4.8600000000000003</v>
      </c>
      <c r="T21" s="140">
        <v>4.5</v>
      </c>
      <c r="U21" s="111">
        <v>4.6900000000000004</v>
      </c>
      <c r="V21" s="111">
        <v>3.78</v>
      </c>
      <c r="W21" s="140">
        <v>3.16</v>
      </c>
      <c r="X21" s="146">
        <v>3.41</v>
      </c>
      <c r="Y21" s="111">
        <v>4.01</v>
      </c>
      <c r="Z21" s="111">
        <v>4.3499999999999996</v>
      </c>
      <c r="AA21" s="111">
        <v>4.1900000000000004</v>
      </c>
      <c r="AB21" s="140">
        <v>4.66</v>
      </c>
      <c r="AC21" s="140">
        <v>4.7300000000000004</v>
      </c>
      <c r="AD21" s="111">
        <v>3.94</v>
      </c>
      <c r="AE21" s="140">
        <v>6.2</v>
      </c>
      <c r="AF21" s="140">
        <v>6.03</v>
      </c>
      <c r="AG21" s="140">
        <v>6.55</v>
      </c>
      <c r="AH21" s="140">
        <v>7.01</v>
      </c>
      <c r="AI21" s="140">
        <v>5.32</v>
      </c>
      <c r="AJ21" s="140">
        <v>6.79</v>
      </c>
      <c r="AK21" s="140">
        <v>4.5599999999999996</v>
      </c>
      <c r="AL21" s="140">
        <v>4.9400000000000004</v>
      </c>
      <c r="AM21" s="140">
        <v>5.37</v>
      </c>
      <c r="AN21" s="140">
        <v>5.78</v>
      </c>
      <c r="AO21" s="140">
        <v>6.3</v>
      </c>
      <c r="AP21" s="140">
        <v>5.78</v>
      </c>
      <c r="AQ21" s="73">
        <v>6.2</v>
      </c>
      <c r="AR21" s="140">
        <v>6.44</v>
      </c>
      <c r="AS21" s="140">
        <v>5.68</v>
      </c>
      <c r="AT21" s="140">
        <v>5.55</v>
      </c>
      <c r="AU21" s="140">
        <v>5.88</v>
      </c>
      <c r="AV21" s="140">
        <v>5.56</v>
      </c>
      <c r="AW21" s="151">
        <v>6.55</v>
      </c>
      <c r="AX21" s="146">
        <v>6.14</v>
      </c>
      <c r="AY21" s="111">
        <v>4.5199999999999996</v>
      </c>
      <c r="AZ21" s="111">
        <v>4.71</v>
      </c>
      <c r="BA21" s="111">
        <v>5.1100000000000003</v>
      </c>
      <c r="BB21" s="111">
        <v>6.08</v>
      </c>
      <c r="BC21" s="111">
        <v>6.86</v>
      </c>
      <c r="BD21" s="111">
        <v>9.06</v>
      </c>
      <c r="BE21" s="210"/>
    </row>
    <row r="22" spans="3:57" x14ac:dyDescent="0.2">
      <c r="C22" s="157" t="s">
        <v>65</v>
      </c>
      <c r="D22" s="158" t="s">
        <v>58</v>
      </c>
      <c r="E22" s="146">
        <v>1.62</v>
      </c>
      <c r="F22" s="111">
        <v>2.0699999999999998</v>
      </c>
      <c r="G22" s="111">
        <v>3.85</v>
      </c>
      <c r="H22" s="111">
        <v>0.92</v>
      </c>
      <c r="I22" s="111">
        <v>0.7</v>
      </c>
      <c r="J22" s="140">
        <v>1.33</v>
      </c>
      <c r="K22" s="140">
        <v>1.22</v>
      </c>
      <c r="L22" s="146">
        <v>1.55</v>
      </c>
      <c r="M22" s="146">
        <v>1.65</v>
      </c>
      <c r="N22" s="140">
        <v>2.39</v>
      </c>
      <c r="O22" s="140">
        <v>1.8</v>
      </c>
      <c r="P22" s="140">
        <v>0.95</v>
      </c>
      <c r="Q22" s="146">
        <v>1.1499999999999999</v>
      </c>
      <c r="R22" s="146">
        <v>1.51</v>
      </c>
      <c r="S22" s="140">
        <v>1.0900000000000001</v>
      </c>
      <c r="T22" s="140">
        <v>0.85</v>
      </c>
      <c r="U22" s="111">
        <v>0.83</v>
      </c>
      <c r="V22" s="111">
        <v>1</v>
      </c>
      <c r="W22" s="140">
        <v>1.02</v>
      </c>
      <c r="X22" s="146">
        <v>0.99</v>
      </c>
      <c r="Y22" s="111">
        <v>1.1499999999999999</v>
      </c>
      <c r="Z22" s="111">
        <v>0.89</v>
      </c>
      <c r="AA22" s="111">
        <v>1.23</v>
      </c>
      <c r="AB22" s="140">
        <v>1.01</v>
      </c>
      <c r="AC22" s="140">
        <v>1.1000000000000001</v>
      </c>
      <c r="AD22" s="111">
        <v>0.77</v>
      </c>
      <c r="AE22" s="140">
        <v>1.32</v>
      </c>
      <c r="AF22" s="140">
        <v>1.83</v>
      </c>
      <c r="AG22" s="140">
        <v>1.17</v>
      </c>
      <c r="AH22" s="140">
        <v>0.95</v>
      </c>
      <c r="AI22" s="140">
        <v>1.25</v>
      </c>
      <c r="AJ22" s="140">
        <v>1.17</v>
      </c>
      <c r="AK22" s="140">
        <v>1.2</v>
      </c>
      <c r="AL22" s="140">
        <v>1.19</v>
      </c>
      <c r="AM22" s="140">
        <v>1.1200000000000001</v>
      </c>
      <c r="AN22" s="140">
        <v>1.1000000000000001</v>
      </c>
      <c r="AO22" s="140">
        <v>0.97</v>
      </c>
      <c r="AP22" s="140">
        <v>1.1599999999999999</v>
      </c>
      <c r="AQ22" s="73">
        <v>1.1100000000000001</v>
      </c>
      <c r="AR22" s="140">
        <v>1.1599999999999999</v>
      </c>
      <c r="AS22" s="140">
        <v>0.76</v>
      </c>
      <c r="AT22" s="140">
        <v>1.01</v>
      </c>
      <c r="AU22" s="140">
        <v>0.89</v>
      </c>
      <c r="AV22" s="140">
        <v>1.28</v>
      </c>
      <c r="AW22" s="151">
        <v>0.86</v>
      </c>
      <c r="AX22" s="146">
        <v>0.68</v>
      </c>
      <c r="AY22" s="111">
        <v>0.83</v>
      </c>
      <c r="AZ22" s="111">
        <v>0.86</v>
      </c>
      <c r="BA22" s="111">
        <v>1.47</v>
      </c>
      <c r="BB22" s="111">
        <v>2</v>
      </c>
      <c r="BC22" s="111">
        <v>0.99</v>
      </c>
      <c r="BD22" s="111">
        <v>1.29</v>
      </c>
      <c r="BE22" s="210"/>
    </row>
    <row r="23" spans="3:57" x14ac:dyDescent="0.2">
      <c r="C23" s="157" t="s">
        <v>66</v>
      </c>
      <c r="D23" s="158" t="s">
        <v>58</v>
      </c>
      <c r="E23" s="146">
        <v>3.73</v>
      </c>
      <c r="F23" s="111">
        <v>5.0199999999999996</v>
      </c>
      <c r="G23" s="111">
        <v>4.3099999999999996</v>
      </c>
      <c r="H23" s="144">
        <v>2.9</v>
      </c>
      <c r="I23" s="144">
        <v>2.0299999999999998</v>
      </c>
      <c r="J23" s="140">
        <v>3.67</v>
      </c>
      <c r="K23" s="140">
        <v>4.0999999999999996</v>
      </c>
      <c r="L23" s="146">
        <v>1.56</v>
      </c>
      <c r="M23" s="146">
        <v>1.88</v>
      </c>
      <c r="N23" s="140">
        <v>1.74</v>
      </c>
      <c r="O23" s="140">
        <v>2.16</v>
      </c>
      <c r="P23" s="140">
        <v>2.1</v>
      </c>
      <c r="Q23" s="146">
        <v>2.74</v>
      </c>
      <c r="R23" s="146">
        <v>2.65</v>
      </c>
      <c r="S23" s="140">
        <v>3.54</v>
      </c>
      <c r="T23" s="140">
        <v>2.89</v>
      </c>
      <c r="U23" s="111">
        <v>2.15</v>
      </c>
      <c r="V23" s="111">
        <v>1.57</v>
      </c>
      <c r="W23" s="140">
        <v>1.86</v>
      </c>
      <c r="X23" s="146">
        <v>1.27</v>
      </c>
      <c r="Y23" s="144">
        <v>1</v>
      </c>
      <c r="Z23" s="144">
        <v>1.74</v>
      </c>
      <c r="AA23" s="111">
        <v>2.68</v>
      </c>
      <c r="AB23" s="140">
        <v>1.97</v>
      </c>
      <c r="AC23" s="140">
        <v>2.0099999999999998</v>
      </c>
      <c r="AD23" s="111">
        <v>1.83</v>
      </c>
      <c r="AE23" s="140">
        <v>2.15</v>
      </c>
      <c r="AF23" s="140">
        <v>1.97</v>
      </c>
      <c r="AG23" s="140">
        <v>2.09</v>
      </c>
      <c r="AH23" s="140">
        <v>2.2200000000000002</v>
      </c>
      <c r="AI23" s="140">
        <v>3.53</v>
      </c>
      <c r="AJ23" s="140">
        <v>3.4</v>
      </c>
      <c r="AK23" s="140">
        <v>1.89</v>
      </c>
      <c r="AL23" s="140">
        <v>2.71</v>
      </c>
      <c r="AM23" s="140">
        <v>5.46</v>
      </c>
      <c r="AN23" s="140">
        <v>3.55</v>
      </c>
      <c r="AO23" s="140">
        <v>3.86</v>
      </c>
      <c r="AP23" s="140">
        <v>2.99</v>
      </c>
      <c r="AQ23" s="93">
        <v>2.4500000000000002</v>
      </c>
      <c r="AR23" s="140">
        <v>2.46</v>
      </c>
      <c r="AS23" s="140">
        <v>1.91</v>
      </c>
      <c r="AT23" s="140">
        <v>3.07</v>
      </c>
      <c r="AU23" s="140">
        <v>1.42</v>
      </c>
      <c r="AV23" s="140">
        <v>3.35</v>
      </c>
      <c r="AW23" s="152">
        <v>2.66</v>
      </c>
      <c r="AX23" s="146">
        <v>3.32</v>
      </c>
      <c r="AY23" s="144">
        <v>3.57</v>
      </c>
      <c r="AZ23" s="111">
        <v>3.57</v>
      </c>
      <c r="BA23" s="144">
        <v>6.01</v>
      </c>
      <c r="BB23" s="150">
        <v>4.49</v>
      </c>
      <c r="BC23" s="144">
        <v>9</v>
      </c>
      <c r="BD23" s="111">
        <v>5.39</v>
      </c>
      <c r="BE23" s="210"/>
    </row>
    <row r="24" spans="3:57" x14ac:dyDescent="0.2">
      <c r="C24" s="157" t="s">
        <v>116</v>
      </c>
      <c r="D24" s="158" t="s">
        <v>58</v>
      </c>
      <c r="E24" s="146">
        <v>5.01</v>
      </c>
      <c r="F24" s="111">
        <v>6.42</v>
      </c>
      <c r="G24" s="111">
        <v>6.59</v>
      </c>
      <c r="H24" s="144">
        <v>5.51</v>
      </c>
      <c r="I24" s="144">
        <v>4.99</v>
      </c>
      <c r="J24" s="140">
        <v>4.51</v>
      </c>
      <c r="K24" s="140">
        <v>3.64</v>
      </c>
      <c r="L24" s="146">
        <v>3.87</v>
      </c>
      <c r="M24" s="146">
        <v>4.5999999999999996</v>
      </c>
      <c r="N24" s="140">
        <v>3.91</v>
      </c>
      <c r="O24" s="140">
        <v>4.04</v>
      </c>
      <c r="P24" s="140">
        <v>4.01</v>
      </c>
      <c r="Q24" s="146">
        <v>3.74</v>
      </c>
      <c r="R24" s="146">
        <v>3.74</v>
      </c>
      <c r="S24" s="140">
        <v>3.4</v>
      </c>
      <c r="T24" s="140">
        <v>3.84</v>
      </c>
      <c r="U24" s="111">
        <v>3.78</v>
      </c>
      <c r="V24" s="111">
        <v>3.49</v>
      </c>
      <c r="W24" s="140">
        <v>3.06</v>
      </c>
      <c r="X24" s="146">
        <v>2.86</v>
      </c>
      <c r="Y24" s="144">
        <v>3.14</v>
      </c>
      <c r="Z24" s="144">
        <v>3.64</v>
      </c>
      <c r="AA24" s="111">
        <v>3.06</v>
      </c>
      <c r="AB24" s="140">
        <v>2.97</v>
      </c>
      <c r="AC24" s="140">
        <v>2.71</v>
      </c>
      <c r="AD24" s="111">
        <v>3</v>
      </c>
      <c r="AE24" s="140">
        <v>3.6</v>
      </c>
      <c r="AF24" s="140">
        <v>3.42</v>
      </c>
      <c r="AG24" s="140">
        <v>3.65</v>
      </c>
      <c r="AH24" s="140">
        <v>3.07</v>
      </c>
      <c r="AI24" s="140">
        <v>3.22</v>
      </c>
      <c r="AJ24" s="140">
        <v>5.03</v>
      </c>
      <c r="AK24" s="140">
        <v>2.88</v>
      </c>
      <c r="AL24" s="140">
        <v>3.06</v>
      </c>
      <c r="AM24" s="140">
        <v>3.83</v>
      </c>
      <c r="AN24" s="140">
        <v>4.07</v>
      </c>
      <c r="AO24" s="140">
        <v>3.79</v>
      </c>
      <c r="AP24" s="140">
        <v>4.17</v>
      </c>
      <c r="AQ24" s="93">
        <v>5.08</v>
      </c>
      <c r="AR24" s="140">
        <v>5.68</v>
      </c>
      <c r="AS24" s="140">
        <v>4.72</v>
      </c>
      <c r="AT24" s="140">
        <v>5.09</v>
      </c>
      <c r="AU24" s="140">
        <v>5.3</v>
      </c>
      <c r="AV24" s="140">
        <v>4.62</v>
      </c>
      <c r="AW24" s="152">
        <v>4.84</v>
      </c>
      <c r="AX24" s="146">
        <v>6.07</v>
      </c>
      <c r="AY24" s="144">
        <v>5.19</v>
      </c>
      <c r="AZ24" s="111">
        <v>4.7699999999999996</v>
      </c>
      <c r="BA24" s="144">
        <v>5.24</v>
      </c>
      <c r="BB24" s="150">
        <v>4.55</v>
      </c>
      <c r="BC24" s="144">
        <v>4.63</v>
      </c>
      <c r="BD24" s="111">
        <v>4.05</v>
      </c>
      <c r="BE24" s="210"/>
    </row>
    <row r="25" spans="3:57" x14ac:dyDescent="0.2">
      <c r="C25" s="157" t="s">
        <v>68</v>
      </c>
      <c r="D25" s="158" t="s">
        <v>58</v>
      </c>
      <c r="E25" s="146">
        <v>1.51</v>
      </c>
      <c r="F25" s="111">
        <v>1.62</v>
      </c>
      <c r="G25" s="111">
        <v>2.11</v>
      </c>
      <c r="H25" s="111">
        <v>1.84</v>
      </c>
      <c r="I25" s="111">
        <v>1.53</v>
      </c>
      <c r="J25" s="140">
        <v>2.4</v>
      </c>
      <c r="K25" s="140">
        <v>2.2999999999999998</v>
      </c>
      <c r="L25" s="146">
        <v>2.15</v>
      </c>
      <c r="M25" s="146">
        <v>2.08</v>
      </c>
      <c r="N25" s="140">
        <v>1.83</v>
      </c>
      <c r="O25" s="140">
        <v>1.58</v>
      </c>
      <c r="P25" s="140">
        <v>1.35</v>
      </c>
      <c r="Q25" s="146">
        <v>1.48</v>
      </c>
      <c r="R25" s="146">
        <v>1.54</v>
      </c>
      <c r="S25" s="140">
        <v>1.41</v>
      </c>
      <c r="T25" s="140">
        <v>1.28</v>
      </c>
      <c r="U25" s="111">
        <v>1.47</v>
      </c>
      <c r="V25" s="111">
        <v>1.65</v>
      </c>
      <c r="W25" s="140">
        <v>1.48</v>
      </c>
      <c r="X25" s="146">
        <v>1.73</v>
      </c>
      <c r="Y25" s="111">
        <v>1.3</v>
      </c>
      <c r="Z25" s="111">
        <v>1.69</v>
      </c>
      <c r="AA25" s="111">
        <v>1.7</v>
      </c>
      <c r="AB25" s="140">
        <v>1.84</v>
      </c>
      <c r="AC25" s="140">
        <v>1.68</v>
      </c>
      <c r="AD25" s="111">
        <v>1.52</v>
      </c>
      <c r="AE25" s="140">
        <v>1.7</v>
      </c>
      <c r="AF25" s="140">
        <v>1.5</v>
      </c>
      <c r="AG25" s="140">
        <v>1.59</v>
      </c>
      <c r="AH25" s="140">
        <v>1.29</v>
      </c>
      <c r="AI25" s="140">
        <v>1.57</v>
      </c>
      <c r="AJ25" s="140">
        <v>1.52</v>
      </c>
      <c r="AK25" s="140">
        <v>1.1000000000000001</v>
      </c>
      <c r="AL25" s="140">
        <v>0.98</v>
      </c>
      <c r="AM25" s="140">
        <v>1.51</v>
      </c>
      <c r="AN25" s="140">
        <v>1.18</v>
      </c>
      <c r="AO25" s="140">
        <v>1.01</v>
      </c>
      <c r="AP25" s="140">
        <v>0.93</v>
      </c>
      <c r="AQ25" s="73">
        <v>0.92</v>
      </c>
      <c r="AR25" s="140">
        <v>0.85</v>
      </c>
      <c r="AS25" s="140">
        <v>0.82</v>
      </c>
      <c r="AT25" s="140">
        <v>1.33</v>
      </c>
      <c r="AU25" s="140">
        <v>2.17</v>
      </c>
      <c r="AV25" s="140">
        <v>1.97</v>
      </c>
      <c r="AW25" s="151">
        <v>2.12</v>
      </c>
      <c r="AX25" s="146">
        <v>1.7</v>
      </c>
      <c r="AY25" s="111">
        <v>1.45</v>
      </c>
      <c r="AZ25" s="111">
        <v>1.24</v>
      </c>
      <c r="BA25" s="111">
        <v>1.62</v>
      </c>
      <c r="BB25" s="150">
        <v>1.62</v>
      </c>
      <c r="BC25" s="111">
        <v>1.48</v>
      </c>
      <c r="BD25" s="111">
        <v>1.94</v>
      </c>
      <c r="BE25" s="210"/>
    </row>
    <row r="26" spans="3:57" x14ac:dyDescent="0.2">
      <c r="C26" s="157" t="s">
        <v>69</v>
      </c>
      <c r="D26" s="158" t="s">
        <v>58</v>
      </c>
      <c r="E26" s="146">
        <v>1.95</v>
      </c>
      <c r="F26" s="111">
        <v>1.76</v>
      </c>
      <c r="G26" s="111">
        <v>2.83</v>
      </c>
      <c r="H26" s="111">
        <v>1.59</v>
      </c>
      <c r="I26" s="111">
        <v>2.21</v>
      </c>
      <c r="J26" s="140">
        <v>1.41</v>
      </c>
      <c r="K26" s="140">
        <v>1.05</v>
      </c>
      <c r="L26" s="146">
        <v>0.89</v>
      </c>
      <c r="M26" s="146">
        <v>0.56000000000000005</v>
      </c>
      <c r="N26" s="140">
        <v>0.45</v>
      </c>
      <c r="O26" s="140">
        <v>0.82</v>
      </c>
      <c r="P26" s="140">
        <v>1</v>
      </c>
      <c r="Q26" s="146">
        <v>1.03</v>
      </c>
      <c r="R26" s="146">
        <v>2.04</v>
      </c>
      <c r="S26" s="140">
        <v>0.98</v>
      </c>
      <c r="T26" s="140">
        <v>1.05</v>
      </c>
      <c r="U26" s="111">
        <v>1.05</v>
      </c>
      <c r="V26" s="111">
        <v>0.88</v>
      </c>
      <c r="W26" s="140">
        <v>1.07</v>
      </c>
      <c r="X26" s="146">
        <v>0.64</v>
      </c>
      <c r="Y26" s="111">
        <v>0.85</v>
      </c>
      <c r="Z26" s="111">
        <v>1.01</v>
      </c>
      <c r="AA26" s="111">
        <v>1.23</v>
      </c>
      <c r="AB26" s="140">
        <v>1.29</v>
      </c>
      <c r="AC26" s="140">
        <v>1.21</v>
      </c>
      <c r="AD26" s="111">
        <v>1.08</v>
      </c>
      <c r="AE26" s="140">
        <v>2.5499999999999998</v>
      </c>
      <c r="AF26" s="140">
        <v>2.36</v>
      </c>
      <c r="AG26" s="140">
        <v>2.34</v>
      </c>
      <c r="AH26" s="140">
        <v>3.7</v>
      </c>
      <c r="AI26" s="140">
        <v>3.23</v>
      </c>
      <c r="AJ26" s="140">
        <v>2.4700000000000002</v>
      </c>
      <c r="AK26" s="140">
        <v>1.43</v>
      </c>
      <c r="AL26" s="140">
        <v>0.67</v>
      </c>
      <c r="AM26" s="140">
        <v>1.23</v>
      </c>
      <c r="AN26" s="140">
        <v>0.69</v>
      </c>
      <c r="AO26" s="140">
        <v>0.93</v>
      </c>
      <c r="AP26" s="140">
        <v>1.73</v>
      </c>
      <c r="AQ26" s="73">
        <v>1.4</v>
      </c>
      <c r="AR26" s="140">
        <v>1.45</v>
      </c>
      <c r="AS26" s="140">
        <v>1.0900000000000001</v>
      </c>
      <c r="AT26" s="140">
        <v>1.21</v>
      </c>
      <c r="AU26" s="140">
        <v>1.29</v>
      </c>
      <c r="AV26" s="140">
        <v>1.52</v>
      </c>
      <c r="AW26" s="151">
        <v>1.56</v>
      </c>
      <c r="AX26" s="146">
        <v>1.43</v>
      </c>
      <c r="AY26" s="111">
        <v>0.85</v>
      </c>
      <c r="AZ26" s="111">
        <v>1.3</v>
      </c>
      <c r="BA26" s="111">
        <v>1.22</v>
      </c>
      <c r="BB26" s="150">
        <v>1.62</v>
      </c>
      <c r="BC26" s="111">
        <v>0.93</v>
      </c>
      <c r="BD26" s="111">
        <v>2.34</v>
      </c>
      <c r="BE26" s="210"/>
    </row>
    <row r="27" spans="3:57" x14ac:dyDescent="0.2">
      <c r="C27" s="157" t="s">
        <v>70</v>
      </c>
      <c r="D27" s="158" t="s">
        <v>58</v>
      </c>
      <c r="E27" s="146">
        <v>3.44</v>
      </c>
      <c r="F27" s="111">
        <v>1.85</v>
      </c>
      <c r="G27" s="111">
        <v>2.57</v>
      </c>
      <c r="H27" s="111">
        <v>1.78</v>
      </c>
      <c r="I27" s="111">
        <v>1.56</v>
      </c>
      <c r="J27" s="140">
        <v>1.57</v>
      </c>
      <c r="K27" s="140">
        <v>2.15</v>
      </c>
      <c r="L27" s="146">
        <v>2.48</v>
      </c>
      <c r="M27" s="146">
        <v>2.4</v>
      </c>
      <c r="N27" s="140">
        <v>2.97</v>
      </c>
      <c r="O27" s="140">
        <v>1.1299999999999999</v>
      </c>
      <c r="P27" s="140">
        <v>0.98</v>
      </c>
      <c r="Q27" s="146">
        <v>1.1299999999999999</v>
      </c>
      <c r="R27" s="146">
        <v>1.38</v>
      </c>
      <c r="S27" s="140">
        <v>1.17</v>
      </c>
      <c r="T27" s="140">
        <v>1.1000000000000001</v>
      </c>
      <c r="U27" s="111">
        <v>1.1100000000000001</v>
      </c>
      <c r="V27" s="111">
        <v>1.99</v>
      </c>
      <c r="W27" s="140">
        <v>2.2200000000000002</v>
      </c>
      <c r="X27" s="146">
        <v>1.8</v>
      </c>
      <c r="Y27" s="111">
        <v>2.65</v>
      </c>
      <c r="Z27" s="111">
        <v>3.17</v>
      </c>
      <c r="AA27" s="111">
        <v>2.79</v>
      </c>
      <c r="AB27" s="140">
        <v>1.72</v>
      </c>
      <c r="AC27" s="140">
        <v>2.57</v>
      </c>
      <c r="AD27" s="111">
        <v>3.33</v>
      </c>
      <c r="AE27" s="140">
        <v>2.0299999999999998</v>
      </c>
      <c r="AF27" s="140">
        <v>1.62</v>
      </c>
      <c r="AG27" s="140">
        <v>1.97</v>
      </c>
      <c r="AH27" s="140">
        <v>1.85</v>
      </c>
      <c r="AI27" s="140">
        <v>2.36</v>
      </c>
      <c r="AJ27" s="140">
        <v>2.29</v>
      </c>
      <c r="AK27" s="140">
        <v>2.2200000000000002</v>
      </c>
      <c r="AL27" s="140">
        <v>2.4700000000000002</v>
      </c>
      <c r="AM27" s="140">
        <v>2.14</v>
      </c>
      <c r="AN27" s="140">
        <v>1.76</v>
      </c>
      <c r="AO27" s="140">
        <v>1.57</v>
      </c>
      <c r="AP27" s="140">
        <v>1.61</v>
      </c>
      <c r="AQ27" s="73">
        <v>1.24</v>
      </c>
      <c r="AR27" s="140">
        <v>1.49</v>
      </c>
      <c r="AS27" s="140">
        <v>1.76</v>
      </c>
      <c r="AT27" s="140">
        <v>1.66</v>
      </c>
      <c r="AU27" s="140">
        <v>2.75</v>
      </c>
      <c r="AV27" s="140">
        <v>2.12</v>
      </c>
      <c r="AW27" s="151">
        <v>1.9</v>
      </c>
      <c r="AX27" s="146">
        <v>1.37</v>
      </c>
      <c r="AY27" s="111">
        <v>1.36</v>
      </c>
      <c r="AZ27" s="111">
        <v>1.93</v>
      </c>
      <c r="BA27" s="111">
        <v>1.93</v>
      </c>
      <c r="BB27" s="150">
        <v>2.6</v>
      </c>
      <c r="BC27" s="111">
        <v>2.0299999999999998</v>
      </c>
      <c r="BD27" s="111">
        <v>1.92</v>
      </c>
      <c r="BE27" s="210"/>
    </row>
    <row r="28" spans="3:57" x14ac:dyDescent="0.2">
      <c r="C28" s="157" t="s">
        <v>173</v>
      </c>
      <c r="D28" s="158" t="s">
        <v>58</v>
      </c>
      <c r="E28" s="146" t="s">
        <v>90</v>
      </c>
      <c r="F28" s="111">
        <v>2</v>
      </c>
      <c r="G28" s="111" t="s">
        <v>90</v>
      </c>
      <c r="H28" s="197" t="s">
        <v>90</v>
      </c>
      <c r="I28" s="197">
        <v>6.5</v>
      </c>
      <c r="J28" s="140">
        <v>6.63</v>
      </c>
      <c r="K28" s="140">
        <v>5.42</v>
      </c>
      <c r="L28" s="146">
        <v>5.75</v>
      </c>
      <c r="M28" s="146" t="s">
        <v>90</v>
      </c>
      <c r="N28" s="140">
        <v>8.09</v>
      </c>
      <c r="O28" s="140">
        <v>7.16</v>
      </c>
      <c r="P28" s="140">
        <v>4.7</v>
      </c>
      <c r="Q28" s="146">
        <v>4.18</v>
      </c>
      <c r="R28" s="146">
        <v>3.5</v>
      </c>
      <c r="S28" s="140" t="s">
        <v>90</v>
      </c>
      <c r="T28" s="140">
        <v>9.7799999999999994</v>
      </c>
      <c r="U28" s="111">
        <v>3.6</v>
      </c>
      <c r="V28" s="111" t="s">
        <v>90</v>
      </c>
      <c r="W28" s="140">
        <v>4.1399999999999997</v>
      </c>
      <c r="X28" s="146">
        <v>8.5500000000000007</v>
      </c>
      <c r="Y28" s="144">
        <v>9.0500000000000007</v>
      </c>
      <c r="Z28" s="144">
        <v>7.99</v>
      </c>
      <c r="AA28" s="144">
        <v>6.44</v>
      </c>
      <c r="AB28" s="140">
        <v>8.0500000000000007</v>
      </c>
      <c r="AC28" s="140">
        <v>4.97</v>
      </c>
      <c r="AD28" s="144">
        <v>3.43</v>
      </c>
      <c r="AE28" s="140">
        <v>3.21</v>
      </c>
      <c r="AF28" s="140">
        <v>3.08</v>
      </c>
      <c r="AG28" s="140">
        <v>3.69</v>
      </c>
      <c r="AH28" s="140">
        <v>2.85</v>
      </c>
      <c r="AI28" s="140">
        <v>2.72</v>
      </c>
      <c r="AJ28" s="140">
        <v>4.1100000000000003</v>
      </c>
      <c r="AK28" s="140">
        <v>2.7</v>
      </c>
      <c r="AL28" s="140">
        <v>2.54</v>
      </c>
      <c r="AM28" s="140">
        <v>2.78</v>
      </c>
      <c r="AN28" s="140">
        <v>4.08</v>
      </c>
      <c r="AO28" s="140">
        <v>4.59</v>
      </c>
      <c r="AP28" s="140">
        <v>6.07</v>
      </c>
      <c r="AQ28" s="93">
        <v>6.09</v>
      </c>
      <c r="AR28" s="140">
        <v>5.92</v>
      </c>
      <c r="AS28" s="140">
        <v>4.59</v>
      </c>
      <c r="AT28" s="140">
        <v>5.84</v>
      </c>
      <c r="AU28" s="140">
        <v>7.59</v>
      </c>
      <c r="AV28" s="140" t="s">
        <v>90</v>
      </c>
      <c r="AW28" s="152">
        <v>3.48</v>
      </c>
      <c r="AX28" s="161">
        <v>6.37</v>
      </c>
      <c r="AY28" s="144">
        <v>3.2</v>
      </c>
      <c r="AZ28" s="73">
        <v>1.25</v>
      </c>
      <c r="BA28" s="144" t="s">
        <v>90</v>
      </c>
      <c r="BB28" s="150">
        <v>1.5</v>
      </c>
      <c r="BC28" s="144">
        <v>7.66</v>
      </c>
      <c r="BD28" s="111">
        <v>2.0699999999999998</v>
      </c>
      <c r="BE28" s="210"/>
    </row>
    <row r="29" spans="3:57" x14ac:dyDescent="0.2">
      <c r="C29" s="157" t="s">
        <v>71</v>
      </c>
      <c r="D29" s="158" t="s">
        <v>58</v>
      </c>
      <c r="E29" s="146" t="s">
        <v>90</v>
      </c>
      <c r="F29" s="111" t="s">
        <v>90</v>
      </c>
      <c r="G29" s="111" t="s">
        <v>90</v>
      </c>
      <c r="H29" s="144" t="s">
        <v>90</v>
      </c>
      <c r="I29" s="144" t="s">
        <v>90</v>
      </c>
      <c r="J29" s="140" t="s">
        <v>90</v>
      </c>
      <c r="K29" s="140" t="s">
        <v>90</v>
      </c>
      <c r="L29" s="146" t="s">
        <v>90</v>
      </c>
      <c r="M29" s="146" t="s">
        <v>90</v>
      </c>
      <c r="N29" s="140" t="s">
        <v>90</v>
      </c>
      <c r="O29" s="140" t="s">
        <v>90</v>
      </c>
      <c r="P29" s="140" t="s">
        <v>90</v>
      </c>
      <c r="Q29" s="146" t="s">
        <v>90</v>
      </c>
      <c r="R29" s="146" t="s">
        <v>90</v>
      </c>
      <c r="S29" s="140" t="s">
        <v>90</v>
      </c>
      <c r="T29" s="140" t="s">
        <v>90</v>
      </c>
      <c r="U29" s="111" t="s">
        <v>90</v>
      </c>
      <c r="V29" s="111" t="s">
        <v>90</v>
      </c>
      <c r="W29" s="140" t="s">
        <v>90</v>
      </c>
      <c r="X29" s="146" t="s">
        <v>90</v>
      </c>
      <c r="Y29" s="144" t="s">
        <v>90</v>
      </c>
      <c r="Z29" s="144" t="s">
        <v>90</v>
      </c>
      <c r="AA29" s="144" t="s">
        <v>90</v>
      </c>
      <c r="AB29" s="140" t="s">
        <v>90</v>
      </c>
      <c r="AC29" s="140" t="s">
        <v>90</v>
      </c>
      <c r="AD29" s="144" t="s">
        <v>90</v>
      </c>
      <c r="AE29" s="140" t="s">
        <v>90</v>
      </c>
      <c r="AF29" s="140" t="s">
        <v>90</v>
      </c>
      <c r="AG29" s="140" t="s">
        <v>90</v>
      </c>
      <c r="AH29" s="140" t="s">
        <v>90</v>
      </c>
      <c r="AI29" s="140" t="s">
        <v>90</v>
      </c>
      <c r="AJ29" s="140" t="s">
        <v>90</v>
      </c>
      <c r="AK29" s="140" t="s">
        <v>90</v>
      </c>
      <c r="AL29" s="140" t="s">
        <v>90</v>
      </c>
      <c r="AM29" s="140" t="s">
        <v>90</v>
      </c>
      <c r="AN29" s="140" t="s">
        <v>90</v>
      </c>
      <c r="AO29" s="140" t="s">
        <v>90</v>
      </c>
      <c r="AP29" s="140" t="s">
        <v>90</v>
      </c>
      <c r="AQ29" s="93" t="s">
        <v>90</v>
      </c>
      <c r="AR29" s="140" t="s">
        <v>90</v>
      </c>
      <c r="AS29" s="140" t="s">
        <v>90</v>
      </c>
      <c r="AT29" s="140" t="s">
        <v>90</v>
      </c>
      <c r="AU29" s="140" t="s">
        <v>90</v>
      </c>
      <c r="AV29" s="140" t="s">
        <v>90</v>
      </c>
      <c r="AW29" s="152" t="s">
        <v>90</v>
      </c>
      <c r="AX29" s="146" t="s">
        <v>90</v>
      </c>
      <c r="AY29" s="144" t="s">
        <v>90</v>
      </c>
      <c r="AZ29" s="73" t="s">
        <v>90</v>
      </c>
      <c r="BA29" s="144" t="s">
        <v>90</v>
      </c>
      <c r="BB29" s="150" t="s">
        <v>90</v>
      </c>
      <c r="BC29" s="144" t="s">
        <v>90</v>
      </c>
      <c r="BD29" s="111" t="s">
        <v>90</v>
      </c>
      <c r="BE29" s="210"/>
    </row>
    <row r="30" spans="3:57" x14ac:dyDescent="0.2">
      <c r="C30" s="157" t="s">
        <v>102</v>
      </c>
      <c r="D30" s="158" t="s">
        <v>58</v>
      </c>
      <c r="E30" s="146" t="s">
        <v>90</v>
      </c>
      <c r="F30" s="111" t="s">
        <v>90</v>
      </c>
      <c r="G30" s="111" t="s">
        <v>90</v>
      </c>
      <c r="H30" s="111">
        <v>4.6399999999999997</v>
      </c>
      <c r="I30" s="111">
        <v>4.68</v>
      </c>
      <c r="J30" s="140">
        <v>4.84</v>
      </c>
      <c r="K30" s="140">
        <v>5.39</v>
      </c>
      <c r="L30" s="146">
        <v>5.58</v>
      </c>
      <c r="M30" s="146" t="s">
        <v>90</v>
      </c>
      <c r="N30" s="140" t="s">
        <v>90</v>
      </c>
      <c r="O30" s="140" t="s">
        <v>90</v>
      </c>
      <c r="P30" s="140" t="s">
        <v>90</v>
      </c>
      <c r="Q30" s="146">
        <v>5.55</v>
      </c>
      <c r="R30" s="146">
        <v>5.67</v>
      </c>
      <c r="S30" s="140">
        <v>5.1100000000000003</v>
      </c>
      <c r="T30" s="140" t="s">
        <v>90</v>
      </c>
      <c r="U30" s="111" t="s">
        <v>90</v>
      </c>
      <c r="V30" s="111" t="s">
        <v>90</v>
      </c>
      <c r="W30" s="140">
        <v>4.78</v>
      </c>
      <c r="X30" s="146">
        <v>4.6399999999999997</v>
      </c>
      <c r="Y30" s="111">
        <v>4.66</v>
      </c>
      <c r="Z30" s="111">
        <v>4.67</v>
      </c>
      <c r="AA30" s="111" t="s">
        <v>90</v>
      </c>
      <c r="AB30" s="140" t="s">
        <v>90</v>
      </c>
      <c r="AC30" s="140" t="s">
        <v>90</v>
      </c>
      <c r="AD30" s="111" t="s">
        <v>90</v>
      </c>
      <c r="AE30" s="140" t="s">
        <v>90</v>
      </c>
      <c r="AF30" s="140" t="s">
        <v>90</v>
      </c>
      <c r="AG30" s="140" t="s">
        <v>90</v>
      </c>
      <c r="AH30" s="140" t="s">
        <v>90</v>
      </c>
      <c r="AI30" s="140" t="s">
        <v>90</v>
      </c>
      <c r="AJ30" s="140" t="s">
        <v>90</v>
      </c>
      <c r="AK30" s="140" t="s">
        <v>90</v>
      </c>
      <c r="AL30" s="140" t="s">
        <v>90</v>
      </c>
      <c r="AM30" s="140" t="s">
        <v>90</v>
      </c>
      <c r="AN30" s="140" t="s">
        <v>90</v>
      </c>
      <c r="AO30" s="140" t="s">
        <v>90</v>
      </c>
      <c r="AP30" s="140" t="s">
        <v>90</v>
      </c>
      <c r="AQ30" s="73" t="s">
        <v>90</v>
      </c>
      <c r="AR30" s="140" t="s">
        <v>90</v>
      </c>
      <c r="AS30" s="140" t="s">
        <v>90</v>
      </c>
      <c r="AT30" s="140" t="s">
        <v>90</v>
      </c>
      <c r="AU30" s="140" t="s">
        <v>90</v>
      </c>
      <c r="AV30" s="140" t="s">
        <v>90</v>
      </c>
      <c r="AW30" s="152" t="s">
        <v>90</v>
      </c>
      <c r="AX30" s="146" t="s">
        <v>90</v>
      </c>
      <c r="AY30" s="111">
        <v>4.33</v>
      </c>
      <c r="AZ30" s="73">
        <v>4.3600000000000003</v>
      </c>
      <c r="BA30" s="111" t="s">
        <v>90</v>
      </c>
      <c r="BB30" s="150" t="s">
        <v>90</v>
      </c>
      <c r="BC30" s="111" t="s">
        <v>90</v>
      </c>
      <c r="BD30" s="111" t="s">
        <v>90</v>
      </c>
      <c r="BE30" s="210"/>
    </row>
    <row r="31" spans="3:57" x14ac:dyDescent="0.2">
      <c r="C31" s="157" t="s">
        <v>72</v>
      </c>
      <c r="D31" s="158" t="s">
        <v>58</v>
      </c>
      <c r="E31" s="146" t="s">
        <v>90</v>
      </c>
      <c r="F31" s="111" t="s">
        <v>90</v>
      </c>
      <c r="G31" s="111" t="s">
        <v>90</v>
      </c>
      <c r="H31" s="111" t="s">
        <v>90</v>
      </c>
      <c r="I31" s="111" t="s">
        <v>90</v>
      </c>
      <c r="J31" s="140" t="s">
        <v>90</v>
      </c>
      <c r="K31" s="140" t="s">
        <v>90</v>
      </c>
      <c r="L31" s="146" t="s">
        <v>90</v>
      </c>
      <c r="M31" s="146" t="s">
        <v>90</v>
      </c>
      <c r="N31" s="140" t="s">
        <v>90</v>
      </c>
      <c r="O31" s="140" t="s">
        <v>90</v>
      </c>
      <c r="P31" s="140" t="s">
        <v>90</v>
      </c>
      <c r="Q31" s="146" t="s">
        <v>90</v>
      </c>
      <c r="R31" s="146" t="s">
        <v>90</v>
      </c>
      <c r="S31" s="140" t="s">
        <v>90</v>
      </c>
      <c r="T31" s="140" t="s">
        <v>90</v>
      </c>
      <c r="U31" s="111" t="s">
        <v>90</v>
      </c>
      <c r="V31" s="111" t="s">
        <v>90</v>
      </c>
      <c r="W31" s="140" t="s">
        <v>90</v>
      </c>
      <c r="X31" s="146" t="s">
        <v>90</v>
      </c>
      <c r="Y31" s="111" t="s">
        <v>90</v>
      </c>
      <c r="Z31" s="111" t="s">
        <v>90</v>
      </c>
      <c r="AA31" s="111" t="s">
        <v>90</v>
      </c>
      <c r="AB31" s="140" t="s">
        <v>90</v>
      </c>
      <c r="AC31" s="140" t="s">
        <v>90</v>
      </c>
      <c r="AD31" s="111" t="s">
        <v>90</v>
      </c>
      <c r="AE31" s="140" t="s">
        <v>90</v>
      </c>
      <c r="AF31" s="140" t="s">
        <v>90</v>
      </c>
      <c r="AG31" s="140" t="s">
        <v>90</v>
      </c>
      <c r="AH31" s="140" t="s">
        <v>90</v>
      </c>
      <c r="AI31" s="140" t="s">
        <v>90</v>
      </c>
      <c r="AJ31" s="140" t="s">
        <v>90</v>
      </c>
      <c r="AK31" s="140" t="s">
        <v>90</v>
      </c>
      <c r="AL31" s="140" t="s">
        <v>90</v>
      </c>
      <c r="AM31" s="140" t="s">
        <v>90</v>
      </c>
      <c r="AN31" s="140" t="s">
        <v>90</v>
      </c>
      <c r="AO31" s="140" t="s">
        <v>90</v>
      </c>
      <c r="AP31" s="140" t="s">
        <v>90</v>
      </c>
      <c r="AQ31" s="73" t="s">
        <v>90</v>
      </c>
      <c r="AR31" s="140" t="s">
        <v>90</v>
      </c>
      <c r="AS31" s="140" t="s">
        <v>90</v>
      </c>
      <c r="AT31" s="140" t="s">
        <v>90</v>
      </c>
      <c r="AU31" s="140" t="s">
        <v>90</v>
      </c>
      <c r="AV31" s="140" t="s">
        <v>90</v>
      </c>
      <c r="AW31" s="151" t="s">
        <v>90</v>
      </c>
      <c r="AX31" s="146" t="s">
        <v>90</v>
      </c>
      <c r="AY31" s="111" t="s">
        <v>90</v>
      </c>
      <c r="AZ31" s="73" t="s">
        <v>90</v>
      </c>
      <c r="BA31" s="111" t="s">
        <v>90</v>
      </c>
      <c r="BB31" s="150" t="s">
        <v>90</v>
      </c>
      <c r="BC31" s="111" t="s">
        <v>90</v>
      </c>
      <c r="BD31" s="111" t="s">
        <v>90</v>
      </c>
      <c r="BE31" s="210"/>
    </row>
    <row r="32" spans="3:57" x14ac:dyDescent="0.2">
      <c r="C32" s="157" t="s">
        <v>136</v>
      </c>
      <c r="D32" s="158" t="s">
        <v>58</v>
      </c>
      <c r="E32" s="146">
        <v>2.78</v>
      </c>
      <c r="F32" s="111">
        <v>2.92</v>
      </c>
      <c r="G32" s="111">
        <v>3.59</v>
      </c>
      <c r="H32" s="144">
        <v>4.58</v>
      </c>
      <c r="I32" s="144">
        <v>3.04</v>
      </c>
      <c r="J32" s="140">
        <v>4.42</v>
      </c>
      <c r="K32" s="140">
        <v>4.3099999999999996</v>
      </c>
      <c r="L32" s="146">
        <v>3.42</v>
      </c>
      <c r="M32" s="146">
        <v>4.8600000000000003</v>
      </c>
      <c r="N32" s="140">
        <v>4.7699999999999996</v>
      </c>
      <c r="O32" s="140">
        <v>5.07</v>
      </c>
      <c r="P32" s="140">
        <v>4.43</v>
      </c>
      <c r="Q32" s="146">
        <v>4.99</v>
      </c>
      <c r="R32" s="146">
        <v>4.51</v>
      </c>
      <c r="S32" s="140">
        <v>5.86</v>
      </c>
      <c r="T32" s="140">
        <v>6.22</v>
      </c>
      <c r="U32" s="111">
        <v>4.17</v>
      </c>
      <c r="V32" s="111" t="s">
        <v>90</v>
      </c>
      <c r="W32" s="140" t="s">
        <v>90</v>
      </c>
      <c r="X32" s="146" t="s">
        <v>90</v>
      </c>
      <c r="Y32" s="144" t="s">
        <v>90</v>
      </c>
      <c r="Z32" s="111">
        <v>4.84</v>
      </c>
      <c r="AA32" s="144">
        <v>4.41</v>
      </c>
      <c r="AB32" s="140">
        <v>3.91</v>
      </c>
      <c r="AC32" s="140">
        <v>6.06</v>
      </c>
      <c r="AD32" s="144">
        <v>4.38</v>
      </c>
      <c r="AE32" s="140">
        <v>6.06</v>
      </c>
      <c r="AF32" s="140">
        <v>6.05</v>
      </c>
      <c r="AG32" s="140">
        <v>3.56</v>
      </c>
      <c r="AH32" s="140">
        <v>3.21</v>
      </c>
      <c r="AI32" s="140">
        <v>3.44</v>
      </c>
      <c r="AJ32" s="140">
        <v>4.04</v>
      </c>
      <c r="AK32" s="140">
        <v>3.59</v>
      </c>
      <c r="AL32" s="140">
        <v>3.19</v>
      </c>
      <c r="AM32" s="140">
        <v>3.1</v>
      </c>
      <c r="AN32" s="140">
        <v>2.91</v>
      </c>
      <c r="AO32" s="140">
        <v>3.31</v>
      </c>
      <c r="AP32" s="140">
        <v>3.31</v>
      </c>
      <c r="AQ32" s="93">
        <v>3.21</v>
      </c>
      <c r="AR32" s="140">
        <v>3.37</v>
      </c>
      <c r="AS32" s="140">
        <v>3.67</v>
      </c>
      <c r="AT32" s="140">
        <v>4.12</v>
      </c>
      <c r="AU32" s="140">
        <v>4.99</v>
      </c>
      <c r="AV32" s="140">
        <v>3.56</v>
      </c>
      <c r="AW32" s="152">
        <v>4.18</v>
      </c>
      <c r="AX32" s="146">
        <v>3.86</v>
      </c>
      <c r="AY32" s="144">
        <v>3.73</v>
      </c>
      <c r="AZ32" s="111">
        <v>4.08</v>
      </c>
      <c r="BA32" s="144">
        <v>6.7</v>
      </c>
      <c r="BB32" s="150">
        <v>6.02</v>
      </c>
      <c r="BC32" s="144">
        <v>4.1399999999999997</v>
      </c>
      <c r="BD32" s="111">
        <v>4.21</v>
      </c>
      <c r="BE32" s="210"/>
    </row>
    <row r="33" spans="3:57" x14ac:dyDescent="0.2">
      <c r="C33" s="157" t="s">
        <v>74</v>
      </c>
      <c r="D33" s="158" t="s">
        <v>58</v>
      </c>
      <c r="E33" s="146" t="s">
        <v>90</v>
      </c>
      <c r="F33" s="111" t="s">
        <v>90</v>
      </c>
      <c r="G33" s="111" t="s">
        <v>90</v>
      </c>
      <c r="H33" s="144" t="s">
        <v>90</v>
      </c>
      <c r="I33" s="144" t="s">
        <v>90</v>
      </c>
      <c r="J33" s="140" t="s">
        <v>90</v>
      </c>
      <c r="K33" s="140" t="s">
        <v>90</v>
      </c>
      <c r="L33" s="146" t="s">
        <v>90</v>
      </c>
      <c r="M33" s="146" t="s">
        <v>90</v>
      </c>
      <c r="N33" s="140" t="s">
        <v>90</v>
      </c>
      <c r="O33" s="140" t="s">
        <v>90</v>
      </c>
      <c r="P33" s="140" t="s">
        <v>90</v>
      </c>
      <c r="Q33" s="146" t="s">
        <v>90</v>
      </c>
      <c r="R33" s="146" t="s">
        <v>90</v>
      </c>
      <c r="S33" s="140" t="s">
        <v>90</v>
      </c>
      <c r="T33" s="140" t="s">
        <v>90</v>
      </c>
      <c r="U33" s="111" t="s">
        <v>90</v>
      </c>
      <c r="V33" s="111" t="s">
        <v>90</v>
      </c>
      <c r="W33" s="140" t="s">
        <v>90</v>
      </c>
      <c r="X33" s="146" t="s">
        <v>90</v>
      </c>
      <c r="Y33" s="111" t="s">
        <v>90</v>
      </c>
      <c r="Z33" s="146" t="s">
        <v>90</v>
      </c>
      <c r="AA33" s="111" t="s">
        <v>90</v>
      </c>
      <c r="AB33" s="140" t="s">
        <v>90</v>
      </c>
      <c r="AC33" s="140" t="s">
        <v>90</v>
      </c>
      <c r="AD33" s="111" t="s">
        <v>90</v>
      </c>
      <c r="AE33" s="140" t="s">
        <v>90</v>
      </c>
      <c r="AF33" s="203" t="s">
        <v>90</v>
      </c>
      <c r="AG33" s="140" t="s">
        <v>90</v>
      </c>
      <c r="AH33" s="140" t="s">
        <v>90</v>
      </c>
      <c r="AI33" s="140" t="s">
        <v>90</v>
      </c>
      <c r="AJ33" s="140" t="s">
        <v>90</v>
      </c>
      <c r="AK33" s="140" t="s">
        <v>90</v>
      </c>
      <c r="AL33" s="140" t="s">
        <v>90</v>
      </c>
      <c r="AM33" s="140" t="s">
        <v>90</v>
      </c>
      <c r="AN33" s="140" t="s">
        <v>90</v>
      </c>
      <c r="AO33" s="140" t="s">
        <v>90</v>
      </c>
      <c r="AP33" s="140" t="s">
        <v>90</v>
      </c>
      <c r="AQ33" s="93" t="s">
        <v>90</v>
      </c>
      <c r="AR33" s="140" t="s">
        <v>90</v>
      </c>
      <c r="AS33" s="140" t="s">
        <v>90</v>
      </c>
      <c r="AT33" s="140" t="s">
        <v>90</v>
      </c>
      <c r="AU33" s="140" t="s">
        <v>90</v>
      </c>
      <c r="AV33" s="140" t="s">
        <v>90</v>
      </c>
      <c r="AW33" s="152" t="s">
        <v>90</v>
      </c>
      <c r="AX33" s="146" t="s">
        <v>90</v>
      </c>
      <c r="AY33" s="144" t="s">
        <v>90</v>
      </c>
      <c r="AZ33" s="73" t="s">
        <v>90</v>
      </c>
      <c r="BA33" s="144" t="s">
        <v>90</v>
      </c>
      <c r="BB33" s="150" t="s">
        <v>90</v>
      </c>
      <c r="BC33" s="144" t="s">
        <v>90</v>
      </c>
      <c r="BD33" s="111" t="s">
        <v>90</v>
      </c>
      <c r="BE33" s="210"/>
    </row>
    <row r="34" spans="3:57" x14ac:dyDescent="0.2">
      <c r="C34" s="126" t="s">
        <v>172</v>
      </c>
      <c r="D34" s="158" t="s">
        <v>58</v>
      </c>
      <c r="E34" s="146">
        <v>0.41609999999999997</v>
      </c>
      <c r="F34" s="111">
        <v>0.4178</v>
      </c>
      <c r="G34" s="111">
        <v>0.4083</v>
      </c>
      <c r="H34" s="111">
        <v>0.41299999999999998</v>
      </c>
      <c r="I34" s="111">
        <v>0.39630000000000004</v>
      </c>
      <c r="J34" s="140">
        <v>0.40049999999999997</v>
      </c>
      <c r="K34" s="140">
        <v>0.39880000000000004</v>
      </c>
      <c r="L34" s="146">
        <v>0.39950000000000002</v>
      </c>
      <c r="M34" s="146">
        <v>0.43819999999999998</v>
      </c>
      <c r="N34" s="140">
        <v>0.49369999999999997</v>
      </c>
      <c r="O34" s="140">
        <v>0.56359999999999999</v>
      </c>
      <c r="P34" s="140">
        <v>0.64029999999999998</v>
      </c>
      <c r="Q34" s="198">
        <v>0.62979999999999992</v>
      </c>
      <c r="R34" s="198">
        <v>0.65629999999999999</v>
      </c>
      <c r="S34" s="140">
        <v>0.69059999999999999</v>
      </c>
      <c r="T34" s="140">
        <v>0.71860000000000002</v>
      </c>
      <c r="U34" s="199">
        <v>0.71040000000000003</v>
      </c>
      <c r="V34" s="201">
        <v>0.69469999999999998</v>
      </c>
      <c r="W34" s="140">
        <v>0.67510000000000003</v>
      </c>
      <c r="X34" s="146">
        <v>0.63060000000000005</v>
      </c>
      <c r="Y34" s="146">
        <v>0.63200000000000001</v>
      </c>
      <c r="Z34" s="146">
        <v>0.63539999999999996</v>
      </c>
      <c r="AA34" s="146">
        <v>0.63200000000000001</v>
      </c>
      <c r="AB34" s="140">
        <v>0.59439999999999993</v>
      </c>
      <c r="AC34" s="140">
        <v>0.55049999999999999</v>
      </c>
      <c r="AD34" s="146">
        <v>0.48969999999999997</v>
      </c>
      <c r="AE34" s="140">
        <v>0.46039999999999998</v>
      </c>
      <c r="AF34" s="140">
        <v>0.41470000000000001</v>
      </c>
      <c r="AG34" s="140">
        <v>0.38100000000000001</v>
      </c>
      <c r="AH34" s="140">
        <v>0.34499999999999997</v>
      </c>
      <c r="AI34" s="140">
        <v>0.3256</v>
      </c>
      <c r="AJ34" s="140">
        <v>0.32819999999999999</v>
      </c>
      <c r="AK34" s="140">
        <v>0.31780000000000003</v>
      </c>
      <c r="AL34" s="140">
        <v>0.32500000000000001</v>
      </c>
      <c r="AM34" s="140">
        <v>0.3357</v>
      </c>
      <c r="AN34" s="140">
        <v>0.33779999999999999</v>
      </c>
      <c r="AO34" s="140">
        <v>0.34020000000000006</v>
      </c>
      <c r="AP34" s="207">
        <v>0.36899999999999999</v>
      </c>
      <c r="AQ34" s="208">
        <v>0.36520000000000002</v>
      </c>
      <c r="AR34" s="194">
        <v>0.3392</v>
      </c>
      <c r="AS34" s="140">
        <v>0.31090000000000001</v>
      </c>
      <c r="AT34" s="140">
        <v>0.34939999999999999</v>
      </c>
      <c r="AU34" s="140">
        <v>0.34460000000000002</v>
      </c>
      <c r="AV34" s="140">
        <v>0.32819999999999999</v>
      </c>
      <c r="AW34" s="150">
        <v>0.31140000000000001</v>
      </c>
      <c r="AX34" s="146">
        <v>0.316</v>
      </c>
      <c r="AY34" s="144">
        <v>0.33159999999999995</v>
      </c>
      <c r="AZ34" s="150">
        <v>0.33100000000000002</v>
      </c>
      <c r="BA34" s="144">
        <v>0.34840000000000004</v>
      </c>
      <c r="BB34" s="150">
        <v>0.37270000000000003</v>
      </c>
      <c r="BC34" s="150">
        <v>0.3826</v>
      </c>
      <c r="BD34" s="150">
        <v>0.40079999999999999</v>
      </c>
      <c r="BE34" s="210"/>
    </row>
    <row r="35" spans="3:57" x14ac:dyDescent="0.2">
      <c r="C35" s="126" t="s">
        <v>190</v>
      </c>
      <c r="D35" s="158" t="s">
        <v>58</v>
      </c>
      <c r="E35" s="146">
        <v>0.53320000000000001</v>
      </c>
      <c r="F35" s="111">
        <v>0.53689999999999993</v>
      </c>
      <c r="G35" s="111">
        <v>0.53239999999999998</v>
      </c>
      <c r="H35" s="111">
        <v>0.55720000000000003</v>
      </c>
      <c r="I35" s="111">
        <v>0.58840000000000003</v>
      </c>
      <c r="J35" s="140">
        <v>0.66049999999999998</v>
      </c>
      <c r="K35" s="140">
        <v>0.66439999999999999</v>
      </c>
      <c r="L35" s="146">
        <v>0.68830000000000002</v>
      </c>
      <c r="M35" s="146">
        <v>0.67290000000000005</v>
      </c>
      <c r="N35" s="140">
        <v>0.66180000000000005</v>
      </c>
      <c r="O35" s="140">
        <v>0.59760000000000002</v>
      </c>
      <c r="P35" s="140">
        <v>0.54959999999999998</v>
      </c>
      <c r="Q35" s="146">
        <v>0.52900000000000003</v>
      </c>
      <c r="R35" s="146">
        <v>0.49659999999999999</v>
      </c>
      <c r="S35" s="140">
        <v>0.51849999999999996</v>
      </c>
      <c r="T35" s="140">
        <v>0.52629999999999999</v>
      </c>
      <c r="U35" s="200">
        <v>0.52429999999999999</v>
      </c>
      <c r="V35" s="150">
        <v>0.50029999999999997</v>
      </c>
      <c r="W35" s="140">
        <v>0.54830000000000001</v>
      </c>
      <c r="X35" s="146">
        <v>0.58130000000000004</v>
      </c>
      <c r="Y35" s="146">
        <v>0.58320000000000005</v>
      </c>
      <c r="Z35" s="146">
        <v>0.61450000000000005</v>
      </c>
      <c r="AA35" s="146">
        <v>0.66810000000000003</v>
      </c>
      <c r="AB35" s="140">
        <v>0.77379999999999993</v>
      </c>
      <c r="AC35" s="140">
        <v>0.87849999999999995</v>
      </c>
      <c r="AD35" s="146">
        <v>0.95819999999999994</v>
      </c>
      <c r="AE35" s="140">
        <v>1.0432999999999999</v>
      </c>
      <c r="AF35" s="140">
        <v>1.1838</v>
      </c>
      <c r="AG35" s="140">
        <v>1.3585</v>
      </c>
      <c r="AH35" s="140">
        <v>1.3644000000000001</v>
      </c>
      <c r="AI35" s="140">
        <v>1.2097</v>
      </c>
      <c r="AJ35" s="140">
        <v>1.0689</v>
      </c>
      <c r="AK35" s="140">
        <v>1.0784</v>
      </c>
      <c r="AL35" s="140">
        <v>1.0561</v>
      </c>
      <c r="AM35" s="140">
        <v>1.0632999999999999</v>
      </c>
      <c r="AN35" s="140">
        <v>1.1137999999999999</v>
      </c>
      <c r="AO35" s="140">
        <v>1.1443000000000001</v>
      </c>
      <c r="AP35" s="207">
        <v>1.1137000000000001</v>
      </c>
      <c r="AQ35" s="208">
        <v>1.1468</v>
      </c>
      <c r="AR35" s="194">
        <v>1.1797</v>
      </c>
      <c r="AS35" s="140">
        <v>1.1337000000000002</v>
      </c>
      <c r="AT35" s="140">
        <v>1.0011000000000001</v>
      </c>
      <c r="AU35" s="140">
        <v>0.96819999999999995</v>
      </c>
      <c r="AV35" s="140">
        <v>0.89419999999999999</v>
      </c>
      <c r="AW35" s="150">
        <v>0.81969999999999998</v>
      </c>
      <c r="AX35" s="146">
        <v>0.71819999999999995</v>
      </c>
      <c r="AY35" s="111">
        <v>0.69840000000000002</v>
      </c>
      <c r="AZ35" s="150">
        <v>0.70819999999999994</v>
      </c>
      <c r="BA35" s="111">
        <v>0.66579999999999995</v>
      </c>
      <c r="BB35" s="150">
        <v>0.62460000000000004</v>
      </c>
      <c r="BC35" s="150">
        <v>0.59119999999999995</v>
      </c>
      <c r="BD35" s="150">
        <v>0.59079999999999999</v>
      </c>
      <c r="BE35" s="210"/>
    </row>
    <row r="36" spans="3:57" x14ac:dyDescent="0.2">
      <c r="C36" s="126" t="s">
        <v>184</v>
      </c>
      <c r="D36" s="158" t="s">
        <v>58</v>
      </c>
      <c r="E36" s="146">
        <v>0.72209999999999996</v>
      </c>
      <c r="F36" s="111">
        <v>0.49479999999999996</v>
      </c>
      <c r="G36" s="111">
        <v>0.6855</v>
      </c>
      <c r="H36" s="111">
        <v>0.67510000000000003</v>
      </c>
      <c r="I36" s="111">
        <v>0.7793000000000001</v>
      </c>
      <c r="J36" s="140">
        <v>0.88930000000000009</v>
      </c>
      <c r="K36" s="140">
        <v>0.93049999999999999</v>
      </c>
      <c r="L36" s="146">
        <v>0.62460000000000004</v>
      </c>
      <c r="M36" s="146">
        <v>0.72430000000000005</v>
      </c>
      <c r="N36" s="140">
        <v>0.75590000000000002</v>
      </c>
      <c r="O36" s="140">
        <v>0.34399999999999997</v>
      </c>
      <c r="P36" s="140">
        <v>0.2888</v>
      </c>
      <c r="Q36" s="146">
        <v>0.22649999999999998</v>
      </c>
      <c r="R36" s="146">
        <v>0.21109999999999998</v>
      </c>
      <c r="S36" s="140">
        <v>0.20559999999999998</v>
      </c>
      <c r="T36" s="140">
        <v>0.21710000000000002</v>
      </c>
      <c r="U36" s="200">
        <v>0.21280000000000002</v>
      </c>
      <c r="V36" s="150">
        <v>0.22390000000000002</v>
      </c>
      <c r="W36" s="140">
        <v>0.34470000000000001</v>
      </c>
      <c r="X36" s="146">
        <v>0.48899999999999999</v>
      </c>
      <c r="Y36" s="146">
        <v>0.66189999999999993</v>
      </c>
      <c r="Z36" s="146">
        <v>0.4844</v>
      </c>
      <c r="AA36" s="146">
        <v>0.41229999999999994</v>
      </c>
      <c r="AB36" s="140">
        <v>0.20910000000000001</v>
      </c>
      <c r="AC36" s="140">
        <v>0.13489999999999999</v>
      </c>
      <c r="AD36" s="146">
        <v>0.16769999999999999</v>
      </c>
      <c r="AE36" s="140">
        <v>0.22920000000000001</v>
      </c>
      <c r="AF36" s="140">
        <v>0.33600000000000002</v>
      </c>
      <c r="AG36" s="140">
        <v>0.47649999999999998</v>
      </c>
      <c r="AH36" s="140">
        <v>0.46929999999999999</v>
      </c>
      <c r="AI36" s="140">
        <v>0.49020000000000002</v>
      </c>
      <c r="AJ36" s="140">
        <v>0.53500000000000003</v>
      </c>
      <c r="AK36" s="140">
        <v>0.63979999999999992</v>
      </c>
      <c r="AL36" s="140">
        <v>0.63759999999999994</v>
      </c>
      <c r="AM36" s="140">
        <v>0.58950000000000002</v>
      </c>
      <c r="AN36" s="140">
        <v>0.64629999999999999</v>
      </c>
      <c r="AO36" s="140">
        <v>0.57069999999999999</v>
      </c>
      <c r="AP36" s="207">
        <v>0.32939999999999997</v>
      </c>
      <c r="AQ36" s="208">
        <v>0.23519999999999999</v>
      </c>
      <c r="AR36" s="194">
        <v>0.2238</v>
      </c>
      <c r="AS36" s="140">
        <v>0.29980000000000001</v>
      </c>
      <c r="AT36" s="140">
        <v>0.34130000000000005</v>
      </c>
      <c r="AU36" s="140">
        <v>0.51369999999999993</v>
      </c>
      <c r="AV36" s="140">
        <v>0.62209999999999999</v>
      </c>
      <c r="AW36" s="150">
        <v>0.66659999999999997</v>
      </c>
      <c r="AX36" s="146">
        <v>0.57340000000000002</v>
      </c>
      <c r="AY36" s="111">
        <v>0.56759999999999999</v>
      </c>
      <c r="AZ36" s="150">
        <v>0.6431</v>
      </c>
      <c r="BA36" s="111">
        <v>0.68879999999999997</v>
      </c>
      <c r="BB36" s="150">
        <v>0.87670000000000003</v>
      </c>
      <c r="BC36" s="150">
        <v>0.99010000000000009</v>
      </c>
      <c r="BD36" s="150">
        <v>0.91720000000000002</v>
      </c>
      <c r="BE36" s="210"/>
    </row>
    <row r="37" spans="3:57" x14ac:dyDescent="0.2">
      <c r="C37" s="126" t="s">
        <v>122</v>
      </c>
      <c r="D37" s="158" t="s">
        <v>58</v>
      </c>
      <c r="E37" s="146">
        <v>0.39909999999999995</v>
      </c>
      <c r="F37" s="111">
        <v>0.40810000000000002</v>
      </c>
      <c r="G37" s="111">
        <v>0.41299999999999998</v>
      </c>
      <c r="H37" s="111">
        <v>0.42170000000000002</v>
      </c>
      <c r="I37" s="111">
        <v>0.52429999999999999</v>
      </c>
      <c r="J37" s="140">
        <v>0.58879999999999999</v>
      </c>
      <c r="K37" s="140">
        <v>0.60329999999999995</v>
      </c>
      <c r="L37" s="146">
        <v>0.60329999999999995</v>
      </c>
      <c r="M37" s="146">
        <v>0.62190000000000001</v>
      </c>
      <c r="N37" s="140">
        <v>0.64049999999999996</v>
      </c>
      <c r="O37" s="140">
        <v>0.64080000000000004</v>
      </c>
      <c r="P37" s="140">
        <v>0.69310000000000005</v>
      </c>
      <c r="Q37" s="146">
        <v>0.69279999999999997</v>
      </c>
      <c r="R37" s="146">
        <v>0.75260000000000005</v>
      </c>
      <c r="S37" s="140">
        <v>0.73530000000000006</v>
      </c>
      <c r="T37" s="140">
        <v>0.7712</v>
      </c>
      <c r="U37" s="200">
        <v>0.67030000000000001</v>
      </c>
      <c r="V37" s="150">
        <v>0.59799999999999998</v>
      </c>
      <c r="W37" s="140">
        <v>0.50429999999999997</v>
      </c>
      <c r="X37" s="146">
        <v>0.49709999999999999</v>
      </c>
      <c r="Y37" s="146">
        <v>0.50130000000000008</v>
      </c>
      <c r="Z37" s="146">
        <v>0.50979999999999992</v>
      </c>
      <c r="AA37" s="146">
        <v>0.51539999999999997</v>
      </c>
      <c r="AB37" s="140">
        <v>0.51249999999999996</v>
      </c>
      <c r="AC37" s="140">
        <v>0.46799999999999997</v>
      </c>
      <c r="AD37" s="146">
        <v>0.45179999999999998</v>
      </c>
      <c r="AE37" s="140">
        <v>0.43630000000000002</v>
      </c>
      <c r="AF37" s="140">
        <v>0.43540000000000001</v>
      </c>
      <c r="AG37" s="140">
        <v>0.40810000000000002</v>
      </c>
      <c r="AH37" s="140">
        <v>0.46259999999999996</v>
      </c>
      <c r="AI37" s="140">
        <v>0.45549999999999996</v>
      </c>
      <c r="AJ37" s="140">
        <v>0.4556</v>
      </c>
      <c r="AK37" s="140">
        <v>0.45479999999999998</v>
      </c>
      <c r="AL37" s="140">
        <v>0.45369999999999999</v>
      </c>
      <c r="AM37" s="140">
        <v>0.45979999999999999</v>
      </c>
      <c r="AN37" s="140">
        <v>0.42719999999999997</v>
      </c>
      <c r="AO37" s="140">
        <v>0.42770000000000002</v>
      </c>
      <c r="AP37" s="207">
        <v>0.42899999999999999</v>
      </c>
      <c r="AQ37" s="208">
        <v>0.43030000000000002</v>
      </c>
      <c r="AR37" s="194">
        <v>0.41149999999999998</v>
      </c>
      <c r="AS37" s="140">
        <v>0.40850000000000003</v>
      </c>
      <c r="AT37" s="140">
        <v>0.40240000000000004</v>
      </c>
      <c r="AU37" s="140">
        <v>0.41200000000000003</v>
      </c>
      <c r="AV37" s="140">
        <v>0.38350000000000001</v>
      </c>
      <c r="AW37" s="150">
        <v>0.38969999999999999</v>
      </c>
      <c r="AX37" s="146">
        <v>0.38569999999999999</v>
      </c>
      <c r="AY37" s="111">
        <v>0.37359999999999999</v>
      </c>
      <c r="AZ37" s="150">
        <v>0.39329999999999998</v>
      </c>
      <c r="BA37" s="111">
        <v>0.41220000000000001</v>
      </c>
      <c r="BB37" s="150">
        <v>0.43140000000000001</v>
      </c>
      <c r="BC37" s="150">
        <v>0.46310000000000001</v>
      </c>
      <c r="BD37" s="150">
        <v>0.4854</v>
      </c>
      <c r="BE37" s="210"/>
    </row>
    <row r="38" spans="3:57" x14ac:dyDescent="0.2">
      <c r="C38" s="126" t="s">
        <v>82</v>
      </c>
      <c r="D38" s="158" t="s">
        <v>58</v>
      </c>
      <c r="E38" s="146">
        <v>3.2662</v>
      </c>
      <c r="F38" s="111">
        <v>3.8948</v>
      </c>
      <c r="G38" s="111">
        <v>3.8838999999999997</v>
      </c>
      <c r="H38" s="111">
        <v>3.8513000000000002</v>
      </c>
      <c r="I38" s="111">
        <v>3.9873000000000003</v>
      </c>
      <c r="J38" s="140">
        <v>4.0278999999999998</v>
      </c>
      <c r="K38" s="140">
        <v>4.1185999999999998</v>
      </c>
      <c r="L38" s="146">
        <v>3.1318000000000001</v>
      </c>
      <c r="M38" s="146">
        <v>3.2056999999999998</v>
      </c>
      <c r="N38" s="140">
        <v>3.3569</v>
      </c>
      <c r="O38" s="140">
        <v>2.4691000000000001</v>
      </c>
      <c r="P38" s="140">
        <v>2.1025999999999998</v>
      </c>
      <c r="Q38" s="146">
        <v>1.9306000000000001</v>
      </c>
      <c r="R38" s="146">
        <v>1.5652999999999999</v>
      </c>
      <c r="S38" s="140">
        <v>1.6943999999999999</v>
      </c>
      <c r="T38" s="140">
        <v>1.8559000000000001</v>
      </c>
      <c r="U38" s="200">
        <v>1.7416</v>
      </c>
      <c r="V38" s="150">
        <v>1.609</v>
      </c>
      <c r="W38" s="140">
        <v>1.5826</v>
      </c>
      <c r="X38" s="146">
        <v>1.538</v>
      </c>
      <c r="Y38" s="146">
        <v>1.6881999999999999</v>
      </c>
      <c r="Z38" s="146">
        <v>1.8944000000000001</v>
      </c>
      <c r="AA38" s="146">
        <v>1.9518</v>
      </c>
      <c r="AB38" s="140">
        <v>1.8028</v>
      </c>
      <c r="AC38" s="140">
        <v>1.6130000000000002</v>
      </c>
      <c r="AD38" s="146">
        <v>1.3935</v>
      </c>
      <c r="AE38" s="140">
        <v>1.5652000000000001</v>
      </c>
      <c r="AF38" s="140">
        <v>1.8052999999999999</v>
      </c>
      <c r="AG38" s="140">
        <v>2.0074999999999998</v>
      </c>
      <c r="AH38" s="140">
        <v>2.2111000000000001</v>
      </c>
      <c r="AI38" s="140">
        <v>2.0221999999999998</v>
      </c>
      <c r="AJ38" s="140">
        <v>2.0236999999999998</v>
      </c>
      <c r="AK38" s="140">
        <v>1.7934000000000001</v>
      </c>
      <c r="AL38" s="140">
        <v>1.8143</v>
      </c>
      <c r="AM38" s="140">
        <v>1.8662999999999998</v>
      </c>
      <c r="AN38" s="140">
        <v>1.8899000000000001</v>
      </c>
      <c r="AO38" s="140">
        <v>1.9750999999999999</v>
      </c>
      <c r="AP38" s="207">
        <v>2.4834999999999998</v>
      </c>
      <c r="AQ38" s="208">
        <v>2.4020999999999999</v>
      </c>
      <c r="AR38" s="194">
        <v>1.597</v>
      </c>
      <c r="AS38" s="140">
        <v>1.4755</v>
      </c>
      <c r="AT38" s="140">
        <v>1.5694999999999999</v>
      </c>
      <c r="AU38" s="140">
        <v>2.4946999999999999</v>
      </c>
      <c r="AV38" s="140">
        <v>2.6948000000000003</v>
      </c>
      <c r="AW38" s="150">
        <v>2.8092999999999999</v>
      </c>
      <c r="AX38" s="146">
        <v>2.1680000000000001</v>
      </c>
      <c r="AY38" s="153">
        <v>1.756</v>
      </c>
      <c r="AZ38" s="150">
        <v>1.7958000000000001</v>
      </c>
      <c r="BA38" s="153">
        <v>1.8899000000000001</v>
      </c>
      <c r="BB38" s="150">
        <v>1.7699</v>
      </c>
      <c r="BC38" s="150">
        <v>2.0651999999999999</v>
      </c>
      <c r="BD38" s="150">
        <v>2.0897999999999999</v>
      </c>
      <c r="BE38" s="210"/>
    </row>
    <row r="39" spans="3:57" x14ac:dyDescent="0.2">
      <c r="C39" s="126" t="s">
        <v>84</v>
      </c>
      <c r="D39" s="158" t="s">
        <v>85</v>
      </c>
      <c r="E39" s="146">
        <v>0.22190000000000001</v>
      </c>
      <c r="F39" s="111">
        <v>0.21390000000000001</v>
      </c>
      <c r="G39" s="111">
        <v>0.2339</v>
      </c>
      <c r="H39" s="111">
        <v>0.2752</v>
      </c>
      <c r="I39" s="111">
        <v>0.3256</v>
      </c>
      <c r="J39" s="140">
        <v>0.34210000000000002</v>
      </c>
      <c r="K39" s="140">
        <v>0.36820000000000003</v>
      </c>
      <c r="L39" s="146">
        <v>0.38919999999999999</v>
      </c>
      <c r="M39" s="146">
        <v>0.374</v>
      </c>
      <c r="N39" s="140">
        <v>0.38939999999999997</v>
      </c>
      <c r="O39" s="140">
        <v>0.36780000000000002</v>
      </c>
      <c r="P39" s="140">
        <v>0.35249999999999998</v>
      </c>
      <c r="Q39" s="146">
        <v>0.33779999999999999</v>
      </c>
      <c r="R39" s="146">
        <v>0.33899999999999997</v>
      </c>
      <c r="S39" s="140">
        <v>0.2777</v>
      </c>
      <c r="T39" s="140">
        <v>0.34020000000000006</v>
      </c>
      <c r="U39" s="200">
        <v>0.31290000000000001</v>
      </c>
      <c r="V39" s="150">
        <v>0.29670000000000002</v>
      </c>
      <c r="W39" s="140">
        <v>0.32850000000000001</v>
      </c>
      <c r="X39" s="146">
        <v>0.29549999999999998</v>
      </c>
      <c r="Y39" s="146">
        <v>0.28850000000000003</v>
      </c>
      <c r="Z39" s="146">
        <v>0.30549999999999999</v>
      </c>
      <c r="AA39" s="146">
        <v>0.31739999999999996</v>
      </c>
      <c r="AB39" s="140">
        <v>0.30909999999999999</v>
      </c>
      <c r="AC39" s="140">
        <v>0.30599999999999999</v>
      </c>
      <c r="AD39" s="146">
        <v>0.31090000000000001</v>
      </c>
      <c r="AE39" s="140">
        <v>0.32869999999999999</v>
      </c>
      <c r="AF39" s="140">
        <v>0.30599999999999999</v>
      </c>
      <c r="AG39" s="140">
        <v>0.28939999999999999</v>
      </c>
      <c r="AH39" s="140">
        <v>0.28939999999999999</v>
      </c>
      <c r="AI39" s="140">
        <v>0.27210000000000001</v>
      </c>
      <c r="AJ39" s="140">
        <v>0.25009999999999999</v>
      </c>
      <c r="AK39" s="140">
        <v>0.24160000000000001</v>
      </c>
      <c r="AL39" s="140">
        <v>0.25019999999999998</v>
      </c>
      <c r="AM39" s="140">
        <v>0.26879999999999998</v>
      </c>
      <c r="AN39" s="140">
        <v>0.25509999999999999</v>
      </c>
      <c r="AO39" s="140">
        <v>0.25800000000000001</v>
      </c>
      <c r="AP39" s="207">
        <v>0.29220000000000002</v>
      </c>
      <c r="AQ39" s="208">
        <v>0.32250000000000001</v>
      </c>
      <c r="AR39" s="194">
        <v>0.30809999999999998</v>
      </c>
      <c r="AS39" s="140">
        <v>0.31319999999999998</v>
      </c>
      <c r="AT39" s="140">
        <v>0.29510000000000003</v>
      </c>
      <c r="AU39" s="140">
        <v>0.30659999999999998</v>
      </c>
      <c r="AV39" s="140">
        <v>0.314</v>
      </c>
      <c r="AW39" s="150">
        <v>0.30309999999999998</v>
      </c>
      <c r="AX39" s="146">
        <v>0.28839999999999999</v>
      </c>
      <c r="AY39" s="153">
        <v>0.29499999999999998</v>
      </c>
      <c r="AZ39" s="150">
        <v>0.29520000000000002</v>
      </c>
      <c r="BA39" s="153">
        <v>0.2853</v>
      </c>
      <c r="BB39" s="150">
        <v>0.27789999999999998</v>
      </c>
      <c r="BC39" s="150">
        <v>0.28749999999999998</v>
      </c>
      <c r="BD39" s="150">
        <v>0.29620000000000002</v>
      </c>
      <c r="BE39" s="210"/>
    </row>
    <row r="40" spans="3:57" x14ac:dyDescent="0.2">
      <c r="C40" s="126" t="s">
        <v>118</v>
      </c>
      <c r="D40" s="158" t="s">
        <v>58</v>
      </c>
      <c r="E40" s="146">
        <v>0.86790000000000012</v>
      </c>
      <c r="F40" s="111">
        <v>0.98450000000000004</v>
      </c>
      <c r="G40" s="111">
        <v>1.0065999999999999</v>
      </c>
      <c r="H40" s="111">
        <v>0.99750000000000005</v>
      </c>
      <c r="I40" s="111">
        <v>1.2706999999999999</v>
      </c>
      <c r="J40" s="140">
        <v>1.4256</v>
      </c>
      <c r="K40" s="140">
        <v>1.6302000000000001</v>
      </c>
      <c r="L40" s="146">
        <v>1.8028</v>
      </c>
      <c r="M40" s="146">
        <v>1.8138999999999998</v>
      </c>
      <c r="N40" s="140">
        <v>1.4819</v>
      </c>
      <c r="O40" s="140">
        <v>1.2350000000000001</v>
      </c>
      <c r="P40" s="140">
        <v>1.3584000000000001</v>
      </c>
      <c r="Q40" s="146">
        <v>1.2461</v>
      </c>
      <c r="R40" s="146">
        <v>1.4303999999999999</v>
      </c>
      <c r="S40" s="140">
        <v>1.2606999999999999</v>
      </c>
      <c r="T40" s="140">
        <v>0.83140000000000003</v>
      </c>
      <c r="U40" s="200">
        <v>0.74690000000000001</v>
      </c>
      <c r="V40" s="150">
        <v>0.77769999999999995</v>
      </c>
      <c r="W40" s="140">
        <v>0.66590000000000005</v>
      </c>
      <c r="X40" s="146">
        <v>0.64760000000000006</v>
      </c>
      <c r="Y40" s="146">
        <v>0.57830000000000004</v>
      </c>
      <c r="Z40" s="146">
        <v>0.6391</v>
      </c>
      <c r="AA40" s="146">
        <v>0.73129999999999995</v>
      </c>
      <c r="AB40" s="140">
        <v>0.75090000000000001</v>
      </c>
      <c r="AC40" s="140">
        <v>0.85400000000000009</v>
      </c>
      <c r="AD40" s="146">
        <v>0.78480000000000005</v>
      </c>
      <c r="AE40" s="140">
        <v>0.82810000000000006</v>
      </c>
      <c r="AF40" s="140">
        <v>0.89489999999999992</v>
      </c>
      <c r="AG40" s="140">
        <v>0.91769999999999996</v>
      </c>
      <c r="AH40" s="140">
        <v>0.83979999999999999</v>
      </c>
      <c r="AI40" s="140">
        <v>0.72219999999999995</v>
      </c>
      <c r="AJ40" s="140">
        <v>0.70750000000000002</v>
      </c>
      <c r="AK40" s="140">
        <v>0.63900000000000001</v>
      </c>
      <c r="AL40" s="140">
        <v>0.5665</v>
      </c>
      <c r="AM40" s="140">
        <v>0.63600000000000001</v>
      </c>
      <c r="AN40" s="140">
        <v>0.81269999999999998</v>
      </c>
      <c r="AO40" s="140">
        <v>0.81180000000000008</v>
      </c>
      <c r="AP40" s="207">
        <v>0.82480000000000009</v>
      </c>
      <c r="AQ40" s="208">
        <v>0.76069999999999993</v>
      </c>
      <c r="AR40" s="194">
        <v>0.79120000000000001</v>
      </c>
      <c r="AS40" s="140">
        <v>0.76190000000000002</v>
      </c>
      <c r="AT40" s="140">
        <v>0.73739999999999994</v>
      </c>
      <c r="AU40" s="140">
        <v>0.64969999999999994</v>
      </c>
      <c r="AV40" s="140">
        <v>0.57879999999999998</v>
      </c>
      <c r="AW40" s="150">
        <v>0.59299999999999997</v>
      </c>
      <c r="AX40" s="146">
        <v>0.59530000000000005</v>
      </c>
      <c r="AY40" s="153">
        <v>0.69090000000000007</v>
      </c>
      <c r="AZ40" s="150">
        <v>0.78310000000000002</v>
      </c>
      <c r="BA40" s="153">
        <v>0.87629999999999997</v>
      </c>
      <c r="BB40" s="150">
        <v>0.90379999999999994</v>
      </c>
      <c r="BC40" s="150">
        <v>0.90090000000000003</v>
      </c>
      <c r="BD40" s="150">
        <v>0.76879999999999993</v>
      </c>
      <c r="BE40" s="210"/>
    </row>
    <row r="41" spans="3:57" x14ac:dyDescent="0.2">
      <c r="C41" s="126" t="s">
        <v>104</v>
      </c>
      <c r="D41" s="158" t="s">
        <v>58</v>
      </c>
      <c r="E41" s="146">
        <v>0.6926000000000001</v>
      </c>
      <c r="F41" s="111">
        <v>0.88800000000000001</v>
      </c>
      <c r="G41" s="111">
        <v>0.8881</v>
      </c>
      <c r="H41" s="111">
        <v>0.88349999999999995</v>
      </c>
      <c r="I41" s="111">
        <v>1.1411</v>
      </c>
      <c r="J41" s="140">
        <v>1.2442</v>
      </c>
      <c r="K41" s="140">
        <v>1.2509999999999999</v>
      </c>
      <c r="L41" s="146">
        <v>1.2265999999999999</v>
      </c>
      <c r="M41" s="146">
        <v>1.2317</v>
      </c>
      <c r="N41" s="140">
        <v>1.2085999999999999</v>
      </c>
      <c r="O41" s="140">
        <v>0.90849999999999997</v>
      </c>
      <c r="P41" s="140">
        <v>0.92549999999999999</v>
      </c>
      <c r="Q41" s="146">
        <v>1.2379</v>
      </c>
      <c r="R41" s="146">
        <v>1.3463000000000001</v>
      </c>
      <c r="S41" s="140">
        <v>1.3149000000000002</v>
      </c>
      <c r="T41" s="140">
        <v>1.2967</v>
      </c>
      <c r="U41" s="200">
        <v>1.0634999999999999</v>
      </c>
      <c r="V41" s="150">
        <v>0.84849999999999992</v>
      </c>
      <c r="W41" s="140">
        <v>0.62649999999999995</v>
      </c>
      <c r="X41" s="146">
        <v>0.50700000000000001</v>
      </c>
      <c r="Y41" s="146">
        <v>0.47850000000000004</v>
      </c>
      <c r="Z41" s="146">
        <v>0.56159999999999999</v>
      </c>
      <c r="AA41" s="146">
        <v>0.60270000000000001</v>
      </c>
      <c r="AB41" s="140">
        <v>0.45990000000000003</v>
      </c>
      <c r="AC41" s="140">
        <v>0.3735</v>
      </c>
      <c r="AD41" s="146">
        <v>0.35479999999999995</v>
      </c>
      <c r="AE41" s="140">
        <v>0.3629</v>
      </c>
      <c r="AF41" s="140">
        <v>0.35799999999999998</v>
      </c>
      <c r="AG41" s="140">
        <v>0.42499999999999999</v>
      </c>
      <c r="AH41" s="140">
        <v>0.63869999999999993</v>
      </c>
      <c r="AI41" s="140">
        <v>0.71640000000000004</v>
      </c>
      <c r="AJ41" s="140">
        <v>0.88</v>
      </c>
      <c r="AK41" s="140">
        <v>0.91220000000000001</v>
      </c>
      <c r="AL41" s="140">
        <v>0.73099999999999998</v>
      </c>
      <c r="AM41" s="140">
        <v>0.74590000000000001</v>
      </c>
      <c r="AN41" s="140">
        <v>0.73</v>
      </c>
      <c r="AO41" s="140">
        <v>0.86560000000000004</v>
      </c>
      <c r="AP41" s="207">
        <v>0.80540000000000012</v>
      </c>
      <c r="AQ41" s="208">
        <v>0.76939999999999997</v>
      </c>
      <c r="AR41" s="194">
        <v>0.94319999999999993</v>
      </c>
      <c r="AS41" s="140">
        <v>1.0234999999999999</v>
      </c>
      <c r="AT41" s="140">
        <v>0.7206999999999999</v>
      </c>
      <c r="AU41" s="140">
        <v>0.66409999999999991</v>
      </c>
      <c r="AV41" s="140">
        <v>0.92500000000000004</v>
      </c>
      <c r="AW41" s="150">
        <v>1.0293999999999999</v>
      </c>
      <c r="AX41" s="146">
        <v>0.79069999999999996</v>
      </c>
      <c r="AY41" s="153">
        <v>0.86900000000000011</v>
      </c>
      <c r="AZ41" s="150">
        <v>0.97470000000000001</v>
      </c>
      <c r="BA41" s="153">
        <v>1.0644</v>
      </c>
      <c r="BB41" s="150">
        <v>1.3149999999999999</v>
      </c>
      <c r="BC41" s="150">
        <v>1.2285999999999999</v>
      </c>
      <c r="BD41" s="150">
        <v>1.2043999999999999</v>
      </c>
      <c r="BE41" s="210"/>
    </row>
    <row r="42" spans="3:57" x14ac:dyDescent="0.2">
      <c r="C42" s="126" t="s">
        <v>87</v>
      </c>
      <c r="D42" s="158" t="s">
        <v>58</v>
      </c>
      <c r="E42" s="146">
        <v>0.29359999999999997</v>
      </c>
      <c r="F42" s="111">
        <v>0.28489999999999999</v>
      </c>
      <c r="G42" s="111">
        <v>0.2969</v>
      </c>
      <c r="H42" s="111">
        <v>0.31109999999999999</v>
      </c>
      <c r="I42" s="111">
        <v>0.32369999999999999</v>
      </c>
      <c r="J42" s="140">
        <v>0.32369999999999999</v>
      </c>
      <c r="K42" s="140">
        <v>0.32799999999999996</v>
      </c>
      <c r="L42" s="146">
        <v>0.32890000000000003</v>
      </c>
      <c r="M42" s="146">
        <v>0.32780000000000004</v>
      </c>
      <c r="N42" s="140">
        <v>0.33500000000000002</v>
      </c>
      <c r="O42" s="140">
        <v>0.33500000000000002</v>
      </c>
      <c r="P42" s="140">
        <v>0.33500000000000002</v>
      </c>
      <c r="Q42" s="146">
        <v>0.33520000000000005</v>
      </c>
      <c r="R42" s="146">
        <v>0.30969999999999998</v>
      </c>
      <c r="S42" s="140">
        <v>0.28059999999999996</v>
      </c>
      <c r="T42" s="140">
        <v>0.30109999999999998</v>
      </c>
      <c r="U42" s="200">
        <v>0.31530000000000002</v>
      </c>
      <c r="V42" s="150">
        <v>0.3347</v>
      </c>
      <c r="W42" s="140">
        <v>0.3468</v>
      </c>
      <c r="X42" s="146">
        <v>0.3448</v>
      </c>
      <c r="Y42" s="146">
        <v>0.35680000000000001</v>
      </c>
      <c r="Z42" s="146">
        <v>0.35759999999999997</v>
      </c>
      <c r="AA42" s="146">
        <v>0.3579</v>
      </c>
      <c r="AB42" s="140">
        <v>0.35810000000000003</v>
      </c>
      <c r="AC42" s="140">
        <v>0.2364</v>
      </c>
      <c r="AD42" s="146">
        <v>0.27160000000000001</v>
      </c>
      <c r="AE42" s="140">
        <v>0.30020000000000002</v>
      </c>
      <c r="AF42" s="140">
        <v>0.32890000000000003</v>
      </c>
      <c r="AG42" s="140">
        <v>0.35759999999999997</v>
      </c>
      <c r="AH42" s="140">
        <v>0.29339999999999999</v>
      </c>
      <c r="AI42" s="140">
        <v>0.29480000000000001</v>
      </c>
      <c r="AJ42" s="140">
        <v>0.29480000000000001</v>
      </c>
      <c r="AK42" s="140">
        <v>0.29480000000000001</v>
      </c>
      <c r="AL42" s="140">
        <v>0.29480000000000001</v>
      </c>
      <c r="AM42" s="140">
        <v>0.29480000000000001</v>
      </c>
      <c r="AN42" s="140">
        <v>0.27579999999999999</v>
      </c>
      <c r="AO42" s="140">
        <v>0.25609999999999999</v>
      </c>
      <c r="AP42" s="207">
        <v>0.26280000000000003</v>
      </c>
      <c r="AQ42" s="208">
        <v>0.27460000000000001</v>
      </c>
      <c r="AR42" s="194">
        <v>0.28510000000000002</v>
      </c>
      <c r="AS42" s="140">
        <v>0.28559999999999997</v>
      </c>
      <c r="AT42" s="140">
        <v>0.28289999999999998</v>
      </c>
      <c r="AU42" s="140">
        <v>0.28559999999999997</v>
      </c>
      <c r="AV42" s="140">
        <v>0.28539999999999999</v>
      </c>
      <c r="AW42" s="150">
        <v>0.28570000000000001</v>
      </c>
      <c r="AX42" s="146">
        <v>0.28570000000000001</v>
      </c>
      <c r="AY42" s="153">
        <v>0.28570000000000001</v>
      </c>
      <c r="AZ42" s="150">
        <v>0.28570000000000001</v>
      </c>
      <c r="BA42" s="153">
        <v>0.29160000000000003</v>
      </c>
      <c r="BB42" s="150">
        <v>0.29160000000000003</v>
      </c>
      <c r="BC42" s="150">
        <v>0.29160000000000003</v>
      </c>
      <c r="BD42" s="150">
        <v>0.29449999999999998</v>
      </c>
      <c r="BE42" s="210"/>
    </row>
    <row r="43" spans="3:57" x14ac:dyDescent="0.2">
      <c r="C43" s="126" t="s">
        <v>88</v>
      </c>
      <c r="D43" s="158" t="s">
        <v>58</v>
      </c>
      <c r="E43" s="146">
        <v>0.35509999999999997</v>
      </c>
      <c r="F43" s="111">
        <v>0.35229999999999995</v>
      </c>
      <c r="G43" s="111">
        <v>0.3417</v>
      </c>
      <c r="H43" s="111">
        <v>0.3367</v>
      </c>
      <c r="I43" s="111">
        <v>0.32750000000000001</v>
      </c>
      <c r="J43" s="140">
        <v>0.32799999999999996</v>
      </c>
      <c r="K43" s="140">
        <v>0.33149999999999996</v>
      </c>
      <c r="L43" s="146">
        <v>0.3342</v>
      </c>
      <c r="M43" s="146">
        <v>0.33030000000000004</v>
      </c>
      <c r="N43" s="140">
        <v>0.33289999999999997</v>
      </c>
      <c r="O43" s="140">
        <v>0.32819999999999999</v>
      </c>
      <c r="P43" s="140">
        <v>0.33189999999999997</v>
      </c>
      <c r="Q43" s="146">
        <v>0.30709999999999998</v>
      </c>
      <c r="R43" s="146">
        <v>0.29780000000000001</v>
      </c>
      <c r="S43" s="140">
        <v>0.2979</v>
      </c>
      <c r="T43" s="140">
        <v>0.31489999999999996</v>
      </c>
      <c r="U43" s="200">
        <v>0.4047</v>
      </c>
      <c r="V43" s="150">
        <v>0.5131</v>
      </c>
      <c r="W43" s="140">
        <v>0.50369999999999993</v>
      </c>
      <c r="X43" s="146">
        <v>0.50439999999999996</v>
      </c>
      <c r="Y43" s="146">
        <v>0.50800000000000001</v>
      </c>
      <c r="Z43" s="146">
        <v>0.502</v>
      </c>
      <c r="AA43" s="146">
        <v>0.49619999999999997</v>
      </c>
      <c r="AB43" s="140">
        <v>0.47539999999999999</v>
      </c>
      <c r="AC43" s="140">
        <v>0.43799999999999994</v>
      </c>
      <c r="AD43" s="146">
        <v>0.43799999999999994</v>
      </c>
      <c r="AE43" s="140">
        <v>0.42</v>
      </c>
      <c r="AF43" s="140">
        <v>0.36</v>
      </c>
      <c r="AG43" s="140">
        <v>0.36</v>
      </c>
      <c r="AH43" s="140">
        <v>0.36</v>
      </c>
      <c r="AI43" s="140">
        <v>0.33799999999999997</v>
      </c>
      <c r="AJ43" s="140">
        <v>0.31159999999999999</v>
      </c>
      <c r="AK43" s="140">
        <v>0.25</v>
      </c>
      <c r="AL43" s="140">
        <v>0.13730000000000001</v>
      </c>
      <c r="AM43" s="140">
        <v>0.25</v>
      </c>
      <c r="AN43" s="140">
        <v>0.27500000000000002</v>
      </c>
      <c r="AO43" s="140">
        <v>0.27500000000000002</v>
      </c>
      <c r="AP43" s="207">
        <v>0.57150000000000001</v>
      </c>
      <c r="AQ43" s="208">
        <v>0.56930000000000003</v>
      </c>
      <c r="AR43" s="194">
        <v>0.52689999999999992</v>
      </c>
      <c r="AS43" s="140">
        <v>0.52060000000000006</v>
      </c>
      <c r="AT43" s="140">
        <v>0.46840000000000004</v>
      </c>
      <c r="AU43" s="140">
        <v>0.41409999999999997</v>
      </c>
      <c r="AV43" s="140">
        <v>0.375</v>
      </c>
      <c r="AW43" s="150">
        <v>0.34310000000000002</v>
      </c>
      <c r="AX43" s="146">
        <v>0.33529999999999999</v>
      </c>
      <c r="AY43" s="153">
        <v>0.30499999999999999</v>
      </c>
      <c r="AZ43" s="150">
        <v>0.26530000000000004</v>
      </c>
      <c r="BA43" s="153">
        <v>0.2447</v>
      </c>
      <c r="BB43" s="150">
        <v>0.2329</v>
      </c>
      <c r="BC43" s="150">
        <v>0.22239999999999999</v>
      </c>
      <c r="BD43" s="150">
        <v>0.2208</v>
      </c>
      <c r="BE43" s="210"/>
    </row>
    <row r="44" spans="3:57" x14ac:dyDescent="0.2">
      <c r="C44" s="166" t="s">
        <v>123</v>
      </c>
      <c r="D44" s="158" t="s">
        <v>58</v>
      </c>
      <c r="E44" s="146">
        <v>0.45539999999999997</v>
      </c>
      <c r="F44" s="111">
        <v>0.44329999999999997</v>
      </c>
      <c r="G44" s="111">
        <v>0.47170000000000001</v>
      </c>
      <c r="H44" s="111">
        <v>0.49399999999999999</v>
      </c>
      <c r="I44" s="111" t="s">
        <v>90</v>
      </c>
      <c r="J44" s="140" t="s">
        <v>90</v>
      </c>
      <c r="K44" s="140" t="s">
        <v>90</v>
      </c>
      <c r="L44" s="146" t="s">
        <v>90</v>
      </c>
      <c r="M44" s="146" t="s">
        <v>90</v>
      </c>
      <c r="N44" s="140" t="s">
        <v>90</v>
      </c>
      <c r="O44" s="140" t="s">
        <v>90</v>
      </c>
      <c r="P44" s="140" t="s">
        <v>90</v>
      </c>
      <c r="Q44" s="146" t="s">
        <v>90</v>
      </c>
      <c r="R44" s="146" t="s">
        <v>90</v>
      </c>
      <c r="S44" s="140" t="s">
        <v>90</v>
      </c>
      <c r="T44" s="140" t="s">
        <v>90</v>
      </c>
      <c r="U44" s="200" t="s">
        <v>90</v>
      </c>
      <c r="V44" s="150" t="s">
        <v>90</v>
      </c>
      <c r="W44" s="140" t="s">
        <v>90</v>
      </c>
      <c r="X44" s="146" t="s">
        <v>90</v>
      </c>
      <c r="Y44" s="146" t="s">
        <v>90</v>
      </c>
      <c r="Z44" s="146" t="s">
        <v>90</v>
      </c>
      <c r="AA44" s="146" t="s">
        <v>90</v>
      </c>
      <c r="AB44" s="140" t="s">
        <v>90</v>
      </c>
      <c r="AC44" s="140" t="s">
        <v>90</v>
      </c>
      <c r="AD44" s="146" t="s">
        <v>195</v>
      </c>
      <c r="AE44" s="140" t="s">
        <v>90</v>
      </c>
      <c r="AF44" s="203" t="s">
        <v>90</v>
      </c>
      <c r="AG44" s="203" t="s">
        <v>90</v>
      </c>
      <c r="AH44" s="140" t="s">
        <v>90</v>
      </c>
      <c r="AI44" s="140" t="s">
        <v>90</v>
      </c>
      <c r="AJ44" s="140">
        <v>0.43909999999999999</v>
      </c>
      <c r="AK44" s="140">
        <v>0.44829999999999998</v>
      </c>
      <c r="AL44" s="140">
        <v>0.46740000000000004</v>
      </c>
      <c r="AM44" s="140">
        <v>0.46250000000000002</v>
      </c>
      <c r="AN44" s="140">
        <v>0.49439999999999995</v>
      </c>
      <c r="AO44" s="140">
        <v>0.50479999999999992</v>
      </c>
      <c r="AP44" s="207">
        <v>0.51049999999999995</v>
      </c>
      <c r="AQ44" s="208">
        <v>0.47499999999999998</v>
      </c>
      <c r="AR44" s="194">
        <v>0.50390000000000001</v>
      </c>
      <c r="AS44" s="140">
        <v>0.53560000000000008</v>
      </c>
      <c r="AT44" s="140">
        <v>0.53369999999999995</v>
      </c>
      <c r="AU44" s="140">
        <v>0.51219999999999999</v>
      </c>
      <c r="AV44" s="140">
        <v>0.51800000000000002</v>
      </c>
      <c r="AW44" s="150">
        <v>0.47850000000000004</v>
      </c>
      <c r="AX44" s="146">
        <v>0.48020000000000002</v>
      </c>
      <c r="AY44" s="153">
        <v>0.45280000000000004</v>
      </c>
      <c r="AZ44" s="150">
        <v>0.45329999999999998</v>
      </c>
      <c r="BA44" s="162">
        <v>0.4592</v>
      </c>
      <c r="BB44" s="150">
        <v>0.45590000000000003</v>
      </c>
      <c r="BC44" s="150">
        <v>0.43099999999999999</v>
      </c>
      <c r="BD44" s="150">
        <v>0.41149999999999998</v>
      </c>
      <c r="BE44" s="210"/>
    </row>
    <row r="45" spans="3:57" x14ac:dyDescent="0.2">
      <c r="C45" s="166" t="s">
        <v>100</v>
      </c>
      <c r="D45" s="158" t="s">
        <v>58</v>
      </c>
      <c r="E45" s="146">
        <v>0.27440000000000003</v>
      </c>
      <c r="F45" s="111">
        <v>0.2969</v>
      </c>
      <c r="G45" s="111">
        <v>0.32079999999999997</v>
      </c>
      <c r="H45" s="111">
        <v>0.33950000000000002</v>
      </c>
      <c r="I45" s="111">
        <v>0.35930000000000001</v>
      </c>
      <c r="J45" s="140">
        <v>0.37240000000000001</v>
      </c>
      <c r="K45" s="140">
        <v>0.37119999999999997</v>
      </c>
      <c r="L45" s="146">
        <v>0.375</v>
      </c>
      <c r="M45" s="146">
        <v>0.36890000000000001</v>
      </c>
      <c r="N45" s="140">
        <v>0.36979999999999996</v>
      </c>
      <c r="O45" s="140">
        <v>0.3674</v>
      </c>
      <c r="P45" s="140">
        <v>0.37560000000000004</v>
      </c>
      <c r="Q45" s="146">
        <v>0.39240000000000003</v>
      </c>
      <c r="R45" s="146">
        <v>0.41490000000000005</v>
      </c>
      <c r="S45" s="140">
        <v>0.41670000000000001</v>
      </c>
      <c r="T45" s="140">
        <v>0.43119999999999997</v>
      </c>
      <c r="U45" s="200">
        <v>0.4365</v>
      </c>
      <c r="V45" s="150">
        <v>0.44750000000000001</v>
      </c>
      <c r="W45" s="140">
        <v>0.44750000000000001</v>
      </c>
      <c r="X45" s="146" t="s">
        <v>90</v>
      </c>
      <c r="Y45" s="146" t="s">
        <v>90</v>
      </c>
      <c r="Z45" s="146" t="s">
        <v>90</v>
      </c>
      <c r="AA45" s="146" t="s">
        <v>90</v>
      </c>
      <c r="AB45" s="140" t="s">
        <v>90</v>
      </c>
      <c r="AC45" s="140" t="s">
        <v>90</v>
      </c>
      <c r="AD45" s="146" t="s">
        <v>195</v>
      </c>
      <c r="AE45" s="140" t="s">
        <v>90</v>
      </c>
      <c r="AF45" s="140" t="s">
        <v>90</v>
      </c>
      <c r="AG45" s="203" t="s">
        <v>90</v>
      </c>
      <c r="AH45" s="140" t="s">
        <v>90</v>
      </c>
      <c r="AI45" s="140" t="s">
        <v>90</v>
      </c>
      <c r="AJ45" s="140" t="s">
        <v>90</v>
      </c>
      <c r="AK45" s="140">
        <v>0.26429999999999998</v>
      </c>
      <c r="AL45" s="140">
        <v>0.26050000000000001</v>
      </c>
      <c r="AM45" s="140">
        <v>0.26019999999999999</v>
      </c>
      <c r="AN45" s="140">
        <v>0.26469999999999999</v>
      </c>
      <c r="AO45" s="140">
        <v>0.26700000000000002</v>
      </c>
      <c r="AP45" s="207">
        <v>0.26989999999999997</v>
      </c>
      <c r="AQ45" s="208">
        <v>0.27960000000000002</v>
      </c>
      <c r="AR45" s="194">
        <v>0.2999</v>
      </c>
      <c r="AS45" s="140">
        <v>0.32250000000000001</v>
      </c>
      <c r="AT45" s="140">
        <v>0.33289999999999997</v>
      </c>
      <c r="AU45" s="140">
        <v>0.3155</v>
      </c>
      <c r="AV45" s="140">
        <v>0.33429999999999999</v>
      </c>
      <c r="AW45" s="150">
        <v>0.3342</v>
      </c>
      <c r="AX45" s="146">
        <v>0.3458</v>
      </c>
      <c r="AY45" s="153">
        <v>0.35830000000000001</v>
      </c>
      <c r="AZ45" s="150">
        <v>0.35359999999999997</v>
      </c>
      <c r="BA45" s="153">
        <v>0.35439999999999999</v>
      </c>
      <c r="BB45" s="150">
        <v>0.35299999999999998</v>
      </c>
      <c r="BC45" s="150">
        <v>0.35210000000000002</v>
      </c>
      <c r="BD45" s="150">
        <v>0.35670000000000002</v>
      </c>
      <c r="BE45" s="210"/>
    </row>
    <row r="46" spans="3:57" x14ac:dyDescent="0.2">
      <c r="C46" s="126" t="s">
        <v>89</v>
      </c>
      <c r="D46" s="158" t="s">
        <v>58</v>
      </c>
      <c r="E46" s="146">
        <v>0.53459999999999996</v>
      </c>
      <c r="F46" s="111">
        <v>0.54110000000000003</v>
      </c>
      <c r="G46" s="111">
        <v>0.58889999999999998</v>
      </c>
      <c r="H46" s="111">
        <v>0.5857</v>
      </c>
      <c r="I46" s="111">
        <v>0.59040000000000004</v>
      </c>
      <c r="J46" s="140">
        <v>0.58779999999999999</v>
      </c>
      <c r="K46" s="140">
        <v>0.58909999999999996</v>
      </c>
      <c r="L46" s="146">
        <v>0.60630000000000006</v>
      </c>
      <c r="M46" s="146">
        <v>0.60470000000000002</v>
      </c>
      <c r="N46" s="140">
        <v>0.60450000000000004</v>
      </c>
      <c r="O46" s="140">
        <v>0.60309999999999997</v>
      </c>
      <c r="P46" s="140">
        <v>0.60270000000000001</v>
      </c>
      <c r="Q46" s="146">
        <v>0.60880000000000001</v>
      </c>
      <c r="R46" s="146">
        <v>0.61039999999999994</v>
      </c>
      <c r="S46" s="140">
        <v>0.63109999999999999</v>
      </c>
      <c r="T46" s="140">
        <v>0.63490000000000002</v>
      </c>
      <c r="U46" s="200">
        <v>0.7177</v>
      </c>
      <c r="V46" s="150">
        <v>0.71319999999999995</v>
      </c>
      <c r="W46" s="140">
        <v>0.72109999999999996</v>
      </c>
      <c r="X46" s="146">
        <v>0.72420000000000007</v>
      </c>
      <c r="Y46" s="146">
        <v>0.8123999999999999</v>
      </c>
      <c r="Z46" s="146">
        <v>0.82719999999999994</v>
      </c>
      <c r="AA46" s="146">
        <v>0.81900000000000006</v>
      </c>
      <c r="AB46" s="140">
        <v>0.8105</v>
      </c>
      <c r="AC46" s="140">
        <v>0.81830000000000003</v>
      </c>
      <c r="AD46" s="146">
        <v>0.8266</v>
      </c>
      <c r="AE46" s="140">
        <v>0.85540000000000005</v>
      </c>
      <c r="AF46" s="140">
        <v>0.85439999999999994</v>
      </c>
      <c r="AG46" s="140">
        <v>0.86010000000000009</v>
      </c>
      <c r="AH46" s="140">
        <v>0.86010000000000009</v>
      </c>
      <c r="AI46" s="140">
        <v>0.82340000000000002</v>
      </c>
      <c r="AJ46" s="140">
        <v>0.76400000000000001</v>
      </c>
      <c r="AK46" s="140">
        <v>0.74890000000000001</v>
      </c>
      <c r="AL46" s="140">
        <v>0.74129999999999996</v>
      </c>
      <c r="AM46" s="140">
        <v>0.78449999999999998</v>
      </c>
      <c r="AN46" s="140">
        <v>0.81720000000000004</v>
      </c>
      <c r="AO46" s="140">
        <v>0.7319</v>
      </c>
      <c r="AP46" s="207">
        <v>0.68169999999999997</v>
      </c>
      <c r="AQ46" s="208">
        <v>0.66</v>
      </c>
      <c r="AR46" s="194">
        <v>0.64590000000000003</v>
      </c>
      <c r="AS46" s="140">
        <v>0.62460000000000004</v>
      </c>
      <c r="AT46" s="140">
        <v>0.65659999999999996</v>
      </c>
      <c r="AU46" s="140">
        <v>0.62480000000000002</v>
      </c>
      <c r="AV46" s="140">
        <v>0.62439999999999996</v>
      </c>
      <c r="AW46" s="150">
        <v>0.63</v>
      </c>
      <c r="AX46" s="146">
        <v>0.64410000000000001</v>
      </c>
      <c r="AY46" s="153">
        <v>0.63329999999999997</v>
      </c>
      <c r="AZ46" s="150">
        <v>0.64040000000000008</v>
      </c>
      <c r="BA46" s="153">
        <v>0.63390000000000002</v>
      </c>
      <c r="BB46" s="150">
        <v>0.62170000000000003</v>
      </c>
      <c r="BC46" s="150">
        <v>0.62170000000000003</v>
      </c>
      <c r="BD46" s="150">
        <v>0.62170000000000003</v>
      </c>
      <c r="BE46" s="210"/>
    </row>
    <row r="47" spans="3:57" x14ac:dyDescent="0.2">
      <c r="C47" s="126" t="s">
        <v>95</v>
      </c>
      <c r="D47" s="158" t="s">
        <v>58</v>
      </c>
      <c r="E47" s="146">
        <v>0.7248</v>
      </c>
      <c r="F47" s="111">
        <v>0.75</v>
      </c>
      <c r="G47" s="111">
        <v>0.75</v>
      </c>
      <c r="H47" s="111">
        <v>0.76900000000000002</v>
      </c>
      <c r="I47" s="111">
        <v>0.76900000000000002</v>
      </c>
      <c r="J47" s="140">
        <v>0.76709999999999989</v>
      </c>
      <c r="K47" s="140">
        <v>0.76709999999999989</v>
      </c>
      <c r="L47" s="146">
        <v>0.76709999999999989</v>
      </c>
      <c r="M47" s="146">
        <v>0.76890000000000003</v>
      </c>
      <c r="N47" s="140">
        <v>0.76890000000000003</v>
      </c>
      <c r="O47" s="140">
        <v>0.75</v>
      </c>
      <c r="P47" s="140">
        <v>0.73109999999999997</v>
      </c>
      <c r="Q47" s="146">
        <v>0.7145999999999999</v>
      </c>
      <c r="R47" s="146">
        <v>0.70550000000000002</v>
      </c>
      <c r="S47" s="140">
        <v>0.70550000000000002</v>
      </c>
      <c r="T47" s="140">
        <v>0.72920000000000007</v>
      </c>
      <c r="U47" s="200">
        <v>0.72920000000000007</v>
      </c>
      <c r="V47" s="150">
        <v>0.73549999999999993</v>
      </c>
      <c r="W47" s="140">
        <v>0.75480000000000003</v>
      </c>
      <c r="X47" s="146">
        <v>0.75480000000000003</v>
      </c>
      <c r="Y47" s="146">
        <v>0.73549999999999993</v>
      </c>
      <c r="Z47" s="146">
        <v>0.74060000000000004</v>
      </c>
      <c r="AA47" s="146">
        <v>0.73129999999999995</v>
      </c>
      <c r="AB47" s="140">
        <v>0.73129999999999995</v>
      </c>
      <c r="AC47" s="140">
        <v>0.73129999999999995</v>
      </c>
      <c r="AD47" s="146">
        <v>0.78500000000000003</v>
      </c>
      <c r="AE47" s="140">
        <v>0.7339</v>
      </c>
      <c r="AF47" s="140">
        <v>0.72499999999999998</v>
      </c>
      <c r="AG47" s="140">
        <v>0.72499999999999998</v>
      </c>
      <c r="AH47" s="140">
        <v>0.65</v>
      </c>
      <c r="AI47" s="140">
        <v>0.68500000000000005</v>
      </c>
      <c r="AJ47" s="140">
        <v>0.6583</v>
      </c>
      <c r="AK47" s="140">
        <v>0.68930000000000002</v>
      </c>
      <c r="AL47" s="140">
        <v>0.70609999999999995</v>
      </c>
      <c r="AM47" s="140">
        <v>0.7641</v>
      </c>
      <c r="AN47" s="140">
        <v>0.8368000000000001</v>
      </c>
      <c r="AO47" s="140">
        <v>0.77370000000000005</v>
      </c>
      <c r="AP47" s="207">
        <v>0.75269999999999992</v>
      </c>
      <c r="AQ47" s="208">
        <v>0.73549999999999993</v>
      </c>
      <c r="AR47" s="194">
        <v>0.77790000000000004</v>
      </c>
      <c r="AS47" s="140">
        <v>0.70090000000000008</v>
      </c>
      <c r="AT47" s="140">
        <v>0.74319999999999997</v>
      </c>
      <c r="AU47" s="140">
        <v>0.73199999999999998</v>
      </c>
      <c r="AV47" s="140">
        <v>0.71030000000000004</v>
      </c>
      <c r="AW47" s="150">
        <v>0.71200000000000008</v>
      </c>
      <c r="AX47" s="146">
        <v>0.71200000000000008</v>
      </c>
      <c r="AY47" s="153">
        <v>0.71200000000000008</v>
      </c>
      <c r="AZ47" s="150">
        <v>0.68940000000000001</v>
      </c>
      <c r="BA47" s="153">
        <v>0.70709999999999995</v>
      </c>
      <c r="BB47" s="150">
        <v>0.71129999999999993</v>
      </c>
      <c r="BC47" s="150">
        <v>0.71129999999999993</v>
      </c>
      <c r="BD47" s="150">
        <v>0.71129999999999993</v>
      </c>
      <c r="BE47" s="210"/>
    </row>
    <row r="48" spans="3:57" x14ac:dyDescent="0.2">
      <c r="C48" s="100" t="s">
        <v>96</v>
      </c>
      <c r="D48" s="158" t="s">
        <v>58</v>
      </c>
      <c r="E48" s="146">
        <v>0.30590000000000001</v>
      </c>
      <c r="F48" s="111">
        <v>0.30170000000000002</v>
      </c>
      <c r="G48" s="111">
        <v>0.29330000000000001</v>
      </c>
      <c r="H48" s="111">
        <v>0.3725</v>
      </c>
      <c r="I48" s="111">
        <v>0.36229999999999996</v>
      </c>
      <c r="J48" s="140">
        <v>0.35350000000000004</v>
      </c>
      <c r="K48" s="140">
        <v>0.35</v>
      </c>
      <c r="L48" s="146">
        <v>0.3468</v>
      </c>
      <c r="M48" s="146">
        <v>0.34460000000000002</v>
      </c>
      <c r="N48" s="140">
        <v>0.4052</v>
      </c>
      <c r="O48" s="140">
        <v>0.40899999999999997</v>
      </c>
      <c r="P48" s="140">
        <v>0.42700000000000005</v>
      </c>
      <c r="Q48" s="146">
        <v>0.23440000000000003</v>
      </c>
      <c r="R48" s="146">
        <v>0.21710000000000002</v>
      </c>
      <c r="S48" s="140">
        <v>0.23680000000000001</v>
      </c>
      <c r="T48" s="140">
        <v>0.24010000000000001</v>
      </c>
      <c r="U48" s="200">
        <v>0.2354</v>
      </c>
      <c r="V48" s="150">
        <v>0.22640000000000002</v>
      </c>
      <c r="W48" s="140">
        <v>0.2324</v>
      </c>
      <c r="X48" s="146">
        <v>0.2286</v>
      </c>
      <c r="Y48" s="146">
        <v>0.21909999999999999</v>
      </c>
      <c r="Z48" s="146">
        <v>0.31679999999999997</v>
      </c>
      <c r="AA48" s="146">
        <v>0.36630000000000001</v>
      </c>
      <c r="AB48" s="140">
        <v>0.46860000000000002</v>
      </c>
      <c r="AC48" s="140">
        <v>0.51759999999999995</v>
      </c>
      <c r="AD48" s="146">
        <v>0.5151</v>
      </c>
      <c r="AE48" s="140">
        <v>0.51439999999999997</v>
      </c>
      <c r="AF48" s="140">
        <v>0.51439999999999997</v>
      </c>
      <c r="AG48" s="140">
        <v>0.41979999999999995</v>
      </c>
      <c r="AH48" s="140">
        <v>0.4269</v>
      </c>
      <c r="AI48" s="140">
        <v>0.33509999999999995</v>
      </c>
      <c r="AJ48" s="140">
        <v>0.33960000000000001</v>
      </c>
      <c r="AK48" s="140">
        <v>0.33810000000000001</v>
      </c>
      <c r="AL48" s="140">
        <v>0.34960000000000002</v>
      </c>
      <c r="AM48" s="140">
        <v>0.2492</v>
      </c>
      <c r="AN48" s="140">
        <v>0.2495</v>
      </c>
      <c r="AO48" s="140">
        <v>0.24440000000000001</v>
      </c>
      <c r="AP48" s="207">
        <v>0.2238</v>
      </c>
      <c r="AQ48" s="208">
        <v>0.21410000000000001</v>
      </c>
      <c r="AR48" s="194">
        <v>0.50919999999999999</v>
      </c>
      <c r="AS48" s="140">
        <v>0.5272</v>
      </c>
      <c r="AT48" s="140">
        <v>0.5393</v>
      </c>
      <c r="AU48" s="140">
        <v>0.5444</v>
      </c>
      <c r="AV48" s="140">
        <v>0.54959999999999998</v>
      </c>
      <c r="AW48" s="150">
        <v>0.44479999999999997</v>
      </c>
      <c r="AX48" s="146">
        <v>0.34119999999999995</v>
      </c>
      <c r="AY48" s="153">
        <v>0.34990000000000004</v>
      </c>
      <c r="AZ48" s="150">
        <v>0.30210000000000004</v>
      </c>
      <c r="BA48" s="153">
        <v>0.30890000000000001</v>
      </c>
      <c r="BB48" s="150">
        <v>0.29339999999999999</v>
      </c>
      <c r="BC48" s="150">
        <v>0.28760000000000002</v>
      </c>
      <c r="BD48" s="150">
        <v>0.27239999999999998</v>
      </c>
      <c r="BE48" s="210"/>
    </row>
    <row r="49" spans="3:57" x14ac:dyDescent="0.2">
      <c r="C49" s="202"/>
      <c r="D49" s="173"/>
      <c r="E49" s="173"/>
      <c r="F49" s="173"/>
      <c r="G49" s="173"/>
      <c r="H49" s="173"/>
      <c r="I49" s="173"/>
      <c r="J49" s="173"/>
      <c r="K49" s="173"/>
      <c r="L49" s="173"/>
      <c r="M49" s="173"/>
      <c r="N49" s="173"/>
      <c r="O49" s="173"/>
      <c r="P49" s="173"/>
      <c r="Q49" s="173"/>
      <c r="R49" s="174"/>
      <c r="S49" s="170"/>
      <c r="T49" s="170"/>
      <c r="U49" s="170"/>
      <c r="V49" s="170"/>
      <c r="W49" s="117"/>
      <c r="X49" s="170"/>
      <c r="Y49" s="117"/>
      <c r="Z49" s="169"/>
      <c r="AA49" s="169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ht="13.5" customHeight="1" x14ac:dyDescent="0.2">
      <c r="C50" s="100" t="s">
        <v>106</v>
      </c>
      <c r="D50" s="158" t="s">
        <v>58</v>
      </c>
      <c r="E50" s="158">
        <v>6.3</v>
      </c>
      <c r="F50" s="176">
        <v>6.17</v>
      </c>
      <c r="G50" s="177">
        <v>6.49</v>
      </c>
      <c r="H50" s="176">
        <v>6.55</v>
      </c>
      <c r="I50" s="176">
        <v>6.16</v>
      </c>
      <c r="J50" s="111">
        <v>6.42</v>
      </c>
      <c r="K50" s="111">
        <v>6.47</v>
      </c>
      <c r="L50" s="111">
        <v>6.56</v>
      </c>
      <c r="M50" s="111">
        <v>6.56</v>
      </c>
      <c r="N50" s="111">
        <v>6.36</v>
      </c>
      <c r="O50" s="111">
        <v>6.98</v>
      </c>
      <c r="P50" s="140">
        <v>6.7</v>
      </c>
      <c r="Q50" s="111">
        <v>6.86</v>
      </c>
      <c r="R50" s="111">
        <v>7.09</v>
      </c>
      <c r="S50" s="111">
        <v>6.23</v>
      </c>
      <c r="T50" s="111">
        <v>6.76</v>
      </c>
      <c r="U50" s="111">
        <v>6.76</v>
      </c>
      <c r="V50" s="140">
        <v>6.42</v>
      </c>
      <c r="W50" s="111">
        <v>6.26</v>
      </c>
      <c r="X50" s="140" t="s">
        <v>90</v>
      </c>
      <c r="Y50" s="111">
        <v>5.72</v>
      </c>
      <c r="Z50" s="111">
        <v>6.09</v>
      </c>
      <c r="AA50" s="111">
        <v>6.09</v>
      </c>
      <c r="AB50" s="140">
        <v>5.05</v>
      </c>
      <c r="AC50" s="111">
        <v>6.17</v>
      </c>
      <c r="AD50" s="111">
        <v>5.77</v>
      </c>
      <c r="AE50" s="140">
        <v>5.48</v>
      </c>
      <c r="AF50" s="140">
        <v>5.71</v>
      </c>
      <c r="AG50" s="140">
        <v>5.3</v>
      </c>
      <c r="AH50" s="140">
        <v>5.22</v>
      </c>
      <c r="AI50" s="140">
        <v>5.81</v>
      </c>
      <c r="AJ50" s="140">
        <v>5.51</v>
      </c>
      <c r="AK50" s="140">
        <v>5.52</v>
      </c>
      <c r="AL50" s="140">
        <v>5.84</v>
      </c>
      <c r="AM50" s="140">
        <v>5.34</v>
      </c>
      <c r="AN50" s="176">
        <v>5.35</v>
      </c>
      <c r="AO50" s="176">
        <v>5.64</v>
      </c>
      <c r="AP50" s="176">
        <v>5.85</v>
      </c>
      <c r="AQ50" s="73">
        <v>5.65</v>
      </c>
      <c r="AR50" s="176">
        <v>5.43</v>
      </c>
      <c r="AS50" s="176">
        <v>5.13</v>
      </c>
      <c r="AT50" s="176">
        <v>5.21</v>
      </c>
      <c r="AU50" s="176">
        <v>4.99</v>
      </c>
      <c r="AV50" s="177">
        <v>5.29</v>
      </c>
      <c r="AW50" s="176">
        <v>4.72</v>
      </c>
      <c r="AX50" s="111">
        <v>4.67</v>
      </c>
      <c r="AY50" s="177">
        <v>4.16</v>
      </c>
      <c r="AZ50" s="176">
        <v>4.57</v>
      </c>
      <c r="BA50" s="176">
        <v>4.51</v>
      </c>
      <c r="BB50" s="176">
        <v>4.66</v>
      </c>
      <c r="BC50" s="176">
        <v>4.68</v>
      </c>
      <c r="BD50" s="176">
        <v>4.57</v>
      </c>
      <c r="BE50" s="211"/>
    </row>
    <row r="51" spans="3:57" x14ac:dyDescent="0.2">
      <c r="C51" s="102"/>
      <c r="D51" s="179"/>
      <c r="E51" s="180"/>
      <c r="F51" s="180"/>
      <c r="G51" s="180"/>
      <c r="H51" s="180"/>
      <c r="I51" s="180"/>
      <c r="J51" s="180"/>
      <c r="K51" s="180"/>
      <c r="L51" s="180"/>
      <c r="M51" s="180"/>
      <c r="N51" s="180"/>
      <c r="O51" s="180"/>
      <c r="P51" s="171"/>
      <c r="Q51" s="171"/>
      <c r="R51" s="171"/>
      <c r="S51" s="171"/>
      <c r="T51" s="171"/>
      <c r="U51" s="171"/>
      <c r="V51" s="171"/>
      <c r="W51" s="171"/>
      <c r="X51" s="171"/>
      <c r="Y51" s="171"/>
      <c r="Z51" s="171"/>
      <c r="AA51" s="171"/>
      <c r="AB51" s="171"/>
      <c r="AC51" s="171"/>
      <c r="AD51" s="171"/>
      <c r="AE51" s="171"/>
      <c r="AF51" s="171"/>
      <c r="AG51" s="171"/>
      <c r="AH51" s="171"/>
      <c r="AI51" s="171"/>
      <c r="AJ51" s="171"/>
      <c r="AK51" s="171"/>
      <c r="AL51" s="171"/>
      <c r="AM51" s="171"/>
      <c r="AN51" s="171"/>
      <c r="AO51" s="171"/>
      <c r="AP51" s="171"/>
      <c r="AQ51" s="171"/>
      <c r="AR51" s="171"/>
      <c r="AS51" s="171"/>
      <c r="AT51" s="171"/>
      <c r="AU51" s="171"/>
      <c r="AV51" s="171"/>
      <c r="AW51" s="171"/>
      <c r="AX51" s="171"/>
      <c r="AY51" s="171"/>
      <c r="AZ51" s="171"/>
      <c r="BA51" s="171"/>
      <c r="BB51" s="171"/>
      <c r="BC51" s="171"/>
      <c r="BD51" s="171"/>
    </row>
    <row r="52" spans="3:57" x14ac:dyDescent="0.2">
      <c r="C52" s="181" t="s">
        <v>191</v>
      </c>
      <c r="D52" s="138" t="s">
        <v>176</v>
      </c>
    </row>
    <row r="53" spans="3:57" x14ac:dyDescent="0.2">
      <c r="C53" s="202" t="s">
        <v>192</v>
      </c>
      <c r="D53" s="173" t="s">
        <v>193</v>
      </c>
      <c r="L53" s="183"/>
    </row>
    <row r="54" spans="3:57" ht="12.75" customHeight="1" x14ac:dyDescent="0.2"/>
    <row r="55" spans="3:57" ht="17.25" customHeight="1" x14ac:dyDescent="0.2">
      <c r="C55" s="155"/>
    </row>
    <row r="56" spans="3:57" ht="15.75" customHeight="1" x14ac:dyDescent="0.2">
      <c r="C56" s="129"/>
    </row>
    <row r="57" spans="3:57" ht="15.75" customHeight="1" x14ac:dyDescent="0.2">
      <c r="C57" s="1" t="s">
        <v>1</v>
      </c>
      <c r="E57" s="2">
        <v>2023</v>
      </c>
      <c r="F57" s="2"/>
      <c r="G57" s="2"/>
      <c r="H57" s="2"/>
      <c r="I57" s="2"/>
      <c r="J57" s="2"/>
      <c r="K57" s="2"/>
      <c r="L57" s="2"/>
      <c r="M57" s="2"/>
    </row>
    <row r="58" spans="3:57" x14ac:dyDescent="0.2">
      <c r="C58" s="156" t="s">
        <v>2</v>
      </c>
      <c r="D58" s="156" t="s">
        <v>3</v>
      </c>
      <c r="E58" s="4" t="s">
        <v>15</v>
      </c>
      <c r="F58" s="4" t="s">
        <v>16</v>
      </c>
      <c r="G58" s="4" t="s">
        <v>17</v>
      </c>
      <c r="H58" s="4" t="s">
        <v>18</v>
      </c>
      <c r="I58" s="4" t="s">
        <v>19</v>
      </c>
      <c r="J58" s="4" t="s">
        <v>20</v>
      </c>
      <c r="K58" s="4" t="s">
        <v>21</v>
      </c>
      <c r="L58" s="4" t="s">
        <v>22</v>
      </c>
      <c r="M58" s="4" t="s">
        <v>23</v>
      </c>
      <c r="N58" s="4" t="s">
        <v>24</v>
      </c>
      <c r="O58" s="4" t="s">
        <v>25</v>
      </c>
      <c r="P58" s="4" t="s">
        <v>26</v>
      </c>
      <c r="Q58" s="4" t="s">
        <v>27</v>
      </c>
      <c r="R58" s="4" t="s">
        <v>28</v>
      </c>
      <c r="S58" s="4" t="s">
        <v>29</v>
      </c>
      <c r="T58" s="4" t="s">
        <v>30</v>
      </c>
      <c r="U58" s="4" t="s">
        <v>31</v>
      </c>
      <c r="V58" s="4" t="s">
        <v>32</v>
      </c>
      <c r="W58" s="4" t="s">
        <v>33</v>
      </c>
      <c r="X58" s="4" t="s">
        <v>34</v>
      </c>
      <c r="Y58" s="4" t="s">
        <v>35</v>
      </c>
      <c r="Z58" s="4" t="s">
        <v>36</v>
      </c>
      <c r="AA58" s="4" t="s">
        <v>37</v>
      </c>
      <c r="AB58" s="4" t="s">
        <v>38</v>
      </c>
      <c r="AC58" s="4" t="s">
        <v>39</v>
      </c>
      <c r="AD58" s="4" t="s">
        <v>40</v>
      </c>
      <c r="AE58" s="4" t="s">
        <v>41</v>
      </c>
      <c r="AF58" s="4" t="s">
        <v>42</v>
      </c>
      <c r="AG58" s="4" t="s">
        <v>43</v>
      </c>
      <c r="AH58" s="4" t="s">
        <v>44</v>
      </c>
      <c r="AI58" s="4" t="s">
        <v>45</v>
      </c>
      <c r="AJ58" s="4" t="s">
        <v>46</v>
      </c>
      <c r="AK58" s="4" t="s">
        <v>47</v>
      </c>
      <c r="AL58" s="4" t="s">
        <v>48</v>
      </c>
      <c r="AM58" s="4" t="s">
        <v>49</v>
      </c>
      <c r="AN58" s="4" t="s">
        <v>50</v>
      </c>
      <c r="AO58" s="4" t="s">
        <v>51</v>
      </c>
      <c r="AP58" s="4" t="s">
        <v>52</v>
      </c>
      <c r="AQ58" s="4" t="s">
        <v>53</v>
      </c>
      <c r="AR58" s="4" t="s">
        <v>54</v>
      </c>
      <c r="AS58" s="4" t="s">
        <v>55</v>
      </c>
      <c r="AT58" s="4" t="s">
        <v>4</v>
      </c>
      <c r="AU58" s="4" t="s">
        <v>5</v>
      </c>
      <c r="AV58" s="4" t="s">
        <v>6</v>
      </c>
      <c r="AW58" s="4" t="s">
        <v>7</v>
      </c>
      <c r="AX58" s="4" t="s">
        <v>8</v>
      </c>
      <c r="AY58" s="4" t="s">
        <v>9</v>
      </c>
      <c r="AZ58" s="4" t="s">
        <v>10</v>
      </c>
      <c r="BA58" s="4" t="s">
        <v>11</v>
      </c>
      <c r="BB58" s="4" t="s">
        <v>12</v>
      </c>
      <c r="BC58" s="4" t="s">
        <v>13</v>
      </c>
      <c r="BD58" s="4" t="s">
        <v>14</v>
      </c>
      <c r="BE58" s="209"/>
    </row>
    <row r="59" spans="3:57" x14ac:dyDescent="0.2">
      <c r="C59" s="157" t="s">
        <v>196</v>
      </c>
      <c r="D59" s="158" t="s">
        <v>58</v>
      </c>
      <c r="E59" s="146"/>
      <c r="F59" s="140"/>
      <c r="G59" s="146"/>
      <c r="H59" s="146"/>
      <c r="I59" s="146"/>
      <c r="J59" s="140"/>
      <c r="K59" s="146"/>
      <c r="L59" s="146"/>
      <c r="M59" s="146"/>
      <c r="N59" s="146"/>
      <c r="O59" s="145"/>
      <c r="P59" s="145"/>
      <c r="Q59" s="146"/>
      <c r="R59" s="146"/>
      <c r="S59" s="146"/>
      <c r="T59" s="140"/>
      <c r="U59" s="140"/>
      <c r="V59" s="140"/>
      <c r="W59" s="140"/>
      <c r="X59" s="146"/>
      <c r="Y59" s="146"/>
      <c r="Z59" s="140"/>
      <c r="AA59" s="111"/>
      <c r="AB59" s="140"/>
      <c r="AC59" s="145"/>
      <c r="AD59" s="145"/>
      <c r="AE59" s="146"/>
      <c r="AF59" s="146"/>
      <c r="AG59" s="140"/>
      <c r="AH59" s="146"/>
      <c r="AI59" s="140"/>
      <c r="AJ59" s="194"/>
      <c r="AK59" s="140"/>
      <c r="AL59" s="140"/>
      <c r="AM59" s="140"/>
      <c r="AN59" s="140"/>
      <c r="AO59" s="140"/>
      <c r="AP59" s="140"/>
      <c r="AQ59" s="140"/>
      <c r="AR59" s="140"/>
      <c r="AS59" s="140"/>
      <c r="AT59" s="140"/>
      <c r="AU59" s="146"/>
      <c r="AV59" s="140"/>
      <c r="AW59" s="140"/>
      <c r="AX59" s="140"/>
      <c r="AY59" s="140"/>
      <c r="AZ59" s="43"/>
      <c r="BA59" s="140"/>
      <c r="BB59" s="194"/>
      <c r="BC59" s="194"/>
      <c r="BD59" s="194"/>
      <c r="BE59" s="212"/>
    </row>
    <row r="60" spans="3:57" x14ac:dyDescent="0.2">
      <c r="C60" s="157" t="s">
        <v>197</v>
      </c>
      <c r="D60" s="158" t="s">
        <v>58</v>
      </c>
      <c r="E60" s="146"/>
      <c r="F60" s="140"/>
      <c r="G60" s="146"/>
      <c r="H60" s="146"/>
      <c r="I60" s="146"/>
      <c r="J60" s="140"/>
      <c r="K60" s="146"/>
      <c r="L60" s="146"/>
      <c r="M60" s="146"/>
      <c r="N60" s="146"/>
      <c r="O60" s="145"/>
      <c r="P60" s="145"/>
      <c r="Q60" s="146"/>
      <c r="R60" s="146"/>
      <c r="S60" s="146"/>
      <c r="T60" s="140"/>
      <c r="U60" s="140"/>
      <c r="V60" s="140"/>
      <c r="W60" s="140"/>
      <c r="X60" s="146"/>
      <c r="Y60" s="146"/>
      <c r="Z60" s="140"/>
      <c r="AA60" s="111"/>
      <c r="AB60" s="140"/>
      <c r="AC60" s="145"/>
      <c r="AD60" s="145"/>
      <c r="AE60" s="146"/>
      <c r="AF60" s="146"/>
      <c r="AG60" s="140"/>
      <c r="AH60" s="146"/>
      <c r="AI60" s="140"/>
      <c r="AJ60" s="194"/>
      <c r="AK60" s="140"/>
      <c r="AL60" s="140"/>
      <c r="AM60" s="140"/>
      <c r="AN60" s="140"/>
      <c r="AO60" s="140"/>
      <c r="AP60" s="140"/>
      <c r="AQ60" s="140"/>
      <c r="AR60" s="140"/>
      <c r="AS60" s="140"/>
      <c r="AT60" s="140"/>
      <c r="AU60" s="146"/>
      <c r="AV60" s="140"/>
      <c r="AW60" s="140"/>
      <c r="AX60" s="140"/>
      <c r="AY60" s="140"/>
      <c r="AZ60" s="43"/>
      <c r="BA60" s="140"/>
      <c r="BB60" s="194"/>
      <c r="BC60" s="194"/>
      <c r="BD60" s="194"/>
      <c r="BE60" s="212"/>
    </row>
    <row r="61" spans="3:57" x14ac:dyDescent="0.2">
      <c r="C61" s="157" t="s">
        <v>198</v>
      </c>
      <c r="D61" s="158" t="s">
        <v>58</v>
      </c>
      <c r="E61" s="146"/>
      <c r="F61" s="140"/>
      <c r="G61" s="146"/>
      <c r="H61" s="146"/>
      <c r="I61" s="146"/>
      <c r="J61" s="140"/>
      <c r="K61" s="146"/>
      <c r="L61" s="146"/>
      <c r="M61" s="146"/>
      <c r="N61" s="146"/>
      <c r="O61" s="145"/>
      <c r="P61" s="145"/>
      <c r="Q61" s="146"/>
      <c r="R61" s="146"/>
      <c r="S61" s="146"/>
      <c r="T61" s="140"/>
      <c r="U61" s="140"/>
      <c r="V61" s="140"/>
      <c r="W61" s="140"/>
      <c r="X61" s="146"/>
      <c r="Y61" s="146"/>
      <c r="Z61" s="140"/>
      <c r="AA61" s="111"/>
      <c r="AB61" s="140"/>
      <c r="AC61" s="145"/>
      <c r="AD61" s="145"/>
      <c r="AE61" s="146"/>
      <c r="AF61" s="146"/>
      <c r="AG61" s="140"/>
      <c r="AH61" s="146"/>
      <c r="AI61" s="140"/>
      <c r="AJ61" s="194"/>
      <c r="AK61" s="140"/>
      <c r="AL61" s="140"/>
      <c r="AM61" s="140"/>
      <c r="AN61" s="140"/>
      <c r="AO61" s="140"/>
      <c r="AP61" s="140"/>
      <c r="AQ61" s="140"/>
      <c r="AR61" s="140"/>
      <c r="AS61" s="140"/>
      <c r="AT61" s="140"/>
      <c r="AU61" s="146"/>
      <c r="AV61" s="140"/>
      <c r="AW61" s="140"/>
      <c r="AX61" s="140"/>
      <c r="AY61" s="140"/>
      <c r="AZ61" s="43"/>
      <c r="BA61" s="140"/>
      <c r="BB61" s="194"/>
      <c r="BC61" s="194"/>
      <c r="BD61" s="194"/>
      <c r="BE61" s="212"/>
    </row>
    <row r="62" spans="3:57" x14ac:dyDescent="0.2">
      <c r="C62" s="157" t="s">
        <v>199</v>
      </c>
      <c r="D62" s="158" t="s">
        <v>58</v>
      </c>
      <c r="E62" s="146"/>
      <c r="F62" s="140"/>
      <c r="G62" s="146"/>
      <c r="H62" s="146"/>
      <c r="I62" s="146"/>
      <c r="J62" s="140"/>
      <c r="K62" s="146"/>
      <c r="L62" s="146"/>
      <c r="M62" s="146"/>
      <c r="N62" s="146"/>
      <c r="O62" s="145"/>
      <c r="P62" s="145"/>
      <c r="Q62" s="146"/>
      <c r="R62" s="146"/>
      <c r="S62" s="146"/>
      <c r="T62" s="140"/>
      <c r="U62" s="140"/>
      <c r="V62" s="140"/>
      <c r="W62" s="140"/>
      <c r="X62" s="146"/>
      <c r="Y62" s="146"/>
      <c r="Z62" s="140"/>
      <c r="AA62" s="111"/>
      <c r="AB62" s="140"/>
      <c r="AC62" s="145"/>
      <c r="AD62" s="145"/>
      <c r="AE62" s="146"/>
      <c r="AF62" s="146"/>
      <c r="AG62" s="140"/>
      <c r="AH62" s="146"/>
      <c r="AI62" s="140"/>
      <c r="AJ62" s="194"/>
      <c r="AK62" s="140"/>
      <c r="AL62" s="140"/>
      <c r="AM62" s="140"/>
      <c r="AN62" s="140"/>
      <c r="AO62" s="140"/>
      <c r="AP62" s="140"/>
      <c r="AQ62" s="140"/>
      <c r="AR62" s="140"/>
      <c r="AS62" s="140"/>
      <c r="AT62" s="140"/>
      <c r="AU62" s="146"/>
      <c r="AV62" s="140"/>
      <c r="AW62" s="140"/>
      <c r="AX62" s="140"/>
      <c r="AY62" s="140"/>
      <c r="AZ62" s="43"/>
      <c r="BA62" s="140"/>
      <c r="BB62" s="194"/>
      <c r="BC62" s="194"/>
      <c r="BD62" s="194"/>
      <c r="BE62" s="212"/>
    </row>
    <row r="63" spans="3:57" x14ac:dyDescent="0.2">
      <c r="C63" s="157" t="s">
        <v>200</v>
      </c>
      <c r="D63" s="158" t="s">
        <v>58</v>
      </c>
      <c r="E63" s="146"/>
      <c r="F63" s="140"/>
      <c r="G63" s="146"/>
      <c r="H63" s="146"/>
      <c r="I63" s="146"/>
      <c r="J63" s="140"/>
      <c r="K63" s="146"/>
      <c r="L63" s="146"/>
      <c r="M63" s="146"/>
      <c r="N63" s="146"/>
      <c r="O63" s="145"/>
      <c r="P63" s="145"/>
      <c r="Q63" s="146"/>
      <c r="R63" s="146"/>
      <c r="S63" s="146"/>
      <c r="T63" s="140"/>
      <c r="U63" s="140"/>
      <c r="V63" s="140"/>
      <c r="W63" s="140"/>
      <c r="X63" s="146"/>
      <c r="Y63" s="146"/>
      <c r="Z63" s="140"/>
      <c r="AA63" s="111"/>
      <c r="AB63" s="140"/>
      <c r="AC63" s="145"/>
      <c r="AD63" s="145"/>
      <c r="AE63" s="146"/>
      <c r="AF63" s="146"/>
      <c r="AG63" s="140"/>
      <c r="AH63" s="146"/>
      <c r="AI63" s="140"/>
      <c r="AJ63" s="194"/>
      <c r="AK63" s="140"/>
      <c r="AL63" s="140"/>
      <c r="AM63" s="140"/>
      <c r="AN63" s="140"/>
      <c r="AO63" s="140"/>
      <c r="AP63" s="140"/>
      <c r="AQ63" s="140"/>
      <c r="AR63" s="140"/>
      <c r="AS63" s="140"/>
      <c r="AT63" s="140"/>
      <c r="AU63" s="146"/>
      <c r="AV63" s="140"/>
      <c r="AW63" s="140"/>
      <c r="AX63" s="140"/>
      <c r="AY63" s="140"/>
      <c r="AZ63" s="194"/>
      <c r="BA63" s="140"/>
      <c r="BB63" s="194"/>
      <c r="BC63" s="194"/>
      <c r="BD63" s="194"/>
      <c r="BE63" s="212"/>
    </row>
    <row r="64" spans="3:57" x14ac:dyDescent="0.2">
      <c r="C64" s="157" t="s">
        <v>201</v>
      </c>
      <c r="D64" s="158" t="s">
        <v>76</v>
      </c>
      <c r="E64" s="146"/>
      <c r="F64" s="140"/>
      <c r="G64" s="146"/>
      <c r="H64" s="146"/>
      <c r="I64" s="146"/>
      <c r="J64" s="140"/>
      <c r="K64" s="146"/>
      <c r="L64" s="146"/>
      <c r="M64" s="146"/>
      <c r="N64" s="146"/>
      <c r="O64" s="145"/>
      <c r="P64" s="145"/>
      <c r="Q64" s="146"/>
      <c r="R64" s="146"/>
      <c r="S64" s="146"/>
      <c r="T64" s="140"/>
      <c r="U64" s="140"/>
      <c r="V64" s="140"/>
      <c r="W64" s="140"/>
      <c r="X64" s="146"/>
      <c r="Y64" s="146"/>
      <c r="Z64" s="140"/>
      <c r="AA64" s="111"/>
      <c r="AB64" s="140"/>
      <c r="AC64" s="145"/>
      <c r="AD64" s="145"/>
      <c r="AE64" s="146"/>
      <c r="AF64" s="146"/>
      <c r="AG64" s="140"/>
      <c r="AH64" s="146"/>
      <c r="AI64" s="140"/>
      <c r="AJ64" s="194"/>
      <c r="AK64" s="140"/>
      <c r="AL64" s="140"/>
      <c r="AM64" s="140"/>
      <c r="AN64" s="140"/>
      <c r="AO64" s="140"/>
      <c r="AP64" s="140"/>
      <c r="AQ64" s="140"/>
      <c r="AR64" s="140"/>
      <c r="AS64" s="140"/>
      <c r="AT64" s="140"/>
      <c r="AU64" s="146"/>
      <c r="AV64" s="140"/>
      <c r="AW64" s="140"/>
      <c r="AX64" s="140"/>
      <c r="AY64" s="140"/>
      <c r="AZ64" s="194"/>
      <c r="BA64" s="140"/>
      <c r="BB64" s="194"/>
      <c r="BC64" s="194"/>
      <c r="BD64" s="194"/>
      <c r="BE64" s="212"/>
    </row>
    <row r="65" spans="3:57" x14ac:dyDescent="0.2">
      <c r="C65" s="157" t="s">
        <v>63</v>
      </c>
      <c r="D65" s="158" t="s">
        <v>58</v>
      </c>
      <c r="E65" s="146">
        <v>12.096055467344129</v>
      </c>
      <c r="F65" s="140">
        <v>11.361432990133604</v>
      </c>
      <c r="G65" s="146">
        <v>10.142527078824832</v>
      </c>
      <c r="H65" s="146">
        <v>8.9527780379743422</v>
      </c>
      <c r="I65" s="146">
        <v>8.9623790624499566</v>
      </c>
      <c r="J65" s="140">
        <v>8.4343591047187179</v>
      </c>
      <c r="K65" s="146">
        <v>8.2993625852208872</v>
      </c>
      <c r="L65" s="146">
        <v>8.0320410462429397</v>
      </c>
      <c r="M65" s="146">
        <v>7.6075966426783648</v>
      </c>
      <c r="N65" s="146">
        <v>8.5979770199242136</v>
      </c>
      <c r="O65" s="146">
        <v>9.368976002427253</v>
      </c>
      <c r="P65" s="146">
        <v>9.2973571020898849</v>
      </c>
      <c r="Q65" s="146">
        <v>9.1911642723958042</v>
      </c>
      <c r="R65" s="146">
        <v>9.5993079811431681</v>
      </c>
      <c r="S65" s="146">
        <v>10.257446986007594</v>
      </c>
      <c r="T65" s="140">
        <v>10.782314570075249</v>
      </c>
      <c r="U65" s="140">
        <v>10.248105878222491</v>
      </c>
      <c r="V65" s="140">
        <v>10.085131506018428</v>
      </c>
      <c r="W65" s="140">
        <v>9.1517868008020447</v>
      </c>
      <c r="X65" s="146">
        <v>7.7635824633028188</v>
      </c>
      <c r="Y65" s="146">
        <v>7.5668137886319435</v>
      </c>
      <c r="Z65" s="140">
        <v>7.4990715404790889</v>
      </c>
      <c r="AA65" s="111">
        <v>7.8368217897003447</v>
      </c>
      <c r="AB65" s="140">
        <v>7.9408561900589065</v>
      </c>
      <c r="AC65" s="146">
        <v>7.101368937424394</v>
      </c>
      <c r="AD65" s="146">
        <v>6.7363771682104172</v>
      </c>
      <c r="AE65" s="146">
        <v>7.0578054829956134</v>
      </c>
      <c r="AF65" s="146">
        <v>7.6902136242328831</v>
      </c>
      <c r="AG65" s="140">
        <v>8.8554788155282385</v>
      </c>
      <c r="AH65" s="146">
        <v>9.2547663821575963</v>
      </c>
      <c r="AI65" s="140">
        <v>8.4507157905725396</v>
      </c>
      <c r="AJ65" s="145">
        <v>7.4859112317145442</v>
      </c>
      <c r="AK65" s="140">
        <v>7.6450815895771056</v>
      </c>
      <c r="AL65" s="140">
        <v>7.7160592639654855</v>
      </c>
      <c r="AM65" s="140">
        <v>7.3264401833167474</v>
      </c>
      <c r="AN65" s="140">
        <v>8.488760308537282</v>
      </c>
      <c r="AO65" s="140">
        <v>9.7053407744781666</v>
      </c>
      <c r="AP65" s="140">
        <v>9.3358572537484186</v>
      </c>
      <c r="AQ65" s="8">
        <v>10.662545603806027</v>
      </c>
      <c r="AR65" s="140">
        <v>12.220017623997411</v>
      </c>
      <c r="AS65" s="140">
        <v>12.212971059592345</v>
      </c>
      <c r="AT65" s="140">
        <v>11.344666958577807</v>
      </c>
      <c r="AU65" s="146">
        <v>12.250805191403089</v>
      </c>
      <c r="AV65" s="140">
        <v>11.255317035642898</v>
      </c>
      <c r="AW65" s="140">
        <v>9.9647507287415689</v>
      </c>
      <c r="AX65" s="140">
        <v>11.335242594640379</v>
      </c>
      <c r="AY65" s="140">
        <v>9.8767146167985302</v>
      </c>
      <c r="AZ65" s="146">
        <v>11.003870485082443</v>
      </c>
      <c r="BA65" s="140">
        <v>13.026740671748181</v>
      </c>
      <c r="BB65" s="145">
        <v>12.596808028759735</v>
      </c>
      <c r="BC65" s="146">
        <v>13.989956064787417</v>
      </c>
      <c r="BD65" s="145">
        <v>17.823350638806993</v>
      </c>
      <c r="BE65" s="212"/>
    </row>
    <row r="66" spans="3:57" x14ac:dyDescent="0.2">
      <c r="C66" s="157" t="s">
        <v>64</v>
      </c>
      <c r="D66" s="158" t="s">
        <v>58</v>
      </c>
      <c r="E66" s="146">
        <v>8</v>
      </c>
      <c r="F66" s="140">
        <v>6.9340322260290979</v>
      </c>
      <c r="G66" s="146">
        <v>8.5705196420689376</v>
      </c>
      <c r="H66" s="146">
        <v>8.2102692730412947</v>
      </c>
      <c r="I66" s="146">
        <v>7.1632520791067193</v>
      </c>
      <c r="J66" s="140">
        <v>6.0383757145958468</v>
      </c>
      <c r="K66" s="146">
        <v>5.5843845574903366</v>
      </c>
      <c r="L66" s="146">
        <v>5.1721611570901844</v>
      </c>
      <c r="M66" s="146">
        <v>5.2687986961612712</v>
      </c>
      <c r="N66" s="146">
        <v>5.3385692395796251</v>
      </c>
      <c r="O66" s="146">
        <v>5.4607064809855386</v>
      </c>
      <c r="P66" s="146">
        <v>5.6797866986739161</v>
      </c>
      <c r="Q66" s="146">
        <v>5.4364100018053811</v>
      </c>
      <c r="R66" s="146">
        <v>7.0311734321334889</v>
      </c>
      <c r="S66" s="146">
        <v>6.4765214621208758</v>
      </c>
      <c r="T66" s="140">
        <v>6.4394630398073121</v>
      </c>
      <c r="U66" s="140">
        <v>6.4092083462046112</v>
      </c>
      <c r="V66" s="140">
        <v>7.6623421157366876</v>
      </c>
      <c r="W66" s="140">
        <v>7.1702862374710881</v>
      </c>
      <c r="X66" s="146">
        <v>7.1341213402775052</v>
      </c>
      <c r="Y66" s="146">
        <v>6.7109965376420453</v>
      </c>
      <c r="Z66" s="140">
        <v>5.2411781298839912</v>
      </c>
      <c r="AA66" s="111">
        <v>5.8979523298661327</v>
      </c>
      <c r="AB66" s="140">
        <v>6.1652685992539906</v>
      </c>
      <c r="AC66" s="146">
        <v>6.4999842492670448</v>
      </c>
      <c r="AD66" s="146">
        <v>6.6945871694417241</v>
      </c>
      <c r="AE66" s="146">
        <v>6.887068121252498</v>
      </c>
      <c r="AF66" s="146">
        <v>6.8632561502237328</v>
      </c>
      <c r="AG66" s="184">
        <v>6.554897376344087</v>
      </c>
      <c r="AH66" s="146">
        <v>7.2447083700440524</v>
      </c>
      <c r="AI66" s="140">
        <v>7.1070569633837479</v>
      </c>
      <c r="AJ66" s="145">
        <v>7.1520983468233377</v>
      </c>
      <c r="AK66" s="140">
        <v>6.8155561725609966</v>
      </c>
      <c r="AL66" s="140">
        <v>6.5499229827524754</v>
      </c>
      <c r="AM66" s="140">
        <v>6.9253333618257971</v>
      </c>
      <c r="AN66" s="140">
        <v>6.9204747547725569</v>
      </c>
      <c r="AO66" s="140">
        <v>8.1450421253305461</v>
      </c>
      <c r="AP66" s="140">
        <v>7.7612764685962432</v>
      </c>
      <c r="AQ66" s="8">
        <v>8.2118044852896332</v>
      </c>
      <c r="AR66" s="140">
        <v>8.9836975841975928</v>
      </c>
      <c r="AS66" s="140">
        <v>8.9092319398868121</v>
      </c>
      <c r="AT66" s="140">
        <v>8.6676791739651513</v>
      </c>
      <c r="AU66" s="146">
        <v>8.4147974982838836</v>
      </c>
      <c r="AV66" s="140">
        <v>8.904661162483487</v>
      </c>
      <c r="AW66" s="140">
        <v>8.2754602603567857</v>
      </c>
      <c r="AX66" s="140">
        <v>7.6837953054124268</v>
      </c>
      <c r="AY66" s="184">
        <v>7.562640257423431</v>
      </c>
      <c r="AZ66" s="146">
        <v>8.092027112501496</v>
      </c>
      <c r="BA66" s="140">
        <v>8.215604213489522</v>
      </c>
      <c r="BB66" s="145">
        <v>8.3751188846641327</v>
      </c>
      <c r="BC66" s="146">
        <v>8.74</v>
      </c>
      <c r="BD66" s="145">
        <v>9.3562345475221012</v>
      </c>
      <c r="BE66" s="213"/>
    </row>
    <row r="67" spans="3:57" x14ac:dyDescent="0.2">
      <c r="C67" s="157" t="s">
        <v>65</v>
      </c>
      <c r="D67" s="158" t="s">
        <v>58</v>
      </c>
      <c r="E67" s="146">
        <v>3.4449275113985158</v>
      </c>
      <c r="F67" s="140">
        <v>3.5612653421819291</v>
      </c>
      <c r="G67" s="146">
        <v>6.2794261133080411</v>
      </c>
      <c r="H67" s="146">
        <v>4.7802710345075612</v>
      </c>
      <c r="I67" s="146">
        <v>2.7737517078446996</v>
      </c>
      <c r="J67" s="140">
        <v>2.6795126889701466</v>
      </c>
      <c r="K67" s="146">
        <v>2.890427829835907</v>
      </c>
      <c r="L67" s="146">
        <v>3.044490905953408</v>
      </c>
      <c r="M67" s="146">
        <v>3.0275079029125158</v>
      </c>
      <c r="N67" s="146">
        <v>3.4977009758932107</v>
      </c>
      <c r="O67" s="146">
        <v>4.1337183845526244</v>
      </c>
      <c r="P67" s="146">
        <v>2.8384244970103087</v>
      </c>
      <c r="Q67" s="146">
        <v>2.9324995681651336</v>
      </c>
      <c r="R67" s="146">
        <v>3.6201036463914469</v>
      </c>
      <c r="S67" s="146">
        <v>2.7802138934257048</v>
      </c>
      <c r="T67" s="140">
        <v>2.5524598472786044</v>
      </c>
      <c r="U67" s="140">
        <v>2.6491954819291208</v>
      </c>
      <c r="V67" s="140">
        <v>2.6105210304016895</v>
      </c>
      <c r="W67" s="140">
        <v>2.6474686042008599</v>
      </c>
      <c r="X67" s="146">
        <v>2.4784975745964455</v>
      </c>
      <c r="Y67" s="146">
        <v>2.4612445107299696</v>
      </c>
      <c r="Z67" s="140">
        <v>3.0010417862838912</v>
      </c>
      <c r="AA67" s="111">
        <v>2.7352498711565243</v>
      </c>
      <c r="AB67" s="140">
        <v>2.5867062457952814</v>
      </c>
      <c r="AC67" s="146">
        <v>2.7687975086403256</v>
      </c>
      <c r="AD67" s="146">
        <v>2.7697788515419934</v>
      </c>
      <c r="AE67" s="146">
        <v>2.8614009434366094</v>
      </c>
      <c r="AF67" s="146">
        <v>3.0836262715428591</v>
      </c>
      <c r="AG67" s="140">
        <v>2.9283059053977629</v>
      </c>
      <c r="AH67" s="146">
        <v>2.6794777368597256</v>
      </c>
      <c r="AI67" s="140">
        <v>2.6439809710883306</v>
      </c>
      <c r="AJ67" s="145">
        <v>2.8004157093562569</v>
      </c>
      <c r="AK67" s="140">
        <v>2.8523986542982773</v>
      </c>
      <c r="AL67" s="140">
        <v>2.7648418096985741</v>
      </c>
      <c r="AM67" s="140">
        <v>2.7102921317547359</v>
      </c>
      <c r="AN67" s="140">
        <v>2.6100948449746988</v>
      </c>
      <c r="AO67" s="140">
        <v>2.2651655702407596</v>
      </c>
      <c r="AP67" s="140">
        <v>2.2331506899150275</v>
      </c>
      <c r="AQ67" s="8">
        <v>2.2372901346999914</v>
      </c>
      <c r="AR67" s="140">
        <v>2.2662076297190823</v>
      </c>
      <c r="AS67" s="140">
        <v>2.2331257725890317</v>
      </c>
      <c r="AT67" s="140">
        <v>2.4951821557107698</v>
      </c>
      <c r="AU67" s="146">
        <v>2.5722492299378543</v>
      </c>
      <c r="AV67" s="140">
        <v>3.2758108424181227</v>
      </c>
      <c r="AW67" s="140">
        <v>2.6263582528551042</v>
      </c>
      <c r="AX67" s="140">
        <v>2.4372798638432904</v>
      </c>
      <c r="AY67" s="140">
        <v>2.1863887217711162</v>
      </c>
      <c r="AZ67" s="146">
        <v>2.2060535852730649</v>
      </c>
      <c r="BA67" s="140">
        <v>2.2967568155255362</v>
      </c>
      <c r="BB67" s="145">
        <v>2.6265957932353827</v>
      </c>
      <c r="BC67" s="146">
        <v>3.0942506153185803</v>
      </c>
      <c r="BD67" s="145">
        <v>3.8057856583166281</v>
      </c>
      <c r="BE67" s="212"/>
    </row>
    <row r="68" spans="3:57" x14ac:dyDescent="0.2">
      <c r="C68" s="157" t="s">
        <v>66</v>
      </c>
      <c r="D68" s="158" t="s">
        <v>58</v>
      </c>
      <c r="E68" s="146">
        <v>4.9301749633560306</v>
      </c>
      <c r="F68" s="140">
        <v>4.5716151388097375</v>
      </c>
      <c r="G68" s="146">
        <v>5.7633513996204844</v>
      </c>
      <c r="H68" s="146">
        <v>3.4305983395362154</v>
      </c>
      <c r="I68" s="146">
        <v>3.6363082243003482</v>
      </c>
      <c r="J68" s="140">
        <v>5.9585512153827551</v>
      </c>
      <c r="K68" s="146">
        <v>5.559797269794597</v>
      </c>
      <c r="L68" s="146">
        <v>4.0182935461340401</v>
      </c>
      <c r="M68" s="146">
        <v>4.5939244216586479</v>
      </c>
      <c r="N68" s="146">
        <v>3.5913735485908562</v>
      </c>
      <c r="O68" s="146">
        <v>4.2083880008946037</v>
      </c>
      <c r="P68" s="146">
        <v>3.7558761419037885</v>
      </c>
      <c r="Q68" s="146">
        <v>3.9320217913881939</v>
      </c>
      <c r="R68" s="146">
        <v>5.0214432111274867</v>
      </c>
      <c r="S68" s="146">
        <v>4.3403318650787766</v>
      </c>
      <c r="T68" s="140">
        <v>3.6608536932799227</v>
      </c>
      <c r="U68" s="140">
        <v>3.0346337279420408</v>
      </c>
      <c r="V68" s="140">
        <v>3.2739386621811564</v>
      </c>
      <c r="W68" s="140">
        <v>3.3558980883918883</v>
      </c>
      <c r="X68" s="146">
        <v>2.5774166008023021</v>
      </c>
      <c r="Y68" s="146">
        <v>2.9228946604805399</v>
      </c>
      <c r="Z68" s="140">
        <v>3.4146077788783433</v>
      </c>
      <c r="AA68" s="111">
        <v>3.6235579276517873</v>
      </c>
      <c r="AB68" s="140">
        <v>3.5378504205983923</v>
      </c>
      <c r="AC68" s="146">
        <v>3.6752227095350882</v>
      </c>
      <c r="AD68" s="146">
        <v>3.4878163573905754</v>
      </c>
      <c r="AE68" s="146">
        <v>4.4873755687678214</v>
      </c>
      <c r="AF68" s="146">
        <v>4.7910435288442441</v>
      </c>
      <c r="AG68" s="140">
        <v>4.2619204017202375</v>
      </c>
      <c r="AH68" s="146">
        <v>4.1726422941382184</v>
      </c>
      <c r="AI68" s="140">
        <v>5.2508522591616273</v>
      </c>
      <c r="AJ68" s="145">
        <v>5.1397306241403262</v>
      </c>
      <c r="AK68" s="140">
        <v>4.4190924295570158</v>
      </c>
      <c r="AL68" s="140">
        <v>3.9337745349838302</v>
      </c>
      <c r="AM68" s="140">
        <v>6.4088561752305964</v>
      </c>
      <c r="AN68" s="140">
        <v>4.2887119991025617</v>
      </c>
      <c r="AO68" s="140">
        <v>4.0321191000244561</v>
      </c>
      <c r="AP68" s="140">
        <v>4.8600620756284307</v>
      </c>
      <c r="AQ68" s="8">
        <v>3.517337124630874</v>
      </c>
      <c r="AR68" s="140">
        <v>3.5911469800115876</v>
      </c>
      <c r="AS68" s="140">
        <v>3.2247010450820657</v>
      </c>
      <c r="AT68" s="140">
        <v>3.5979709749948903</v>
      </c>
      <c r="AU68" s="146">
        <v>3.4730205200980144</v>
      </c>
      <c r="AV68" s="140">
        <v>4.3237437410745505</v>
      </c>
      <c r="AW68" s="140">
        <v>3.7698045342350444</v>
      </c>
      <c r="AX68" s="140">
        <v>4.5494275095446328</v>
      </c>
      <c r="AY68" s="140">
        <v>4.9874859306647696</v>
      </c>
      <c r="AZ68" s="146">
        <v>4.6714346844543737</v>
      </c>
      <c r="BA68" s="140">
        <v>4.820112088310629</v>
      </c>
      <c r="BB68" s="145">
        <v>5.7707275119617218</v>
      </c>
      <c r="BC68" s="146">
        <v>6.0966603189006223</v>
      </c>
      <c r="BD68" s="145">
        <v>5.9666245757083836</v>
      </c>
      <c r="BE68" s="212"/>
    </row>
    <row r="69" spans="3:57" x14ac:dyDescent="0.2">
      <c r="C69" s="157" t="s">
        <v>116</v>
      </c>
      <c r="D69" s="158" t="s">
        <v>58</v>
      </c>
      <c r="E69" s="146">
        <v>9.8543842723860848</v>
      </c>
      <c r="F69" s="140">
        <v>10.606246355382403</v>
      </c>
      <c r="G69" s="146">
        <v>11.084629381443298</v>
      </c>
      <c r="H69" s="146">
        <v>9.7865241437922901</v>
      </c>
      <c r="I69" s="146">
        <v>7.9724167953582086</v>
      </c>
      <c r="J69" s="140">
        <v>7.7750202942312425</v>
      </c>
      <c r="K69" s="146">
        <v>7.373444063420342</v>
      </c>
      <c r="L69" s="146">
        <v>7.7680440343781596</v>
      </c>
      <c r="M69" s="146">
        <v>8.4238237268090757</v>
      </c>
      <c r="N69" s="146">
        <v>8.4827848704469098</v>
      </c>
      <c r="O69" s="146">
        <v>8.2778796207896761</v>
      </c>
      <c r="P69" s="146">
        <v>8.6993514554607145</v>
      </c>
      <c r="Q69" s="146">
        <v>8.4082340007698679</v>
      </c>
      <c r="R69" s="146">
        <v>8.0707504804591128</v>
      </c>
      <c r="S69" s="146">
        <v>7.9245240608274869</v>
      </c>
      <c r="T69" s="140">
        <v>7.6275525370836323</v>
      </c>
      <c r="U69" s="140">
        <v>6.7002616806829947</v>
      </c>
      <c r="V69" s="140">
        <v>7.2326523261539579</v>
      </c>
      <c r="W69" s="140">
        <v>6.9769941556034141</v>
      </c>
      <c r="X69" s="146">
        <v>7.3647791762797814</v>
      </c>
      <c r="Y69" s="146">
        <v>6.6443101985137254</v>
      </c>
      <c r="Z69" s="140">
        <v>6.2340016581076361</v>
      </c>
      <c r="AA69" s="111">
        <v>5.693030493730407</v>
      </c>
      <c r="AB69" s="140">
        <v>5.004128777510755</v>
      </c>
      <c r="AC69" s="146">
        <v>5.2610621210882291</v>
      </c>
      <c r="AD69" s="146">
        <v>6.5013343314543413</v>
      </c>
      <c r="AE69" s="146">
        <v>6.7722084865196077</v>
      </c>
      <c r="AF69" s="146">
        <v>7.5381167875151833</v>
      </c>
      <c r="AG69" s="140">
        <v>6.9930249052124083</v>
      </c>
      <c r="AH69" s="146">
        <v>7.7180405664747544</v>
      </c>
      <c r="AI69" s="140">
        <v>6.0787505279223897</v>
      </c>
      <c r="AJ69" s="145">
        <v>7.2406537293886535</v>
      </c>
      <c r="AK69" s="140">
        <v>5.9680960659410047</v>
      </c>
      <c r="AL69" s="140">
        <v>6.3932982559640132</v>
      </c>
      <c r="AM69" s="140">
        <v>7.7958578580835605</v>
      </c>
      <c r="AN69" s="140">
        <v>9.3464408466400464</v>
      </c>
      <c r="AO69" s="140">
        <v>8.6889333922751906</v>
      </c>
      <c r="AP69" s="140">
        <v>8.2329984742071112</v>
      </c>
      <c r="AQ69" s="8">
        <v>8.9022054613795341</v>
      </c>
      <c r="AR69" s="140">
        <v>9.5052139229067354</v>
      </c>
      <c r="AS69" s="140">
        <v>9.6531147918576057</v>
      </c>
      <c r="AT69" s="140">
        <v>9.7099914078411409</v>
      </c>
      <c r="AU69" s="146">
        <v>9.6905462439303047</v>
      </c>
      <c r="AV69" s="140">
        <v>9.5015453057623063</v>
      </c>
      <c r="AW69" s="140">
        <v>9.8766481225524085</v>
      </c>
      <c r="AX69" s="140">
        <v>9.446718193561459</v>
      </c>
      <c r="AY69" s="140">
        <v>8.8938439838747012</v>
      </c>
      <c r="AZ69" s="146">
        <v>9.1846655180217986</v>
      </c>
      <c r="BA69" s="140">
        <v>8.7800793086609019</v>
      </c>
      <c r="BB69" s="145">
        <v>9.305537543384407</v>
      </c>
      <c r="BC69" s="146">
        <v>8.3533195186769547</v>
      </c>
      <c r="BD69" s="145">
        <v>6.3784861580771439</v>
      </c>
      <c r="BE69" s="212"/>
    </row>
    <row r="70" spans="3:57" x14ac:dyDescent="0.2">
      <c r="C70" s="157" t="s">
        <v>68</v>
      </c>
      <c r="D70" s="158" t="s">
        <v>58</v>
      </c>
      <c r="E70" s="146">
        <v>4.4888676987423404</v>
      </c>
      <c r="F70" s="140">
        <v>4.2039153803236013</v>
      </c>
      <c r="G70" s="146">
        <v>4.4565094624521837</v>
      </c>
      <c r="H70" s="146">
        <v>4.1440153431977826</v>
      </c>
      <c r="I70" s="146">
        <v>3.8566369034419883</v>
      </c>
      <c r="J70" s="140">
        <v>4.7274769003065868</v>
      </c>
      <c r="K70" s="146">
        <v>5.0744848802823626</v>
      </c>
      <c r="L70" s="146">
        <v>4.1544526168909481</v>
      </c>
      <c r="M70" s="146">
        <v>4.0329087346024632</v>
      </c>
      <c r="N70" s="146">
        <v>3.6751095528455289</v>
      </c>
      <c r="O70" s="146">
        <v>3.2838797674151716</v>
      </c>
      <c r="P70" s="146">
        <v>3.6209447760647451</v>
      </c>
      <c r="Q70" s="146">
        <v>3.0114230114844749</v>
      </c>
      <c r="R70" s="146">
        <v>2.960091248814769</v>
      </c>
      <c r="S70" s="146">
        <v>3.2565002305700403</v>
      </c>
      <c r="T70" s="140">
        <v>4.1449604211296309</v>
      </c>
      <c r="U70" s="140">
        <v>3.7060666079627649</v>
      </c>
      <c r="V70" s="140">
        <v>3.8708986721579208</v>
      </c>
      <c r="W70" s="140">
        <v>3.4461645838603592</v>
      </c>
      <c r="X70" s="146">
        <v>3.6956494795578925</v>
      </c>
      <c r="Y70" s="146">
        <v>4.1984831406551057</v>
      </c>
      <c r="Z70" s="140">
        <v>4.1291994392831626</v>
      </c>
      <c r="AA70" s="111">
        <v>4.2048669559317187</v>
      </c>
      <c r="AB70" s="140">
        <v>3.645680438060471</v>
      </c>
      <c r="AC70" s="146">
        <v>3.4653140675013172</v>
      </c>
      <c r="AD70" s="146">
        <v>3.9876083069562909</v>
      </c>
      <c r="AE70" s="146">
        <v>4.1576532037536147</v>
      </c>
      <c r="AF70" s="146">
        <v>4.0697490966975769</v>
      </c>
      <c r="AG70" s="140">
        <v>4.0150862586799301</v>
      </c>
      <c r="AH70" s="146">
        <v>3.9665031257418701</v>
      </c>
      <c r="AI70" s="140">
        <v>3.4294269976981258</v>
      </c>
      <c r="AJ70" s="145">
        <v>3.6999860153830784</v>
      </c>
      <c r="AK70" s="140">
        <v>3.7100548283933934</v>
      </c>
      <c r="AL70" s="140">
        <v>3.994269244760333</v>
      </c>
      <c r="AM70" s="140">
        <v>3.788612516644474</v>
      </c>
      <c r="AN70" s="140">
        <v>3.7671019441896254</v>
      </c>
      <c r="AO70" s="140">
        <v>3.2121888608471894</v>
      </c>
      <c r="AP70" s="140">
        <v>3.6014848360823475</v>
      </c>
      <c r="AQ70" s="8">
        <v>3.2993016165040521</v>
      </c>
      <c r="AR70" s="140">
        <v>4.11507465886136</v>
      </c>
      <c r="AS70" s="140">
        <v>3.749905104495399</v>
      </c>
      <c r="AT70" s="140">
        <v>3.4797111250646373</v>
      </c>
      <c r="AU70" s="146">
        <v>4.2709436712238782</v>
      </c>
      <c r="AV70" s="140">
        <v>3.7406105117478683</v>
      </c>
      <c r="AW70" s="140">
        <v>4.0412169530575026</v>
      </c>
      <c r="AX70" s="140">
        <v>4.0853945504087186</v>
      </c>
      <c r="AY70" s="140">
        <v>3.8547772799156563</v>
      </c>
      <c r="AZ70" s="146">
        <v>3.5833338802296968</v>
      </c>
      <c r="BA70" s="140">
        <v>3.928481893933494</v>
      </c>
      <c r="BB70" s="145">
        <v>4.3064136420797015</v>
      </c>
      <c r="BC70" s="146">
        <v>3.4975173834663922</v>
      </c>
      <c r="BD70" s="145">
        <v>3.9420630802052701</v>
      </c>
      <c r="BE70" s="212"/>
    </row>
    <row r="71" spans="3:57" x14ac:dyDescent="0.2">
      <c r="C71" s="157" t="s">
        <v>69</v>
      </c>
      <c r="D71" s="158" t="s">
        <v>58</v>
      </c>
      <c r="E71" s="146">
        <v>3.2124524233855318</v>
      </c>
      <c r="F71" s="140">
        <v>2.9509809886354788</v>
      </c>
      <c r="G71" s="146">
        <v>3.2117728737250877</v>
      </c>
      <c r="H71" s="146">
        <v>2.7457903689493448</v>
      </c>
      <c r="I71" s="146">
        <v>2.4069286074574161</v>
      </c>
      <c r="J71" s="140">
        <v>2.5197300797491651</v>
      </c>
      <c r="K71" s="146">
        <v>2.8310325529447753</v>
      </c>
      <c r="L71" s="146">
        <v>2.3205899917144777</v>
      </c>
      <c r="M71" s="146">
        <v>2.2172112072787296</v>
      </c>
      <c r="N71" s="146">
        <v>2.1544067025066242</v>
      </c>
      <c r="O71" s="146">
        <v>2.1572717831459887</v>
      </c>
      <c r="P71" s="146">
        <v>2.0788970903804889</v>
      </c>
      <c r="Q71" s="146">
        <v>2.4492309087016442</v>
      </c>
      <c r="R71" s="146">
        <v>2.6552528195675009</v>
      </c>
      <c r="S71" s="146">
        <v>2.0907376901757284</v>
      </c>
      <c r="T71" s="140">
        <v>1.9915460944085415</v>
      </c>
      <c r="U71" s="140">
        <v>1.8940596998070858</v>
      </c>
      <c r="V71" s="140">
        <v>1.7948611023065295</v>
      </c>
      <c r="W71" s="140">
        <v>1.8375803982295058</v>
      </c>
      <c r="X71" s="146">
        <v>1.9194549404121328</v>
      </c>
      <c r="Y71" s="146">
        <v>1.8983116639510791</v>
      </c>
      <c r="Z71" s="140">
        <v>2.0653866500753955</v>
      </c>
      <c r="AA71" s="111">
        <v>2.0017817211656865</v>
      </c>
      <c r="AB71" s="140">
        <v>1.9275645032068822</v>
      </c>
      <c r="AC71" s="146">
        <v>1.9408048464255376</v>
      </c>
      <c r="AD71" s="146">
        <v>1.8686232553933342</v>
      </c>
      <c r="AE71" s="146">
        <v>2.0137816052258382</v>
      </c>
      <c r="AF71" s="146">
        <v>1.9698879883205802</v>
      </c>
      <c r="AG71" s="140">
        <v>2.0152184847238326</v>
      </c>
      <c r="AH71" s="146">
        <v>2.0445525995083966</v>
      </c>
      <c r="AI71" s="140">
        <v>2.0081972850137544</v>
      </c>
      <c r="AJ71" s="145">
        <v>2.2789795627799356</v>
      </c>
      <c r="AK71" s="184">
        <v>2.2318734034295389</v>
      </c>
      <c r="AL71" s="140">
        <v>2.2444610850049687</v>
      </c>
      <c r="AM71" s="140">
        <v>1.9512412940180957</v>
      </c>
      <c r="AN71" s="140">
        <v>2.1704904693213658</v>
      </c>
      <c r="AO71" s="140">
        <v>2.0466506020463546</v>
      </c>
      <c r="AP71" s="140">
        <v>2.0449088210347752</v>
      </c>
      <c r="AQ71" s="8">
        <v>1.9973281595156558</v>
      </c>
      <c r="AR71" s="140">
        <v>1.8785156199210189</v>
      </c>
      <c r="AS71" s="140">
        <v>1.8353284068297069</v>
      </c>
      <c r="AT71" s="140">
        <v>2.747180110820548</v>
      </c>
      <c r="AU71" s="146">
        <v>2.854718733680099</v>
      </c>
      <c r="AV71" s="140">
        <v>2.9004588563257405</v>
      </c>
      <c r="AW71" s="140">
        <v>2.9655718922642786</v>
      </c>
      <c r="AX71" s="140">
        <v>2.4796085238068515</v>
      </c>
      <c r="AY71" s="140">
        <v>2.274565074626866</v>
      </c>
      <c r="AZ71" s="146">
        <v>2.2855091807142318</v>
      </c>
      <c r="BA71" s="140">
        <v>2.2772835208821824</v>
      </c>
      <c r="BB71" s="145">
        <v>2.6575616396914232</v>
      </c>
      <c r="BC71" s="146">
        <v>2.2606469189595684</v>
      </c>
      <c r="BD71" s="145">
        <v>3.0608932079253721</v>
      </c>
      <c r="BE71" s="212"/>
    </row>
    <row r="72" spans="3:57" x14ac:dyDescent="0.2">
      <c r="C72" s="157" t="s">
        <v>70</v>
      </c>
      <c r="D72" s="158" t="s">
        <v>58</v>
      </c>
      <c r="E72" s="146">
        <v>4.103000447828034</v>
      </c>
      <c r="F72" s="140">
        <v>4.7889611175550959</v>
      </c>
      <c r="G72" s="146">
        <v>5.0829970029970033</v>
      </c>
      <c r="H72" s="146">
        <v>4.4972447493304513</v>
      </c>
      <c r="I72" s="146">
        <v>3.1801507302823757</v>
      </c>
      <c r="J72" s="140">
        <v>3.3287506639126585</v>
      </c>
      <c r="K72" s="146">
        <v>3.6445023443154283</v>
      </c>
      <c r="L72" s="146">
        <v>3.3881124497991966</v>
      </c>
      <c r="M72" s="146">
        <v>3.5522424941312138</v>
      </c>
      <c r="N72" s="146">
        <v>4.0055002556050541</v>
      </c>
      <c r="O72" s="146">
        <v>3.4880629077353218</v>
      </c>
      <c r="P72" s="146">
        <v>2.208344422385577</v>
      </c>
      <c r="Q72" s="146">
        <v>2.1164379792849317</v>
      </c>
      <c r="R72" s="146">
        <v>2.5066497887008508</v>
      </c>
      <c r="S72" s="146">
        <v>2.4287332152082488</v>
      </c>
      <c r="T72" s="140">
        <v>2.4011697336527016</v>
      </c>
      <c r="U72" s="140">
        <v>2.3654463334242024</v>
      </c>
      <c r="V72" s="140">
        <v>2.8065024553838787</v>
      </c>
      <c r="W72" s="140">
        <v>3.3953513264183743</v>
      </c>
      <c r="X72" s="146">
        <v>4.0639168962692676</v>
      </c>
      <c r="Y72" s="146">
        <v>4.3318956545347591</v>
      </c>
      <c r="Z72" s="140">
        <v>4.3810401180732592</v>
      </c>
      <c r="AA72" s="111">
        <v>4.372393319075262</v>
      </c>
      <c r="AB72" s="140">
        <v>4.4684069859751254</v>
      </c>
      <c r="AC72" s="146">
        <v>4.3136440439312871</v>
      </c>
      <c r="AD72" s="146">
        <v>4.1716123131526857</v>
      </c>
      <c r="AE72" s="146">
        <v>4.5090065502183405</v>
      </c>
      <c r="AF72" s="146">
        <v>4.8636910129245567</v>
      </c>
      <c r="AG72" s="140">
        <v>4.5202880026790941</v>
      </c>
      <c r="AH72" s="146">
        <v>4.8541717329316194</v>
      </c>
      <c r="AI72" s="140">
        <v>4.3916758500764708</v>
      </c>
      <c r="AJ72" s="145">
        <v>4.0936766360298025</v>
      </c>
      <c r="AK72" s="140">
        <v>3.9927740482480836</v>
      </c>
      <c r="AL72" s="140">
        <v>3.7574055478850257</v>
      </c>
      <c r="AM72" s="140">
        <v>4.1718441499943699</v>
      </c>
      <c r="AN72" s="140">
        <v>3.974023030343139</v>
      </c>
      <c r="AO72" s="140">
        <v>4.2493226796486399</v>
      </c>
      <c r="AP72" s="140">
        <v>4.642035711983497</v>
      </c>
      <c r="AQ72" s="8">
        <v>4.3816438457008244</v>
      </c>
      <c r="AR72" s="140">
        <v>3.9538521506287498</v>
      </c>
      <c r="AS72" s="140">
        <v>4.1449370632775793</v>
      </c>
      <c r="AT72" s="140">
        <v>4.1342030824543317</v>
      </c>
      <c r="AU72" s="146">
        <v>3.7390697674418609</v>
      </c>
      <c r="AV72" s="140">
        <v>4.2459112188319663</v>
      </c>
      <c r="AW72" s="140">
        <v>4.3175071997856804</v>
      </c>
      <c r="AX72" s="140">
        <v>3.8810144961920807</v>
      </c>
      <c r="AY72" s="140">
        <v>3.7815292483943761</v>
      </c>
      <c r="AZ72" s="146">
        <v>4.1214589707607718</v>
      </c>
      <c r="BA72" s="140">
        <v>4.3394042053436319</v>
      </c>
      <c r="BB72" s="145">
        <v>4.4615817653357803</v>
      </c>
      <c r="BC72" s="146">
        <v>4.1531864075561824</v>
      </c>
      <c r="BD72" s="145">
        <v>4.1831283662477565</v>
      </c>
      <c r="BE72" s="212"/>
    </row>
    <row r="73" spans="3:57" x14ac:dyDescent="0.2">
      <c r="C73" s="157" t="s">
        <v>101</v>
      </c>
      <c r="D73" s="158" t="s">
        <v>58</v>
      </c>
      <c r="E73" s="146">
        <v>6.6576005407232177</v>
      </c>
      <c r="F73" s="140">
        <v>8.2203863751906461</v>
      </c>
      <c r="G73" s="146">
        <v>7.5683432297124229</v>
      </c>
      <c r="H73" s="146">
        <v>7.7759626604434073</v>
      </c>
      <c r="I73" s="146">
        <v>6.9716043141220085</v>
      </c>
      <c r="J73" s="140">
        <v>6.3853508771929821</v>
      </c>
      <c r="K73" s="146">
        <v>6.9765999707901267</v>
      </c>
      <c r="L73" s="146">
        <v>7.6704978124630481</v>
      </c>
      <c r="M73" s="146">
        <v>6.6505712492153171</v>
      </c>
      <c r="N73" s="146">
        <v>8.2194711441785646</v>
      </c>
      <c r="O73" s="146">
        <v>7.4340579055971112</v>
      </c>
      <c r="P73" s="146">
        <v>6.3042294126667686</v>
      </c>
      <c r="Q73" s="146">
        <v>6.6714244650271484</v>
      </c>
      <c r="R73" s="146">
        <v>6.4874683544303791</v>
      </c>
      <c r="S73" s="146">
        <v>5.5665669665281516</v>
      </c>
      <c r="T73" s="140">
        <v>7.36727723181105</v>
      </c>
      <c r="U73" s="140">
        <v>7.005444132509826</v>
      </c>
      <c r="V73" s="140">
        <v>8.4581493425948899</v>
      </c>
      <c r="W73" s="140">
        <v>8.9080707411699489</v>
      </c>
      <c r="X73" s="146">
        <v>8.276813132150556</v>
      </c>
      <c r="Y73" s="146">
        <v>7.0104463133352768</v>
      </c>
      <c r="Z73" s="140">
        <v>9.1119532794249771</v>
      </c>
      <c r="AA73" s="111">
        <v>11.437685624831532</v>
      </c>
      <c r="AB73" s="140">
        <v>12.892528712701987</v>
      </c>
      <c r="AC73" s="146">
        <v>8.6656250503933556</v>
      </c>
      <c r="AD73" s="146">
        <v>6.3937831428878455</v>
      </c>
      <c r="AE73" s="146">
        <v>5.6983013298984027</v>
      </c>
      <c r="AF73" s="146">
        <v>5.084933631607111</v>
      </c>
      <c r="AG73" s="140">
        <v>5.9683372034015596</v>
      </c>
      <c r="AH73" s="146">
        <v>5.3146263233836901</v>
      </c>
      <c r="AI73" s="140">
        <v>5.4701489159883199</v>
      </c>
      <c r="AJ73" s="145">
        <v>5.6550487527852091</v>
      </c>
      <c r="AK73" s="140">
        <v>5.7056240506505516</v>
      </c>
      <c r="AL73" s="140">
        <v>5.6793107286979918</v>
      </c>
      <c r="AM73" s="140">
        <v>6.0273032254871026</v>
      </c>
      <c r="AN73" s="140">
        <v>6.6306695669298383</v>
      </c>
      <c r="AO73" s="140">
        <v>6.7409901926030962</v>
      </c>
      <c r="AP73" s="140">
        <v>6.3973720174876654</v>
      </c>
      <c r="AQ73" s="8">
        <v>6.357385653754041</v>
      </c>
      <c r="AR73" s="140">
        <v>7.0339546859572932</v>
      </c>
      <c r="AS73" s="140">
        <v>5.9674848700280734</v>
      </c>
      <c r="AT73" s="140">
        <v>6.6938085054381036</v>
      </c>
      <c r="AU73" s="146">
        <v>7.5070438513262658</v>
      </c>
      <c r="AV73" s="140">
        <v>6.7936947417403433</v>
      </c>
      <c r="AW73" s="140">
        <v>7.3373670819442003</v>
      </c>
      <c r="AX73" s="140">
        <v>8.2008896855812434</v>
      </c>
      <c r="AY73" s="140">
        <v>8.9765761828968316</v>
      </c>
      <c r="AZ73" s="146">
        <v>6.0778408123555892</v>
      </c>
      <c r="BA73" s="140">
        <v>8.1119112912841302</v>
      </c>
      <c r="BB73" s="145">
        <v>6.132726159706162</v>
      </c>
      <c r="BC73" s="146">
        <v>6.3808444408971194</v>
      </c>
      <c r="BD73" s="145">
        <v>7.5378041820162922</v>
      </c>
      <c r="BE73" s="212"/>
    </row>
    <row r="74" spans="3:57" x14ac:dyDescent="0.2">
      <c r="C74" s="157" t="s">
        <v>71</v>
      </c>
      <c r="D74" s="158" t="s">
        <v>58</v>
      </c>
      <c r="E74" s="146">
        <v>4.9421489482660599</v>
      </c>
      <c r="F74" s="140">
        <v>4.8537265435835355</v>
      </c>
      <c r="G74" s="146">
        <v>4.808849334771665</v>
      </c>
      <c r="H74" s="146">
        <v>4.8466679818504641</v>
      </c>
      <c r="I74" s="146">
        <v>4.7703491567589458</v>
      </c>
      <c r="J74" s="140">
        <v>4.8518859621550261</v>
      </c>
      <c r="K74" s="146">
        <v>4.8555248973305956</v>
      </c>
      <c r="L74" s="146">
        <v>4.8379456065682627</v>
      </c>
      <c r="M74" s="146">
        <v>4.7894390686422739</v>
      </c>
      <c r="N74" s="146">
        <v>4.7979720856366246</v>
      </c>
      <c r="O74" s="146">
        <v>4.8179874540662926</v>
      </c>
      <c r="P74" s="146">
        <v>4.759063676542806</v>
      </c>
      <c r="Q74" s="146">
        <v>4.7512953367875648</v>
      </c>
      <c r="R74" s="146">
        <v>4.9034274287308746</v>
      </c>
      <c r="S74" s="146">
        <v>4.7245761970063898</v>
      </c>
      <c r="T74" s="140">
        <v>4.7973211956049058</v>
      </c>
      <c r="U74" s="140">
        <v>4.7324277191372186</v>
      </c>
      <c r="V74" s="140">
        <v>4.7893880859111171</v>
      </c>
      <c r="W74" s="140">
        <v>4.8099915226987049</v>
      </c>
      <c r="X74" s="146">
        <v>4.7412568461889544</v>
      </c>
      <c r="Y74" s="146">
        <v>4.6311669542709231</v>
      </c>
      <c r="Z74" s="140">
        <v>4.6878896163777206</v>
      </c>
      <c r="AA74" s="111">
        <v>4.8024084877897666</v>
      </c>
      <c r="AB74" s="140">
        <v>4.7517012173381552</v>
      </c>
      <c r="AC74" s="146">
        <v>4.7464652259832985</v>
      </c>
      <c r="AD74" s="146">
        <v>4.4230676675526182</v>
      </c>
      <c r="AE74" s="146">
        <v>4.7308302425106987</v>
      </c>
      <c r="AF74" s="146">
        <v>4.7618888807447037</v>
      </c>
      <c r="AG74" s="140">
        <v>4.7390101649725045</v>
      </c>
      <c r="AH74" s="146">
        <v>4.8173429241346426</v>
      </c>
      <c r="AI74" s="140">
        <v>4.7291699149239061</v>
      </c>
      <c r="AJ74" s="145">
        <v>4.6674376325623674</v>
      </c>
      <c r="AK74" s="140">
        <v>4.525892306381528</v>
      </c>
      <c r="AL74" s="140">
        <v>5.0322678934161784</v>
      </c>
      <c r="AM74" s="140">
        <v>5.1407582841207349</v>
      </c>
      <c r="AN74" s="140">
        <v>5.0844283562102444</v>
      </c>
      <c r="AO74" s="140">
        <v>5.1187503619202044</v>
      </c>
      <c r="AP74" s="140">
        <v>5.1079516888670575</v>
      </c>
      <c r="AQ74" s="8">
        <v>5.1438046468553376</v>
      </c>
      <c r="AR74" s="140">
        <v>5.098431936617227</v>
      </c>
      <c r="AS74" s="140">
        <v>5.0230409462599201</v>
      </c>
      <c r="AT74" s="140">
        <v>5.1209262573115035</v>
      </c>
      <c r="AU74" s="146">
        <v>5.1254664853762257</v>
      </c>
      <c r="AV74" s="140">
        <v>5.1207809869187937</v>
      </c>
      <c r="AW74" s="140">
        <v>5.1569500531349632</v>
      </c>
      <c r="AX74" s="140">
        <v>5.1573620537031575</v>
      </c>
      <c r="AY74" s="140">
        <v>5.1495423522564945</v>
      </c>
      <c r="AZ74" s="146">
        <v>5.0951635765719789</v>
      </c>
      <c r="BA74" s="140">
        <v>5.1202275441573963</v>
      </c>
      <c r="BB74" s="145">
        <v>5.1468201456237361</v>
      </c>
      <c r="BC74" s="146">
        <v>4.9785702228224178</v>
      </c>
      <c r="BD74" s="145">
        <v>4.8241520986062998</v>
      </c>
      <c r="BE74" s="212"/>
    </row>
    <row r="75" spans="3:57" x14ac:dyDescent="0.2">
      <c r="C75" s="157" t="s">
        <v>102</v>
      </c>
      <c r="D75" s="158" t="s">
        <v>58</v>
      </c>
      <c r="E75" s="146">
        <v>5.5979028153242316</v>
      </c>
      <c r="F75" s="140">
        <v>6.1720212718316168</v>
      </c>
      <c r="G75" s="146">
        <v>6.4427322388432851</v>
      </c>
      <c r="H75" s="146">
        <v>6.5985044349039308</v>
      </c>
      <c r="I75" s="146">
        <v>6.584963486614587</v>
      </c>
      <c r="J75" s="140">
        <v>6.5897552675781759</v>
      </c>
      <c r="K75" s="146">
        <v>6.6738266550399139</v>
      </c>
      <c r="L75" s="146">
        <v>6.6773664531374823</v>
      </c>
      <c r="M75" s="146">
        <v>6.5133653241552771</v>
      </c>
      <c r="N75" s="146">
        <v>6.6164611956007313</v>
      </c>
      <c r="O75" s="146">
        <v>6.6450878114304901</v>
      </c>
      <c r="P75" s="146">
        <v>6.586121487591905</v>
      </c>
      <c r="Q75" s="146">
        <v>6.5404485648034294</v>
      </c>
      <c r="R75" s="146">
        <v>6.5299791133698895</v>
      </c>
      <c r="S75" s="146">
        <v>5.9582800951255459</v>
      </c>
      <c r="T75" s="140">
        <v>5.6280233494796308</v>
      </c>
      <c r="U75" s="140">
        <v>5.5622898244727565</v>
      </c>
      <c r="V75" s="140">
        <v>5.5619990069837311</v>
      </c>
      <c r="W75" s="140">
        <v>5.7089419468210298</v>
      </c>
      <c r="X75" s="146">
        <v>5.578350976747001</v>
      </c>
      <c r="Y75" s="146">
        <v>5.574806098588148</v>
      </c>
      <c r="Z75" s="140">
        <v>5.5835083876946685</v>
      </c>
      <c r="AA75" s="111">
        <v>5.3785087819997699</v>
      </c>
      <c r="AB75" s="140">
        <v>5.367355509154935</v>
      </c>
      <c r="AC75" s="146">
        <v>5.2361896176942979</v>
      </c>
      <c r="AD75" s="146">
        <v>5.2069828115286692</v>
      </c>
      <c r="AE75" s="146">
        <v>5.2651923606530087</v>
      </c>
      <c r="AF75" s="146">
        <v>5.2591596688175848</v>
      </c>
      <c r="AG75" s="140">
        <v>5.3444084201746689</v>
      </c>
      <c r="AH75" s="146">
        <v>5.2821722550529282</v>
      </c>
      <c r="AI75" s="140">
        <v>5.2660508395186296</v>
      </c>
      <c r="AJ75" s="145">
        <v>5.2767718842570721</v>
      </c>
      <c r="AK75" s="140">
        <v>6.1159488422270512</v>
      </c>
      <c r="AL75" s="140">
        <v>5.1427561058469902</v>
      </c>
      <c r="AM75" s="140">
        <v>5.1689567492237352</v>
      </c>
      <c r="AN75" s="140">
        <v>5.1718835891766952</v>
      </c>
      <c r="AO75" s="140">
        <v>5.2162808819186974</v>
      </c>
      <c r="AP75" s="140">
        <v>5.1584450269548441</v>
      </c>
      <c r="AQ75" s="8">
        <v>5.0838235085075842</v>
      </c>
      <c r="AR75" s="140">
        <v>5.205462799347413</v>
      </c>
      <c r="AS75" s="140">
        <v>5.3256368098323152</v>
      </c>
      <c r="AT75" s="140">
        <v>5.0853956061878955</v>
      </c>
      <c r="AU75" s="146">
        <v>5.0992423869435335</v>
      </c>
      <c r="AV75" s="140">
        <v>5.0946544860328427</v>
      </c>
      <c r="AW75" s="140">
        <v>5.0502847506640247</v>
      </c>
      <c r="AX75" s="140">
        <v>5.1059584684792911</v>
      </c>
      <c r="AY75" s="140">
        <v>5.1388797035102938</v>
      </c>
      <c r="AZ75" s="146">
        <v>5.179693610929661</v>
      </c>
      <c r="BA75" s="140">
        <v>5.4294183195233963</v>
      </c>
      <c r="BB75" s="145">
        <v>5.4281499151645471</v>
      </c>
      <c r="BC75" s="146">
        <v>5.4924290756924483</v>
      </c>
      <c r="BD75" s="145">
        <v>5.5307891282360293</v>
      </c>
      <c r="BE75" s="212"/>
    </row>
    <row r="76" spans="3:57" x14ac:dyDescent="0.2">
      <c r="C76" s="157" t="s">
        <v>72</v>
      </c>
      <c r="D76" s="158" t="s">
        <v>58</v>
      </c>
      <c r="E76" s="146">
        <v>10.203403362012754</v>
      </c>
      <c r="F76" s="140">
        <v>10.405255731540263</v>
      </c>
      <c r="G76" s="146">
        <v>10.755204233252098</v>
      </c>
      <c r="H76" s="146">
        <v>10.223672428206692</v>
      </c>
      <c r="I76" s="146">
        <v>9.3855194645481408</v>
      </c>
      <c r="J76" s="140">
        <v>9.7199437056108913</v>
      </c>
      <c r="K76" s="146">
        <v>9.8013412192055149</v>
      </c>
      <c r="L76" s="146">
        <v>11.284481196232301</v>
      </c>
      <c r="M76" s="146">
        <v>12.958792441728294</v>
      </c>
      <c r="N76" s="146">
        <v>13.784952643892129</v>
      </c>
      <c r="O76" s="146">
        <v>12.630956162068776</v>
      </c>
      <c r="P76" s="146">
        <v>12.877980066987991</v>
      </c>
      <c r="Q76" s="146">
        <v>12.590319489240644</v>
      </c>
      <c r="R76" s="146">
        <v>11.578975527819082</v>
      </c>
      <c r="S76" s="146">
        <v>11.605607952234831</v>
      </c>
      <c r="T76" s="140">
        <v>12.312951886322388</v>
      </c>
      <c r="U76" s="140">
        <v>12.335807203214973</v>
      </c>
      <c r="V76" s="140">
        <v>11.594602151862789</v>
      </c>
      <c r="W76" s="140">
        <v>11.238486123438843</v>
      </c>
      <c r="X76" s="146">
        <v>11.010511499524535</v>
      </c>
      <c r="Y76" s="146">
        <v>11.076229719307946</v>
      </c>
      <c r="Z76" s="140">
        <v>10.80618361597943</v>
      </c>
      <c r="AA76" s="111">
        <v>11.00451241095409</v>
      </c>
      <c r="AB76" s="140">
        <v>10.866647541591515</v>
      </c>
      <c r="AC76" s="146">
        <v>9.8372590626177114</v>
      </c>
      <c r="AD76" s="146">
        <v>9.0785698082150077</v>
      </c>
      <c r="AE76" s="146">
        <v>10.041428944219321</v>
      </c>
      <c r="AF76" s="146">
        <v>10.812204000270064</v>
      </c>
      <c r="AG76" s="140">
        <v>11.009650553090873</v>
      </c>
      <c r="AH76" s="146">
        <v>10.813946051297753</v>
      </c>
      <c r="AI76" s="140">
        <v>10.139768444953233</v>
      </c>
      <c r="AJ76" s="145">
        <v>9.4388563943418902</v>
      </c>
      <c r="AK76" s="140">
        <v>9.6070245105476992</v>
      </c>
      <c r="AL76" s="140">
        <v>9.2481705747565055</v>
      </c>
      <c r="AM76" s="140">
        <v>9.2605914057619287</v>
      </c>
      <c r="AN76" s="140">
        <v>8.5844267105280068</v>
      </c>
      <c r="AO76" s="140">
        <v>8.3240942896988042</v>
      </c>
      <c r="AP76" s="140">
        <v>8.012789185862573</v>
      </c>
      <c r="AQ76" s="8">
        <v>7.5355803804340171</v>
      </c>
      <c r="AR76" s="140">
        <v>8.0974864975708254</v>
      </c>
      <c r="AS76" s="140">
        <v>8.3228655468549348</v>
      </c>
      <c r="AT76" s="140">
        <v>8.2384223013599396</v>
      </c>
      <c r="AU76" s="146">
        <v>8.5293685770835168</v>
      </c>
      <c r="AV76" s="140">
        <v>8.4142205507956156</v>
      </c>
      <c r="AW76" s="140">
        <v>7.6894374652116646</v>
      </c>
      <c r="AX76" s="140">
        <v>7.7728614682013752</v>
      </c>
      <c r="AY76" s="140">
        <v>7.5907256903409266</v>
      </c>
      <c r="AZ76" s="146">
        <v>7.8265219232141288</v>
      </c>
      <c r="BA76" s="140">
        <v>8.1837406497003009</v>
      </c>
      <c r="BB76" s="145">
        <v>8.2744638656405254</v>
      </c>
      <c r="BC76" s="146">
        <v>8.3086416168800845</v>
      </c>
      <c r="BD76" s="145">
        <v>9.0468847084160355</v>
      </c>
      <c r="BE76" s="212"/>
    </row>
    <row r="77" spans="3:57" x14ac:dyDescent="0.2">
      <c r="C77" s="157" t="s">
        <v>73</v>
      </c>
      <c r="D77" s="158" t="s">
        <v>58</v>
      </c>
      <c r="E77" s="146">
        <v>6.1485842731171836</v>
      </c>
      <c r="F77" s="140">
        <v>6.029797413224232</v>
      </c>
      <c r="G77" s="146">
        <v>6.0774496855345914</v>
      </c>
      <c r="H77" s="146">
        <v>6.0883005104908214</v>
      </c>
      <c r="I77" s="146">
        <v>6.1688500098149435</v>
      </c>
      <c r="J77" s="140">
        <v>5.8592756909836341</v>
      </c>
      <c r="K77" s="146">
        <v>5.7406313583080717</v>
      </c>
      <c r="L77" s="146">
        <v>5.8154054914075415</v>
      </c>
      <c r="M77" s="146">
        <v>6.3509712571757744</v>
      </c>
      <c r="N77" s="146">
        <v>6.3399473572794314</v>
      </c>
      <c r="O77" s="146">
        <v>6.4411916668264526</v>
      </c>
      <c r="P77" s="146">
        <v>6.3860469656403378</v>
      </c>
      <c r="Q77" s="146">
        <v>6.4063278668365866</v>
      </c>
      <c r="R77" s="146">
        <v>6.2351846423417854</v>
      </c>
      <c r="S77" s="146">
        <v>6.3903698254540311</v>
      </c>
      <c r="T77" s="140">
        <v>6.1542016063600071</v>
      </c>
      <c r="U77" s="140">
        <v>6.1979633128336395</v>
      </c>
      <c r="V77" s="140">
        <v>6.6473112435579678</v>
      </c>
      <c r="W77" s="140">
        <v>6.8102960647673694</v>
      </c>
      <c r="X77" s="146">
        <v>6.7218142271157166</v>
      </c>
      <c r="Y77" s="146">
        <v>6.1072560399045761</v>
      </c>
      <c r="Z77" s="140">
        <v>6.1074981066859264</v>
      </c>
      <c r="AA77" s="111">
        <v>6.077651117738224</v>
      </c>
      <c r="AB77" s="140">
        <v>5.6889346005565917</v>
      </c>
      <c r="AC77" s="146">
        <v>5.6560114410741678</v>
      </c>
      <c r="AD77" s="146">
        <v>5.9884291754167922</v>
      </c>
      <c r="AE77" s="146">
        <v>5.7698844731745353</v>
      </c>
      <c r="AF77" s="146">
        <v>5.8156022867010275</v>
      </c>
      <c r="AG77" s="140">
        <v>5.9355722159225763</v>
      </c>
      <c r="AH77" s="146">
        <v>5.5915833200306491</v>
      </c>
      <c r="AI77" s="140">
        <v>6.089529759625611</v>
      </c>
      <c r="AJ77" s="145">
        <v>6.2166028780796241</v>
      </c>
      <c r="AK77" s="140">
        <v>6.2703746871648187</v>
      </c>
      <c r="AL77" s="140">
        <v>6.1032210492261063</v>
      </c>
      <c r="AM77" s="140">
        <v>6.0021567635616631</v>
      </c>
      <c r="AN77" s="140">
        <v>5.9668965722066192</v>
      </c>
      <c r="AO77" s="140">
        <v>5.5004809152757828</v>
      </c>
      <c r="AP77" s="140">
        <v>5.4870215419501136</v>
      </c>
      <c r="AQ77" s="8">
        <v>5.3274551941606543</v>
      </c>
      <c r="AR77" s="140">
        <v>5.6507022285375275</v>
      </c>
      <c r="AS77" s="140">
        <v>5.7500141630351189</v>
      </c>
      <c r="AT77" s="140">
        <v>5.7175662151601978</v>
      </c>
      <c r="AU77" s="146">
        <v>5.7089716790368765</v>
      </c>
      <c r="AV77" s="140">
        <v>5.751941631546277</v>
      </c>
      <c r="AW77" s="140">
        <v>5.7768093825155384</v>
      </c>
      <c r="AX77" s="140">
        <v>5.8665965001201581</v>
      </c>
      <c r="AY77" s="140">
        <v>5.8348867656738514</v>
      </c>
      <c r="AZ77" s="146">
        <v>5.7784869039754394</v>
      </c>
      <c r="BA77" s="140">
        <v>6.0004248520858399</v>
      </c>
      <c r="BB77" s="145">
        <v>6.0570330704859998</v>
      </c>
      <c r="BC77" s="146">
        <v>6.1192532227219614</v>
      </c>
      <c r="BD77" s="145">
        <v>6.2244180097023083</v>
      </c>
      <c r="BE77" s="212"/>
    </row>
    <row r="78" spans="3:57" x14ac:dyDescent="0.2">
      <c r="C78" s="157" t="s">
        <v>74</v>
      </c>
      <c r="D78" s="158" t="s">
        <v>58</v>
      </c>
      <c r="E78" s="146">
        <v>2.0268955944210472</v>
      </c>
      <c r="F78" s="140">
        <v>2.0189593912034542</v>
      </c>
      <c r="G78" s="146">
        <v>2.0250927695469194</v>
      </c>
      <c r="H78" s="146">
        <v>2.0241880400259555</v>
      </c>
      <c r="I78" s="146">
        <v>2.0263065046689301</v>
      </c>
      <c r="J78" s="140">
        <v>2.0310758170132077</v>
      </c>
      <c r="K78" s="146">
        <v>2.0225952353082266</v>
      </c>
      <c r="L78" s="146">
        <v>2.0236945593817324</v>
      </c>
      <c r="M78" s="146">
        <v>2.0277789978358478</v>
      </c>
      <c r="N78" s="146">
        <v>2.0192785044827604</v>
      </c>
      <c r="O78" s="146">
        <v>2.0194972030193594</v>
      </c>
      <c r="P78" s="146">
        <v>2.0262333791239704</v>
      </c>
      <c r="Q78" s="146">
        <v>2.0235814343553504</v>
      </c>
      <c r="R78" s="146">
        <v>2.0097756014127399</v>
      </c>
      <c r="S78" s="146">
        <v>2.0251429098895897</v>
      </c>
      <c r="T78" s="140">
        <v>2.0287252672610303</v>
      </c>
      <c r="U78" s="184">
        <v>2.0114875131445764</v>
      </c>
      <c r="V78" s="140">
        <v>2.026331911566722</v>
      </c>
      <c r="W78" s="140">
        <v>2.020915305635187</v>
      </c>
      <c r="X78" s="146">
        <v>2.026893867965168</v>
      </c>
      <c r="Y78" s="146">
        <v>2.0236109993062152</v>
      </c>
      <c r="Z78" s="140">
        <v>2.025422707422361</v>
      </c>
      <c r="AA78" s="111">
        <v>2.0240779959358517</v>
      </c>
      <c r="AB78" s="140">
        <v>2.0315909549316307</v>
      </c>
      <c r="AC78" s="146">
        <v>2.046166083490863</v>
      </c>
      <c r="AD78" s="146">
        <v>2.0368747698791907</v>
      </c>
      <c r="AE78" s="146">
        <v>2.0318088028282033</v>
      </c>
      <c r="AF78" s="146">
        <v>2.0083094481725317</v>
      </c>
      <c r="AG78" s="140">
        <v>2.0262244939548775</v>
      </c>
      <c r="AH78" s="146">
        <v>2.0258537064650737</v>
      </c>
      <c r="AI78" s="140">
        <v>2.0812207107369112</v>
      </c>
      <c r="AJ78" s="145">
        <v>2.0932763585675538</v>
      </c>
      <c r="AK78" s="140">
        <v>2.0618989149424896</v>
      </c>
      <c r="AL78" s="140">
        <v>2.0415753722596852</v>
      </c>
      <c r="AM78" s="140">
        <v>2.0681606644759074</v>
      </c>
      <c r="AN78" s="140">
        <v>2.0319558202334105</v>
      </c>
      <c r="AO78" s="140">
        <v>2.0300855062409404</v>
      </c>
      <c r="AP78" s="140">
        <v>2.0483910329414385</v>
      </c>
      <c r="AQ78" s="8">
        <v>2.0548844857879254</v>
      </c>
      <c r="AR78" s="140">
        <v>2.0342206713637134</v>
      </c>
      <c r="AS78" s="140">
        <v>2.0323169592990094</v>
      </c>
      <c r="AT78" s="140">
        <v>2.0449136837970463</v>
      </c>
      <c r="AU78" s="146">
        <v>2.0496439153722532</v>
      </c>
      <c r="AV78" s="140">
        <v>2.0412066950051129</v>
      </c>
      <c r="AW78" s="140">
        <v>2.0396100237836414</v>
      </c>
      <c r="AX78" s="140">
        <v>2.0690073871800463</v>
      </c>
      <c r="AY78" s="140">
        <v>2.1051626862155373</v>
      </c>
      <c r="AZ78" s="146">
        <v>2.068139201649652</v>
      </c>
      <c r="BA78" s="140">
        <v>2.0964341707340868</v>
      </c>
      <c r="BB78" s="145">
        <v>2.0929027246325891</v>
      </c>
      <c r="BC78" s="146">
        <v>2.0768770777239447</v>
      </c>
      <c r="BD78" s="145">
        <v>2.1432185461522404</v>
      </c>
      <c r="BE78" s="212"/>
    </row>
    <row r="79" spans="3:57" x14ac:dyDescent="0.2">
      <c r="C79" s="126" t="s">
        <v>78</v>
      </c>
      <c r="D79" s="158" t="s">
        <v>58</v>
      </c>
      <c r="E79" s="146">
        <v>0.4438174670653498</v>
      </c>
      <c r="F79" s="140">
        <v>0.42068907764480656</v>
      </c>
      <c r="G79" s="146">
        <v>0.43898146010715394</v>
      </c>
      <c r="H79" s="146">
        <v>0.46647668802868575</v>
      </c>
      <c r="I79" s="146">
        <v>0.46934329503959832</v>
      </c>
      <c r="J79" s="140">
        <v>0.45826332260930058</v>
      </c>
      <c r="K79" s="146">
        <v>0.47284841491824275</v>
      </c>
      <c r="L79" s="146">
        <v>0.47693467575190251</v>
      </c>
      <c r="M79" s="146">
        <v>0.47653382150681645</v>
      </c>
      <c r="N79" s="146">
        <v>0.45962185877249701</v>
      </c>
      <c r="O79" s="146">
        <v>0.46318477836608046</v>
      </c>
      <c r="P79" s="146">
        <v>0.49273626937587206</v>
      </c>
      <c r="Q79" s="198">
        <v>0.497561180316343</v>
      </c>
      <c r="R79" s="146">
        <v>0.49682774949865743</v>
      </c>
      <c r="S79" s="198">
        <v>0.49251958116846489</v>
      </c>
      <c r="T79" s="184">
        <v>0.51039826286683754</v>
      </c>
      <c r="U79" s="140">
        <v>0.52098050007593244</v>
      </c>
      <c r="V79" s="140">
        <v>0.53444439950438527</v>
      </c>
      <c r="W79" s="140">
        <v>0.54063557004389362</v>
      </c>
      <c r="X79" s="146">
        <v>0.54223043698467677</v>
      </c>
      <c r="Y79" s="146">
        <v>0.55922907596601334</v>
      </c>
      <c r="Z79" s="140">
        <v>0.59302668788559543</v>
      </c>
      <c r="AA79" s="111">
        <v>0.61150960001666199</v>
      </c>
      <c r="AB79" s="140">
        <v>0.60831867422939712</v>
      </c>
      <c r="AC79" s="146">
        <v>0.58614444963585122</v>
      </c>
      <c r="AD79" s="146">
        <v>0.52563469180471178</v>
      </c>
      <c r="AE79" s="146">
        <v>0.50633599542839591</v>
      </c>
      <c r="AF79" s="146">
        <v>0.46643047362664669</v>
      </c>
      <c r="AG79" s="140">
        <v>0.45496627835434517</v>
      </c>
      <c r="AH79" s="146">
        <v>0.44110734846713628</v>
      </c>
      <c r="AI79" s="140">
        <v>0.44680664962198358</v>
      </c>
      <c r="AJ79" s="145">
        <v>0.43860900613764769</v>
      </c>
      <c r="AK79" s="140">
        <v>0.42595980758376195</v>
      </c>
      <c r="AL79" s="140">
        <v>0.45361559896470988</v>
      </c>
      <c r="AM79" s="140">
        <v>0.42295931138546561</v>
      </c>
      <c r="AN79" s="140">
        <v>0.4480792424268224</v>
      </c>
      <c r="AO79" s="140">
        <v>0.45828077803047634</v>
      </c>
      <c r="AP79" s="140">
        <v>0.48811453166083751</v>
      </c>
      <c r="AQ79" s="8">
        <v>0.48299257991645178</v>
      </c>
      <c r="AR79" s="140">
        <v>0.49152852001338621</v>
      </c>
      <c r="AS79" s="140">
        <v>0.49026644989605311</v>
      </c>
      <c r="AT79" s="140">
        <v>0.47899201128812785</v>
      </c>
      <c r="AU79" s="146">
        <v>0.48545134023162628</v>
      </c>
      <c r="AV79" s="140">
        <v>0.50194393735131582</v>
      </c>
      <c r="AW79" s="140">
        <v>0.49778550874362854</v>
      </c>
      <c r="AX79" s="140">
        <v>0.49554928041812668</v>
      </c>
      <c r="AY79" s="140">
        <v>0.498522617314059</v>
      </c>
      <c r="AZ79" s="146">
        <v>0.49298501475437045</v>
      </c>
      <c r="BA79" s="140">
        <v>0.49096239224234062</v>
      </c>
      <c r="BB79" s="145">
        <v>0.47387286619408342</v>
      </c>
      <c r="BC79" s="146">
        <v>0.46408296431643137</v>
      </c>
      <c r="BD79" s="145">
        <v>0.49216973741449305</v>
      </c>
      <c r="BE79" s="212"/>
    </row>
    <row r="80" spans="3:57" x14ac:dyDescent="0.2">
      <c r="C80" s="126" t="s">
        <v>79</v>
      </c>
      <c r="D80" s="158" t="s">
        <v>58</v>
      </c>
      <c r="E80" s="146">
        <v>0.68833033567083646</v>
      </c>
      <c r="F80" s="140">
        <v>0.69225876642396844</v>
      </c>
      <c r="G80" s="146">
        <v>0.6309561336496321</v>
      </c>
      <c r="H80" s="146">
        <v>0.65560804218481239</v>
      </c>
      <c r="I80" s="146">
        <v>0.65139613485750159</v>
      </c>
      <c r="J80" s="140">
        <v>0.75382353500821364</v>
      </c>
      <c r="K80" s="146">
        <v>0.78558389675881846</v>
      </c>
      <c r="L80" s="146">
        <v>0.83383596813127003</v>
      </c>
      <c r="M80" s="146">
        <v>0.83068726909833512</v>
      </c>
      <c r="N80" s="146">
        <v>0.76341547557813916</v>
      </c>
      <c r="O80" s="146">
        <v>0.82173962971388959</v>
      </c>
      <c r="P80" s="146">
        <v>0.71664915481733149</v>
      </c>
      <c r="Q80" s="146">
        <v>0.68111559010973211</v>
      </c>
      <c r="R80" s="146">
        <v>0.67407277325091319</v>
      </c>
      <c r="S80" s="146">
        <v>0.7733499791124393</v>
      </c>
      <c r="T80" s="140">
        <v>0.72580539749429085</v>
      </c>
      <c r="U80" s="140">
        <v>0.86139935993284555</v>
      </c>
      <c r="V80" s="140">
        <v>0.81137950314031726</v>
      </c>
      <c r="W80" s="140">
        <v>0.7735901461260819</v>
      </c>
      <c r="X80" s="146">
        <v>0.84671986245508857</v>
      </c>
      <c r="Y80" s="146">
        <v>1.0084758881287841</v>
      </c>
      <c r="Z80" s="140">
        <v>0.90975709147862405</v>
      </c>
      <c r="AA80" s="111">
        <v>0.9555838471981144</v>
      </c>
      <c r="AB80" s="140">
        <v>0.95279952903896337</v>
      </c>
      <c r="AC80" s="153">
        <v>0.97217749133157993</v>
      </c>
      <c r="AD80" s="146">
        <v>0.97348400385494815</v>
      </c>
      <c r="AE80" s="146">
        <v>0.86161137253351261</v>
      </c>
      <c r="AF80" s="146">
        <v>0.8549456401741633</v>
      </c>
      <c r="AG80" s="140">
        <v>0.88825144199957284</v>
      </c>
      <c r="AH80" s="146">
        <v>0.8179963572240655</v>
      </c>
      <c r="AI80" s="140">
        <v>0.79767752631182332</v>
      </c>
      <c r="AJ80" s="145">
        <v>0.73287410629728689</v>
      </c>
      <c r="AK80" s="140">
        <v>0.86423079172026662</v>
      </c>
      <c r="AL80" s="140">
        <v>0.87333768431765146</v>
      </c>
      <c r="AM80" s="140">
        <v>0.82194971327745925</v>
      </c>
      <c r="AN80" s="140">
        <v>0.94731188124945787</v>
      </c>
      <c r="AO80" s="140">
        <v>1.0752180440865353</v>
      </c>
      <c r="AP80" s="140">
        <v>0.97378004660289419</v>
      </c>
      <c r="AQ80" s="8">
        <v>0.95640089366046965</v>
      </c>
      <c r="AR80" s="140">
        <v>0.86550975769594118</v>
      </c>
      <c r="AS80" s="140">
        <v>0.8594341129749008</v>
      </c>
      <c r="AT80" s="140">
        <v>0.81548768146608042</v>
      </c>
      <c r="AU80" s="146">
        <v>0.72262133842318477</v>
      </c>
      <c r="AV80" s="140">
        <v>0.79117072387257159</v>
      </c>
      <c r="AW80" s="140">
        <v>0.81870047970296667</v>
      </c>
      <c r="AX80" s="140">
        <v>0.81241722190770649</v>
      </c>
      <c r="AY80" s="140">
        <v>0.81617365009589671</v>
      </c>
      <c r="AZ80" s="146">
        <v>0.83289475407688784</v>
      </c>
      <c r="BA80" s="140">
        <v>0.87485235692043395</v>
      </c>
      <c r="BB80" s="145">
        <v>0.84238133535013537</v>
      </c>
      <c r="BC80" s="146">
        <v>0.81366174120103085</v>
      </c>
      <c r="BD80" s="145">
        <v>0.83836894333039447</v>
      </c>
      <c r="BE80" s="212"/>
    </row>
    <row r="81" spans="3:57" x14ac:dyDescent="0.2">
      <c r="C81" s="126" t="s">
        <v>80</v>
      </c>
      <c r="D81" s="158" t="s">
        <v>58</v>
      </c>
      <c r="E81" s="146">
        <v>1.0270139647118064</v>
      </c>
      <c r="F81" s="140">
        <v>1.1079363843619587</v>
      </c>
      <c r="G81" s="146">
        <v>1.2244211826515887</v>
      </c>
      <c r="H81" s="146">
        <v>1.4124490261707423</v>
      </c>
      <c r="I81" s="146">
        <v>1.5440746797867078</v>
      </c>
      <c r="J81" s="140">
        <v>1.7064649066782744</v>
      </c>
      <c r="K81" s="146">
        <v>1.7362157800340741</v>
      </c>
      <c r="L81" s="146">
        <v>1.1925728030788967</v>
      </c>
      <c r="M81" s="146">
        <v>1.1113116825540115</v>
      </c>
      <c r="N81" s="146">
        <v>1.2832576897258394</v>
      </c>
      <c r="O81" s="146">
        <v>0.91577318025612631</v>
      </c>
      <c r="P81" s="146">
        <v>0.79664470097200557</v>
      </c>
      <c r="Q81" s="146">
        <v>0.7198910663395981</v>
      </c>
      <c r="R81" s="146">
        <v>0.71262803557322318</v>
      </c>
      <c r="S81" s="146">
        <v>0.68398956772130237</v>
      </c>
      <c r="T81" s="140">
        <v>0.62402624454784306</v>
      </c>
      <c r="U81" s="140">
        <v>0.67808242812505526</v>
      </c>
      <c r="V81" s="140">
        <v>0.66295238174279036</v>
      </c>
      <c r="W81" s="140">
        <v>0.86730665449192179</v>
      </c>
      <c r="X81" s="146">
        <v>1.1046802968356939</v>
      </c>
      <c r="Y81" s="146">
        <v>1.1674033518590714</v>
      </c>
      <c r="Z81" s="140">
        <v>1.1037394326043719</v>
      </c>
      <c r="AA81" s="111">
        <v>0.96005509425493718</v>
      </c>
      <c r="AB81" s="140">
        <v>0.8312895489000508</v>
      </c>
      <c r="AC81" s="146">
        <v>0.55664440739083876</v>
      </c>
      <c r="AD81" s="146">
        <v>0.5980134032865384</v>
      </c>
      <c r="AE81" s="146">
        <v>0.59492826551605449</v>
      </c>
      <c r="AF81" s="146">
        <v>0.6449803542534539</v>
      </c>
      <c r="AG81" s="140">
        <v>0.63889689986105969</v>
      </c>
      <c r="AH81" s="146">
        <v>0.79552306547249041</v>
      </c>
      <c r="AI81" s="140">
        <v>0.79284455372418494</v>
      </c>
      <c r="AJ81" s="145">
        <v>0.78125838796760505</v>
      </c>
      <c r="AK81" s="140">
        <v>1.0732681864156228</v>
      </c>
      <c r="AL81" s="140">
        <v>1.0234877499028456</v>
      </c>
      <c r="AM81" s="140">
        <v>0.98360007451277209</v>
      </c>
      <c r="AN81" s="140">
        <v>1.1406961626606997</v>
      </c>
      <c r="AO81" s="140">
        <v>1.1791684524152313</v>
      </c>
      <c r="AP81" s="140">
        <v>0.73479434746258143</v>
      </c>
      <c r="AQ81" s="8">
        <v>0.69277030762569802</v>
      </c>
      <c r="AR81" s="140">
        <v>0.62961416187925501</v>
      </c>
      <c r="AS81" s="184">
        <v>0.69158462621050154</v>
      </c>
      <c r="AT81" s="140">
        <v>0.70105536980121486</v>
      </c>
      <c r="AU81" s="146">
        <v>1.2204442231852777</v>
      </c>
      <c r="AV81" s="140">
        <v>1.1375886575356602</v>
      </c>
      <c r="AW81" s="140">
        <v>1.1548511561474968</v>
      </c>
      <c r="AX81" s="140">
        <v>1.2128740064924388</v>
      </c>
      <c r="AY81" s="140">
        <v>1.1247397207740664</v>
      </c>
      <c r="AZ81" s="146">
        <v>1.1892075411967415</v>
      </c>
      <c r="BA81" s="140">
        <v>1.2920988783470622</v>
      </c>
      <c r="BB81" s="145">
        <v>1.7480265072759111</v>
      </c>
      <c r="BC81" s="146">
        <v>1.8648855523538301</v>
      </c>
      <c r="BD81" s="145">
        <v>1.8499881877649067</v>
      </c>
      <c r="BE81" s="212"/>
    </row>
    <row r="82" spans="3:57" x14ac:dyDescent="0.2">
      <c r="C82" s="126" t="s">
        <v>122</v>
      </c>
      <c r="D82" s="158" t="s">
        <v>58</v>
      </c>
      <c r="E82" s="146">
        <v>0.69125501765380759</v>
      </c>
      <c r="F82" s="140">
        <v>0.6868077102133523</v>
      </c>
      <c r="G82" s="146">
        <v>0.76973071210518529</v>
      </c>
      <c r="H82" s="146">
        <v>0.74104220305134239</v>
      </c>
      <c r="I82" s="146">
        <v>0.76937807906069611</v>
      </c>
      <c r="J82" s="140">
        <v>0.82070074699877815</v>
      </c>
      <c r="K82" s="146">
        <v>0.86101934228194654</v>
      </c>
      <c r="L82" s="146">
        <v>0.89486561550181265</v>
      </c>
      <c r="M82" s="146">
        <v>0.93227312051270639</v>
      </c>
      <c r="N82" s="146">
        <v>0.99261458400554248</v>
      </c>
      <c r="O82" s="146">
        <v>1.148762562144688</v>
      </c>
      <c r="P82" s="146">
        <v>1.1658883435140917</v>
      </c>
      <c r="Q82" s="146">
        <v>1.1506483217387333</v>
      </c>
      <c r="R82" s="146">
        <v>1.1723502816016076</v>
      </c>
      <c r="S82" s="146">
        <v>1.1784353442296993</v>
      </c>
      <c r="T82" s="140">
        <v>1.2268427692000194</v>
      </c>
      <c r="U82" s="140">
        <v>0.99746610401040603</v>
      </c>
      <c r="V82" s="140">
        <v>0.95089307480626095</v>
      </c>
      <c r="W82" s="140">
        <v>0.95148709301919276</v>
      </c>
      <c r="X82" s="146">
        <v>0.88247935686954337</v>
      </c>
      <c r="Y82" s="146">
        <v>0.84736562492250878</v>
      </c>
      <c r="Z82" s="140">
        <v>0.83794503656799202</v>
      </c>
      <c r="AA82" s="111">
        <v>0.83856422684857912</v>
      </c>
      <c r="AB82" s="140">
        <v>0.84038486064952622</v>
      </c>
      <c r="AC82" s="146">
        <v>0.78726901696255935</v>
      </c>
      <c r="AD82" s="146">
        <v>0.75327915786366517</v>
      </c>
      <c r="AE82" s="146">
        <v>0.73695240799721617</v>
      </c>
      <c r="AF82" s="146">
        <v>0.68451692409604081</v>
      </c>
      <c r="AG82" s="140">
        <v>0.66100371895073884</v>
      </c>
      <c r="AH82" s="146">
        <v>0.64827037456548053</v>
      </c>
      <c r="AI82" s="140">
        <v>0.64826952536335669</v>
      </c>
      <c r="AJ82" s="145">
        <v>0.63353475644117108</v>
      </c>
      <c r="AK82" s="140">
        <v>0.64206907228793875</v>
      </c>
      <c r="AL82" s="140">
        <v>0.67276784151842517</v>
      </c>
      <c r="AM82" s="140">
        <v>0.6670540402452444</v>
      </c>
      <c r="AN82" s="140">
        <v>0.6674021191445475</v>
      </c>
      <c r="AO82" s="140">
        <v>0.6909138526379931</v>
      </c>
      <c r="AP82" s="140">
        <v>0.69827668241264829</v>
      </c>
      <c r="AQ82" s="8">
        <v>0.69633561705774694</v>
      </c>
      <c r="AR82" s="140">
        <v>0.69060260780786098</v>
      </c>
      <c r="AS82" s="140">
        <v>0.66626982998663042</v>
      </c>
      <c r="AT82" s="140">
        <v>0.6398080484175771</v>
      </c>
      <c r="AU82" s="146">
        <v>0.68602026134098981</v>
      </c>
      <c r="AV82" s="140">
        <v>0.69738206766318012</v>
      </c>
      <c r="AW82" s="140">
        <v>0.71505003088566854</v>
      </c>
      <c r="AX82" s="140">
        <v>0.69750080026280969</v>
      </c>
      <c r="AY82" s="140">
        <v>0.7319764102971057</v>
      </c>
      <c r="AZ82" s="146">
        <v>0.77023663713065849</v>
      </c>
      <c r="BA82" s="140">
        <v>0.73532110544352536</v>
      </c>
      <c r="BB82" s="145">
        <v>0.78261415507239573</v>
      </c>
      <c r="BC82" s="146">
        <v>0.75766531343416021</v>
      </c>
      <c r="BD82" s="145">
        <v>0.70779260006661948</v>
      </c>
      <c r="BE82" s="212"/>
    </row>
    <row r="83" spans="3:57" x14ac:dyDescent="0.2">
      <c r="C83" s="126" t="s">
        <v>82</v>
      </c>
      <c r="D83" s="158" t="s">
        <v>58</v>
      </c>
      <c r="E83" s="146">
        <v>3.07</v>
      </c>
      <c r="F83" s="140">
        <v>2.8786535148437671</v>
      </c>
      <c r="G83" s="146">
        <v>3.3832577501015297</v>
      </c>
      <c r="H83" s="146">
        <v>3.7147506942533339</v>
      </c>
      <c r="I83" s="146">
        <v>4.0789327589846858</v>
      </c>
      <c r="J83" s="140">
        <v>4.0157427918187318</v>
      </c>
      <c r="K83" s="146">
        <v>4.2492163753915779</v>
      </c>
      <c r="L83" s="146">
        <v>3.9792392893523516</v>
      </c>
      <c r="M83" s="146">
        <v>4.3721869733573007</v>
      </c>
      <c r="N83" s="146">
        <v>4.3344855640924678</v>
      </c>
      <c r="O83" s="146">
        <v>3.4022921060652243</v>
      </c>
      <c r="P83" s="146">
        <v>2.5169635276682327</v>
      </c>
      <c r="Q83" s="146">
        <v>2.7372993768794367</v>
      </c>
      <c r="R83" s="146">
        <v>2.6599578547227498</v>
      </c>
      <c r="S83" s="146">
        <v>3.4056959327059233</v>
      </c>
      <c r="T83" s="140">
        <v>3.4348537541744872</v>
      </c>
      <c r="U83" s="140">
        <v>3.4724162830635104</v>
      </c>
      <c r="V83" s="140">
        <v>2.9543668256770461</v>
      </c>
      <c r="W83" s="140">
        <v>2.9124138227775811</v>
      </c>
      <c r="X83" s="146">
        <v>2.6610054769019347</v>
      </c>
      <c r="Y83" s="146">
        <v>3.0406785658057194</v>
      </c>
      <c r="Z83" s="140">
        <v>3.1460816240920235</v>
      </c>
      <c r="AA83" s="111">
        <v>3.1856261851298799</v>
      </c>
      <c r="AB83" s="140">
        <v>2.832484950047367</v>
      </c>
      <c r="AC83" s="146">
        <v>2.4344359594959646</v>
      </c>
      <c r="AD83" s="146">
        <v>2.3412013778548642</v>
      </c>
      <c r="AE83" s="146">
        <v>2.2069553384978109</v>
      </c>
      <c r="AF83" s="146">
        <v>2.679020204354563</v>
      </c>
      <c r="AG83" s="140">
        <v>3.2969019314585752</v>
      </c>
      <c r="AH83" s="146">
        <v>4.1108435506541241</v>
      </c>
      <c r="AI83" s="140">
        <v>4.0880413606408235</v>
      </c>
      <c r="AJ83" s="145">
        <v>4.226994274374408</v>
      </c>
      <c r="AK83" s="140">
        <v>4.0245293757783651</v>
      </c>
      <c r="AL83" s="140">
        <v>3.8943426806430428</v>
      </c>
      <c r="AM83" s="140">
        <v>4.2264415888953595</v>
      </c>
      <c r="AN83" s="140">
        <v>5.1473903729187374</v>
      </c>
      <c r="AO83" s="140">
        <v>6.4290671603292147</v>
      </c>
      <c r="AP83" s="140">
        <v>5.6365786478913185</v>
      </c>
      <c r="AQ83" s="8">
        <v>3.5873246186712886</v>
      </c>
      <c r="AR83" s="140">
        <v>3.1191220784672353</v>
      </c>
      <c r="AS83" s="140">
        <v>2.7748257328234662</v>
      </c>
      <c r="AT83" s="140">
        <v>2.7807956487679815</v>
      </c>
      <c r="AU83" s="146">
        <v>4.1859174045970819</v>
      </c>
      <c r="AV83" s="140">
        <v>5.2322307626902473</v>
      </c>
      <c r="AW83" s="140">
        <v>5.0945461508840078</v>
      </c>
      <c r="AX83" s="140">
        <v>3.7093108957163463</v>
      </c>
      <c r="AY83" s="140">
        <v>3.3797837977448886</v>
      </c>
      <c r="AZ83" s="146">
        <v>2.6734291560161934</v>
      </c>
      <c r="BA83" s="140">
        <v>3.0752426138796483</v>
      </c>
      <c r="BB83" s="145">
        <v>3.1216690344777502</v>
      </c>
      <c r="BC83" s="146">
        <v>3.0833883887607567</v>
      </c>
      <c r="BD83" s="145">
        <v>2.540777355318069</v>
      </c>
      <c r="BE83" s="212"/>
    </row>
    <row r="84" spans="3:57" x14ac:dyDescent="0.2">
      <c r="C84" s="126" t="s">
        <v>84</v>
      </c>
      <c r="D84" s="158" t="s">
        <v>85</v>
      </c>
      <c r="E84" s="146">
        <v>0.66426205764267954</v>
      </c>
      <c r="F84" s="140">
        <v>0.62854276076625193</v>
      </c>
      <c r="G84" s="146">
        <v>0.70186373437076333</v>
      </c>
      <c r="H84" s="146">
        <v>0.74773597451578255</v>
      </c>
      <c r="I84" s="146">
        <v>0.76938123484972953</v>
      </c>
      <c r="J84" s="140">
        <v>0.80961380737868205</v>
      </c>
      <c r="K84" s="146">
        <v>0.80851609771233812</v>
      </c>
      <c r="L84" s="146">
        <v>0.76817826354829166</v>
      </c>
      <c r="M84" s="146">
        <v>0.80229494028666171</v>
      </c>
      <c r="N84" s="146">
        <v>0.78477470251772452</v>
      </c>
      <c r="O84" s="146">
        <v>0.73675136381146467</v>
      </c>
      <c r="P84" s="146">
        <v>0.73409887900930249</v>
      </c>
      <c r="Q84" s="146">
        <v>0.73769664290081316</v>
      </c>
      <c r="R84" s="146">
        <v>0.77012235831251674</v>
      </c>
      <c r="S84" s="146">
        <v>0.77109820932217321</v>
      </c>
      <c r="T84" s="140">
        <v>0.80079174183822255</v>
      </c>
      <c r="U84" s="140">
        <v>0.73949124953269263</v>
      </c>
      <c r="V84" s="140">
        <v>0.67335311033653888</v>
      </c>
      <c r="W84" s="140">
        <v>0.65233173041195391</v>
      </c>
      <c r="X84" s="146">
        <v>0.66710663246208535</v>
      </c>
      <c r="Y84" s="146">
        <v>0.67506726390867111</v>
      </c>
      <c r="Z84" s="140">
        <v>0.66459945388349506</v>
      </c>
      <c r="AA84" s="111">
        <v>0.64641332534844431</v>
      </c>
      <c r="AB84" s="140">
        <v>0.64661814153038832</v>
      </c>
      <c r="AC84" s="146">
        <v>0.6530019020477229</v>
      </c>
      <c r="AD84" s="146">
        <v>0.65469752471772524</v>
      </c>
      <c r="AE84" s="146">
        <v>0.71148767404503566</v>
      </c>
      <c r="AF84" s="146">
        <v>0.72772148447244611</v>
      </c>
      <c r="AG84" s="140">
        <v>0.73654162684429625</v>
      </c>
      <c r="AH84" s="146">
        <v>0.72790524127023859</v>
      </c>
      <c r="AI84" s="140">
        <v>0.68401629821542742</v>
      </c>
      <c r="AJ84" s="145">
        <v>0.7256643730850646</v>
      </c>
      <c r="AK84" s="140">
        <v>0.7186074141847385</v>
      </c>
      <c r="AL84" s="140">
        <v>0.71488805795015409</v>
      </c>
      <c r="AM84" s="140">
        <v>0.73929496051556221</v>
      </c>
      <c r="AN84" s="140">
        <v>0.72727790297888673</v>
      </c>
      <c r="AO84" s="140">
        <v>0.80545987926348517</v>
      </c>
      <c r="AP84" s="140">
        <v>0.78533141292243358</v>
      </c>
      <c r="AQ84" s="8">
        <v>0.7661065147420314</v>
      </c>
      <c r="AR84" s="140">
        <v>0.68573598564862492</v>
      </c>
      <c r="AS84" s="140">
        <v>0.73281904194649305</v>
      </c>
      <c r="AT84" s="140">
        <v>0.69552057811956558</v>
      </c>
      <c r="AU84" s="146">
        <v>0.69380707504701855</v>
      </c>
      <c r="AV84" s="140">
        <v>0.67658730630641339</v>
      </c>
      <c r="AW84" s="140">
        <v>0.69404581969651891</v>
      </c>
      <c r="AX84" s="140">
        <v>0.69625598029463309</v>
      </c>
      <c r="AY84" s="140">
        <v>0.71811251153230804</v>
      </c>
      <c r="AZ84" s="146">
        <v>0.70128424437478698</v>
      </c>
      <c r="BA84" s="140">
        <v>0.69679519313029559</v>
      </c>
      <c r="BB84" s="145">
        <v>0.72686787195815239</v>
      </c>
      <c r="BC84" s="146">
        <v>0.73806822104329617</v>
      </c>
      <c r="BD84" s="145">
        <v>0.72094541047850291</v>
      </c>
      <c r="BE84" s="212"/>
    </row>
    <row r="85" spans="3:57" x14ac:dyDescent="0.2">
      <c r="C85" s="126" t="s">
        <v>118</v>
      </c>
      <c r="D85" s="158" t="s">
        <v>58</v>
      </c>
      <c r="E85" s="146">
        <v>1.4125437161027792</v>
      </c>
      <c r="F85" s="140">
        <v>1.6492012706559269</v>
      </c>
      <c r="G85" s="146">
        <v>1.8243436471311278</v>
      </c>
      <c r="H85" s="146">
        <v>1.858959495006195</v>
      </c>
      <c r="I85" s="146">
        <v>2.162506250983546</v>
      </c>
      <c r="J85" s="140">
        <v>2.4877045615634392</v>
      </c>
      <c r="K85" s="146">
        <v>2.5999741204666482</v>
      </c>
      <c r="L85" s="146">
        <v>2.6946728672943152</v>
      </c>
      <c r="M85" s="146">
        <v>2.7738529402149292</v>
      </c>
      <c r="N85" s="146">
        <v>2.5345171417807357</v>
      </c>
      <c r="O85" s="146">
        <v>2.0433775378229906</v>
      </c>
      <c r="P85" s="146">
        <v>2.3713233079511373</v>
      </c>
      <c r="Q85" s="146">
        <v>2.2729631234208085</v>
      </c>
      <c r="R85" s="146">
        <v>2.547736856121273</v>
      </c>
      <c r="S85" s="146">
        <v>2.6522978149092777</v>
      </c>
      <c r="T85" s="140">
        <v>1.9130485388712382</v>
      </c>
      <c r="U85" s="140">
        <v>1.6932708047111953</v>
      </c>
      <c r="V85" s="140">
        <v>1.4474404119476665</v>
      </c>
      <c r="W85" s="140">
        <v>1.3110443653561539</v>
      </c>
      <c r="X85" s="146">
        <v>1.0961092706224329</v>
      </c>
      <c r="Y85" s="146">
        <v>1.1154140621928685</v>
      </c>
      <c r="Z85" s="140">
        <v>0.9859811839592344</v>
      </c>
      <c r="AA85" s="111">
        <v>0.97287540716805565</v>
      </c>
      <c r="AB85" s="140">
        <v>1.0055745131362979</v>
      </c>
      <c r="AC85" s="146">
        <v>1.6701298033397407</v>
      </c>
      <c r="AD85" s="146">
        <v>1.5171473075169382</v>
      </c>
      <c r="AE85" s="146">
        <v>1.7525590724009263</v>
      </c>
      <c r="AF85" s="146">
        <v>1.9694221225237749</v>
      </c>
      <c r="AG85" s="140">
        <v>1.9328874916232512</v>
      </c>
      <c r="AH85" s="146">
        <v>1.535553261241305</v>
      </c>
      <c r="AI85" s="140">
        <v>1.4094403513081377</v>
      </c>
      <c r="AJ85" s="145">
        <v>1.4231230166624811</v>
      </c>
      <c r="AK85" s="140">
        <v>1.4179177653424397</v>
      </c>
      <c r="AL85" s="140">
        <v>1.4299563917166229</v>
      </c>
      <c r="AM85" s="140">
        <v>1.434468991627712</v>
      </c>
      <c r="AN85" s="140">
        <v>1.6320008320771782</v>
      </c>
      <c r="AO85" s="140">
        <v>1.7832088078361641</v>
      </c>
      <c r="AP85" s="140">
        <v>1.467039526822373</v>
      </c>
      <c r="AQ85" s="8">
        <v>1.3963542742694801</v>
      </c>
      <c r="AR85" s="140">
        <v>1.7430169291290636</v>
      </c>
      <c r="AS85" s="140">
        <v>1.8939949488116177</v>
      </c>
      <c r="AT85" s="140">
        <v>1.7222780455508766</v>
      </c>
      <c r="AU85" s="146">
        <v>1.3422553817959768</v>
      </c>
      <c r="AV85" s="140">
        <v>1.3507061880449369</v>
      </c>
      <c r="AW85" s="140">
        <v>1.3473846342295099</v>
      </c>
      <c r="AX85" s="140">
        <v>1.2703392364704464</v>
      </c>
      <c r="AY85" s="140">
        <v>1.4267888401049122</v>
      </c>
      <c r="AZ85" s="146">
        <v>1.6635839144396523</v>
      </c>
      <c r="BA85" s="140">
        <v>1.7164070966157576</v>
      </c>
      <c r="BB85" s="145">
        <v>1.7263983038927726</v>
      </c>
      <c r="BC85" s="146">
        <v>1.5915147151797644</v>
      </c>
      <c r="BD85" s="145">
        <v>1.5579510694986969</v>
      </c>
      <c r="BE85" s="212"/>
    </row>
    <row r="86" spans="3:57" x14ac:dyDescent="0.2">
      <c r="C86" s="126" t="s">
        <v>104</v>
      </c>
      <c r="D86" s="158" t="s">
        <v>58</v>
      </c>
      <c r="E86" s="146">
        <v>1.4328131328758811</v>
      </c>
      <c r="F86" s="140">
        <v>1.6165436364144694</v>
      </c>
      <c r="G86" s="146">
        <v>1.7277094614726471</v>
      </c>
      <c r="H86" s="146">
        <v>1.8093883714816428</v>
      </c>
      <c r="I86" s="146">
        <v>1.9048336222274413</v>
      </c>
      <c r="J86" s="140">
        <v>1.9543887306184138</v>
      </c>
      <c r="K86" s="146">
        <v>2.1148876130953855</v>
      </c>
      <c r="L86" s="146">
        <v>2.1422363920721663</v>
      </c>
      <c r="M86" s="146">
        <v>2.1162552414919813</v>
      </c>
      <c r="N86" s="146">
        <v>2.0748698802778622</v>
      </c>
      <c r="O86" s="146">
        <v>1.8719157262181976</v>
      </c>
      <c r="P86" s="146">
        <v>1.6082827641664106</v>
      </c>
      <c r="Q86" s="146">
        <v>1.73139471829703</v>
      </c>
      <c r="R86" s="146">
        <v>2.2089150930695913</v>
      </c>
      <c r="S86" s="146">
        <v>2.3026327723245279</v>
      </c>
      <c r="T86" s="140">
        <v>2.2526650144862783</v>
      </c>
      <c r="U86" s="140">
        <v>2.0757841105101358</v>
      </c>
      <c r="V86" s="140">
        <v>1.8756879987660233</v>
      </c>
      <c r="W86" s="140">
        <v>1.6572018102760033</v>
      </c>
      <c r="X86" s="146">
        <v>1.120027334980251</v>
      </c>
      <c r="Y86" s="146">
        <v>1.1373362943763357</v>
      </c>
      <c r="Z86" s="140">
        <v>1.2435498066843003</v>
      </c>
      <c r="AA86" s="111">
        <v>1.2250930143449545</v>
      </c>
      <c r="AB86" s="140">
        <v>1.121491095996721</v>
      </c>
      <c r="AC86" s="146">
        <v>0.95080746106600544</v>
      </c>
      <c r="AD86" s="146">
        <v>1.0661573401634525</v>
      </c>
      <c r="AE86" s="146">
        <v>1.0191376821275617</v>
      </c>
      <c r="AF86" s="146">
        <v>0.93078560978059965</v>
      </c>
      <c r="AG86" s="140">
        <v>0.96477376669147208</v>
      </c>
      <c r="AH86" s="146">
        <v>1.1354184656710951</v>
      </c>
      <c r="AI86" s="140">
        <v>1.3834277674783575</v>
      </c>
      <c r="AJ86" s="145">
        <v>1.3532814957123349</v>
      </c>
      <c r="AK86" s="140">
        <v>1.4120513970714976</v>
      </c>
      <c r="AL86" s="140">
        <v>1.3684474710065089</v>
      </c>
      <c r="AM86" s="140">
        <v>1.3001781181933589</v>
      </c>
      <c r="AN86" s="140">
        <v>1.2294593036423909</v>
      </c>
      <c r="AO86" s="140">
        <v>1.569888720557993</v>
      </c>
      <c r="AP86" s="140">
        <v>1.6807258313957854</v>
      </c>
      <c r="AQ86" s="8">
        <v>1.7202467419352059</v>
      </c>
      <c r="AR86" s="140">
        <v>1.7782777416000777</v>
      </c>
      <c r="AS86" s="140">
        <v>1.8659180747916884</v>
      </c>
      <c r="AT86" s="140">
        <v>1.7672628251543532</v>
      </c>
      <c r="AU86" s="146">
        <v>1.4964191095998725</v>
      </c>
      <c r="AV86" s="140">
        <v>1.4479623405288078</v>
      </c>
      <c r="AW86" s="140">
        <v>1.7420540137316241</v>
      </c>
      <c r="AX86" s="140">
        <v>1.683502817166012</v>
      </c>
      <c r="AY86" s="140">
        <v>1.7680417592881525</v>
      </c>
      <c r="AZ86" s="146">
        <v>1.6481446815140466</v>
      </c>
      <c r="BA86" s="140">
        <v>1.7153000775572911</v>
      </c>
      <c r="BB86" s="145">
        <v>1.9918077185025664</v>
      </c>
      <c r="BC86" s="146">
        <v>2.0751481879673719</v>
      </c>
      <c r="BD86" s="145">
        <v>2.1271423249801091</v>
      </c>
      <c r="BE86" s="212"/>
    </row>
    <row r="87" spans="3:57" x14ac:dyDescent="0.2">
      <c r="C87" s="126" t="s">
        <v>87</v>
      </c>
      <c r="D87" s="158" t="s">
        <v>58</v>
      </c>
      <c r="E87" s="146">
        <v>0.61870650423945017</v>
      </c>
      <c r="F87" s="140">
        <v>0.64374370692290994</v>
      </c>
      <c r="G87" s="146">
        <v>0.64285823869967929</v>
      </c>
      <c r="H87" s="146">
        <v>0.67836084606441349</v>
      </c>
      <c r="I87" s="146">
        <v>0.68090032203699302</v>
      </c>
      <c r="J87" s="140">
        <v>0.67854517533139969</v>
      </c>
      <c r="K87" s="146">
        <v>0.70971144084863225</v>
      </c>
      <c r="L87" s="146">
        <v>0.70715481329817897</v>
      </c>
      <c r="M87" s="146">
        <v>0.78261596557097135</v>
      </c>
      <c r="N87" s="146">
        <v>0.92863561642605097</v>
      </c>
      <c r="O87" s="146">
        <v>0.93761338269577743</v>
      </c>
      <c r="P87" s="146">
        <v>0.96630846414174043</v>
      </c>
      <c r="Q87" s="146">
        <v>0.9519277400760785</v>
      </c>
      <c r="R87" s="146">
        <v>0.94366819008211167</v>
      </c>
      <c r="S87" s="146">
        <v>0.98275072507598138</v>
      </c>
      <c r="T87" s="140">
        <v>0.97215731160551222</v>
      </c>
      <c r="U87" s="140">
        <v>0.97502744267301256</v>
      </c>
      <c r="V87" s="140">
        <v>0.9984984274719374</v>
      </c>
      <c r="W87" s="140">
        <v>1.002811028651867</v>
      </c>
      <c r="X87" s="146">
        <v>0.98523785647971807</v>
      </c>
      <c r="Y87" s="146">
        <v>0.95418017544216482</v>
      </c>
      <c r="Z87" s="140">
        <v>0.97144373924309135</v>
      </c>
      <c r="AA87" s="111">
        <v>0.98527128557377452</v>
      </c>
      <c r="AB87" s="140">
        <v>0.94969082695373641</v>
      </c>
      <c r="AC87" s="146">
        <v>0.94480399138760129</v>
      </c>
      <c r="AD87" s="146">
        <v>0.91122802218127319</v>
      </c>
      <c r="AE87" s="146">
        <v>0.86106238920582401</v>
      </c>
      <c r="AF87" s="146">
        <v>0.7887549101526109</v>
      </c>
      <c r="AG87" s="140">
        <v>0.77028435394208505</v>
      </c>
      <c r="AH87" s="146">
        <v>0.73992453820089632</v>
      </c>
      <c r="AI87" s="140">
        <v>0.76732319364870816</v>
      </c>
      <c r="AJ87" s="145">
        <v>0.76310812568377073</v>
      </c>
      <c r="AK87" s="140">
        <v>0.703301319147557</v>
      </c>
      <c r="AL87" s="140">
        <v>0.70911012094452641</v>
      </c>
      <c r="AM87" s="140">
        <v>0.6860347855682476</v>
      </c>
      <c r="AN87" s="140">
        <v>0.81574045473276835</v>
      </c>
      <c r="AO87" s="140">
        <v>0.83138995171401142</v>
      </c>
      <c r="AP87" s="140">
        <v>0.87238263542840211</v>
      </c>
      <c r="AQ87" s="8">
        <v>0.80607663104773186</v>
      </c>
      <c r="AR87" s="140">
        <v>0.72044460078562778</v>
      </c>
      <c r="AS87" s="140">
        <v>0.72378032531218051</v>
      </c>
      <c r="AT87" s="140">
        <v>0.73039156046663845</v>
      </c>
      <c r="AU87" s="146">
        <v>0.70441655583828544</v>
      </c>
      <c r="AV87" s="140">
        <v>0.68804032244663149</v>
      </c>
      <c r="AW87" s="140">
        <v>0.70929869593040229</v>
      </c>
      <c r="AX87" s="140">
        <v>0.71071589499118393</v>
      </c>
      <c r="AY87" s="140">
        <v>0.70342265875997512</v>
      </c>
      <c r="AZ87" s="146">
        <v>0.7076164839367669</v>
      </c>
      <c r="BA87" s="140">
        <v>0.68773176827937321</v>
      </c>
      <c r="BB87" s="145">
        <v>0.68026402720700729</v>
      </c>
      <c r="BC87" s="146">
        <v>0.69813225455757888</v>
      </c>
      <c r="BD87" s="145">
        <v>0.70976050111791844</v>
      </c>
      <c r="BE87" s="212"/>
    </row>
    <row r="88" spans="3:57" x14ac:dyDescent="0.2">
      <c r="C88" s="126" t="s">
        <v>88</v>
      </c>
      <c r="D88" s="158" t="s">
        <v>58</v>
      </c>
      <c r="E88" s="140">
        <v>0.93428490410345166</v>
      </c>
      <c r="F88" s="140">
        <v>0.9587769962763758</v>
      </c>
      <c r="G88" s="140">
        <v>0.98485989004316332</v>
      </c>
      <c r="H88" s="140">
        <v>0.93432520071025182</v>
      </c>
      <c r="I88" s="140">
        <v>0.9871890016232675</v>
      </c>
      <c r="J88" s="140">
        <v>1.0250857164128806</v>
      </c>
      <c r="K88" s="140">
        <v>0.87115390891978572</v>
      </c>
      <c r="L88" s="140">
        <v>0.8899131397470269</v>
      </c>
      <c r="M88" s="140">
        <v>0.89267900668912215</v>
      </c>
      <c r="N88" s="140">
        <v>0.98949766734949074</v>
      </c>
      <c r="O88" s="140">
        <v>1.0221956352190313</v>
      </c>
      <c r="P88" s="146">
        <v>1.0079596216168871</v>
      </c>
      <c r="Q88" s="140">
        <v>1.0670223265267635</v>
      </c>
      <c r="R88" s="146">
        <v>0.99738716769938029</v>
      </c>
      <c r="S88" s="140">
        <v>1.0442264681865068</v>
      </c>
      <c r="T88" s="140">
        <v>1.0229452122555178</v>
      </c>
      <c r="U88" s="140">
        <v>0.87175838847479115</v>
      </c>
      <c r="V88" s="140">
        <v>1.1932258541335239</v>
      </c>
      <c r="W88" s="140">
        <v>1.2241205595483824</v>
      </c>
      <c r="X88" s="146">
        <v>1.0908521586138258</v>
      </c>
      <c r="Y88" s="140">
        <v>0.89858713460914497</v>
      </c>
      <c r="Z88" s="140">
        <v>0.92037442148804183</v>
      </c>
      <c r="AA88" s="111">
        <v>1.0338486336536366</v>
      </c>
      <c r="AB88" s="140">
        <v>0.98976548445936807</v>
      </c>
      <c r="AC88" s="140">
        <v>1.0424781412999531</v>
      </c>
      <c r="AD88" s="140">
        <v>1.1668294938391124</v>
      </c>
      <c r="AE88" s="140">
        <v>1.1895496949519824</v>
      </c>
      <c r="AF88" s="140">
        <v>1.2485932620274001</v>
      </c>
      <c r="AG88" s="140">
        <v>1.2197987607841079</v>
      </c>
      <c r="AH88" s="140">
        <v>1.1690788964758037</v>
      </c>
      <c r="AI88" s="140">
        <v>1.1876926377426114</v>
      </c>
      <c r="AJ88" s="194">
        <v>1.1642774583542495</v>
      </c>
      <c r="AK88" s="140">
        <v>1.2542507704394237</v>
      </c>
      <c r="AL88" s="140">
        <v>1.3273293389015397</v>
      </c>
      <c r="AM88" s="140">
        <v>1.2362646215182309</v>
      </c>
      <c r="AN88" s="140">
        <v>1.297944682258529</v>
      </c>
      <c r="AO88" s="140">
        <v>1.3295624079055872</v>
      </c>
      <c r="AP88" s="140">
        <v>1.2150584849621751</v>
      </c>
      <c r="AQ88" s="17">
        <v>1.2895656687014674</v>
      </c>
      <c r="AR88" s="140">
        <v>1.3906428382469653</v>
      </c>
      <c r="AS88" s="140">
        <v>1.4005430166558639</v>
      </c>
      <c r="AT88" s="140">
        <v>1.2815695601462405</v>
      </c>
      <c r="AU88" s="140">
        <v>1.1840491252828536</v>
      </c>
      <c r="AV88" s="140">
        <v>1.2157465970114656</v>
      </c>
      <c r="AW88" s="140">
        <v>1.1844644211975333</v>
      </c>
      <c r="AX88" s="140">
        <v>1.1542905557006706</v>
      </c>
      <c r="AY88" s="140">
        <v>1.1359257689599054</v>
      </c>
      <c r="AZ88" s="140">
        <v>1.0965322739889156</v>
      </c>
      <c r="BA88" s="140">
        <v>1.055796649355544</v>
      </c>
      <c r="BB88" s="194">
        <v>0.99588030094391478</v>
      </c>
      <c r="BC88" s="140">
        <v>1.0368855986036263</v>
      </c>
      <c r="BD88" s="194">
        <v>1.0522019271573686</v>
      </c>
      <c r="BE88" s="212"/>
    </row>
    <row r="89" spans="3:57" x14ac:dyDescent="0.2">
      <c r="C89" s="166" t="s">
        <v>123</v>
      </c>
      <c r="D89" s="158" t="s">
        <v>58</v>
      </c>
      <c r="E89" s="140">
        <v>1.028846807072914</v>
      </c>
      <c r="F89" s="140">
        <v>1.2738196707408858</v>
      </c>
      <c r="G89" s="140">
        <v>1.1257969178886917</v>
      </c>
      <c r="H89" s="140">
        <v>1.1159029040543309</v>
      </c>
      <c r="I89" s="140">
        <v>1.3505638628124883</v>
      </c>
      <c r="J89" s="140">
        <v>1.6083950609703055</v>
      </c>
      <c r="K89" s="140">
        <v>1.6166451225471925</v>
      </c>
      <c r="L89" s="140">
        <v>1.6274063186681418</v>
      </c>
      <c r="M89" s="140">
        <v>1.5841405486000388</v>
      </c>
      <c r="N89" s="140">
        <v>1.65163369812407</v>
      </c>
      <c r="O89" s="140">
        <v>1.7328544780739041</v>
      </c>
      <c r="P89" s="146">
        <v>1.7659372864359129</v>
      </c>
      <c r="Q89" s="140">
        <v>1.8059375728902303</v>
      </c>
      <c r="R89" s="146">
        <v>1.748753109708882</v>
      </c>
      <c r="S89" s="140">
        <v>1.816309394096115</v>
      </c>
      <c r="T89" s="140">
        <v>1.9285117131177616</v>
      </c>
      <c r="U89" s="140">
        <v>1.9548486885197267</v>
      </c>
      <c r="V89" s="140">
        <v>2.031588186809703</v>
      </c>
      <c r="W89" s="140">
        <v>2.0558718497686366</v>
      </c>
      <c r="X89" s="146">
        <v>2.0589589172403588</v>
      </c>
      <c r="Y89" s="140">
        <v>2.2768307678233657</v>
      </c>
      <c r="Z89" s="140">
        <v>2.5130913368331629</v>
      </c>
      <c r="AA89" s="111">
        <v>2.7200492077220857</v>
      </c>
      <c r="AB89" s="140">
        <v>2.615184211321667</v>
      </c>
      <c r="AC89" s="140">
        <v>2.6352557340680569</v>
      </c>
      <c r="AD89" s="140">
        <v>2.6626681112314916</v>
      </c>
      <c r="AE89" s="140">
        <v>2.2859531116951217</v>
      </c>
      <c r="AF89" s="140">
        <v>1.9959753525299204</v>
      </c>
      <c r="AG89" s="140">
        <v>1.9065751031164071</v>
      </c>
      <c r="AH89" s="140">
        <v>1.5462317924275952</v>
      </c>
      <c r="AI89" s="140">
        <v>1.586877333576177</v>
      </c>
      <c r="AJ89" s="194">
        <v>1.5429226464950003</v>
      </c>
      <c r="AK89" s="140">
        <v>1.633867969119269</v>
      </c>
      <c r="AL89" s="140">
        <v>1.7992895978466172</v>
      </c>
      <c r="AM89" s="140">
        <v>1.8755657598623245</v>
      </c>
      <c r="AN89" s="140">
        <v>1.8165418581831325</v>
      </c>
      <c r="AO89" s="140">
        <v>1.5965064196004803</v>
      </c>
      <c r="AP89" s="140">
        <v>1.6722134848447241</v>
      </c>
      <c r="AQ89" s="17">
        <v>1.6796931675789752</v>
      </c>
      <c r="AR89" s="140">
        <v>1.6741229043453978</v>
      </c>
      <c r="AS89" s="140">
        <v>1.722975276504233</v>
      </c>
      <c r="AT89" s="140">
        <v>1.3675505228581188</v>
      </c>
      <c r="AU89" s="140">
        <v>1.3603788172087472</v>
      </c>
      <c r="AV89" s="140">
        <v>1.2417952438569517</v>
      </c>
      <c r="AW89" s="140">
        <v>1.2027246204736015</v>
      </c>
      <c r="AX89" s="140">
        <v>1.3208781810885237</v>
      </c>
      <c r="AY89" s="140">
        <v>1.3821003874316518</v>
      </c>
      <c r="AZ89" s="140">
        <v>1.3015967651131244</v>
      </c>
      <c r="BA89" s="140">
        <v>1.3297817052582599</v>
      </c>
      <c r="BB89" s="194">
        <v>1.4367176340101369</v>
      </c>
      <c r="BC89" s="140">
        <v>1.4821159427731916</v>
      </c>
      <c r="BD89" s="194">
        <v>1.3280015261516995</v>
      </c>
      <c r="BE89" s="212"/>
    </row>
    <row r="90" spans="3:57" x14ac:dyDescent="0.2">
      <c r="C90" s="166" t="s">
        <v>100</v>
      </c>
      <c r="D90" s="158" t="s">
        <v>58</v>
      </c>
      <c r="E90" s="146">
        <v>1.0483230475788821</v>
      </c>
      <c r="F90" s="140">
        <v>1.1020535878282811</v>
      </c>
      <c r="G90" s="146">
        <v>0.95513186261448657</v>
      </c>
      <c r="H90" s="146">
        <v>0.72070408658712148</v>
      </c>
      <c r="I90" s="146">
        <v>0.86050080880797453</v>
      </c>
      <c r="J90" s="140">
        <v>0.85639831399548327</v>
      </c>
      <c r="K90" s="146">
        <v>0.94139071715716172</v>
      </c>
      <c r="L90" s="146">
        <v>0.94827889686027134</v>
      </c>
      <c r="M90" s="146">
        <v>1.0218231762593888</v>
      </c>
      <c r="N90" s="146">
        <v>0.99719658360760766</v>
      </c>
      <c r="O90" s="146">
        <v>0.97529736428234204</v>
      </c>
      <c r="P90" s="146">
        <v>1.0345241971055894</v>
      </c>
      <c r="Q90" s="146">
        <v>1.0389481783209744</v>
      </c>
      <c r="R90" s="146">
        <v>1.0208758064639143</v>
      </c>
      <c r="S90" s="146">
        <v>0.99836631809995691</v>
      </c>
      <c r="T90" s="140">
        <v>0.98139632809163457</v>
      </c>
      <c r="U90" s="140">
        <v>0.85844264165661854</v>
      </c>
      <c r="V90" s="140">
        <v>0.87467244204466266</v>
      </c>
      <c r="W90" s="140">
        <v>1.0405958379627458</v>
      </c>
      <c r="X90" s="146">
        <v>1.0400417192868818</v>
      </c>
      <c r="Y90" s="146">
        <v>1.1457105313112079</v>
      </c>
      <c r="Z90" s="140">
        <v>1.0933328065985504</v>
      </c>
      <c r="AA90" s="111">
        <v>1.0050803804576027</v>
      </c>
      <c r="AB90" s="140">
        <v>1.0158004736209461</v>
      </c>
      <c r="AC90" s="146">
        <v>0.98750407648899408</v>
      </c>
      <c r="AD90" s="146">
        <v>1.0179757886156926</v>
      </c>
      <c r="AE90" s="146">
        <v>0.99253416364087599</v>
      </c>
      <c r="AF90" s="146">
        <v>1.0330061411368203</v>
      </c>
      <c r="AG90" s="140">
        <v>1.0337679572463776</v>
      </c>
      <c r="AH90" s="146">
        <v>1.0537136953244381</v>
      </c>
      <c r="AI90" s="140">
        <v>1.2092457902406293</v>
      </c>
      <c r="AJ90" s="145">
        <v>1.1924021931386202</v>
      </c>
      <c r="AK90" s="140">
        <v>1.3186585844267544</v>
      </c>
      <c r="AL90" s="140">
        <v>1.4477899488783075</v>
      </c>
      <c r="AM90" s="140">
        <v>1.4146699184879008</v>
      </c>
      <c r="AN90" s="140">
        <v>1.5525322179929024</v>
      </c>
      <c r="AO90" s="140">
        <v>1.5902837230833307</v>
      </c>
      <c r="AP90" s="140">
        <v>1.654616964405637</v>
      </c>
      <c r="AQ90" s="8">
        <v>1.7299902230835196</v>
      </c>
      <c r="AR90" s="140">
        <v>1.7346702473093398</v>
      </c>
      <c r="AS90" s="140">
        <v>1.6426722536335405</v>
      </c>
      <c r="AT90" s="140">
        <v>1.530994594554455</v>
      </c>
      <c r="AU90" s="146">
        <v>1.3020529625434163</v>
      </c>
      <c r="AV90" s="140">
        <v>1.2309304742537754</v>
      </c>
      <c r="AW90" s="140">
        <v>1.3200244998038833</v>
      </c>
      <c r="AX90" s="140">
        <v>1.3151040693574916</v>
      </c>
      <c r="AY90" s="140">
        <v>1.2730666825530441</v>
      </c>
      <c r="AZ90" s="146">
        <v>1.2321014507925006</v>
      </c>
      <c r="BA90" s="140">
        <v>1.2013170301899678</v>
      </c>
      <c r="BB90" s="145">
        <v>1.1261827036172829</v>
      </c>
      <c r="BC90" s="146">
        <v>1.1204605627441551</v>
      </c>
      <c r="BD90" s="145">
        <v>1.1358275756106724</v>
      </c>
      <c r="BE90" s="212"/>
    </row>
    <row r="91" spans="3:57" x14ac:dyDescent="0.2">
      <c r="C91" s="126" t="s">
        <v>89</v>
      </c>
      <c r="D91" s="158" t="s">
        <v>58</v>
      </c>
      <c r="E91" s="146">
        <v>1.3249302431823085</v>
      </c>
      <c r="F91" s="140">
        <v>1.1514815912430636</v>
      </c>
      <c r="G91" s="146">
        <v>1.0201290987128198</v>
      </c>
      <c r="H91" s="146">
        <v>1.0986080304767005</v>
      </c>
      <c r="I91" s="146">
        <v>1.1720185375901133</v>
      </c>
      <c r="J91" s="140">
        <v>1.0924975968792963</v>
      </c>
      <c r="K91" s="146">
        <v>1.1080432830139302</v>
      </c>
      <c r="L91" s="146">
        <v>1.0746984062462057</v>
      </c>
      <c r="M91" s="146">
        <v>1.0734124794931814</v>
      </c>
      <c r="N91" s="146">
        <v>1.0974452145878011</v>
      </c>
      <c r="O91" s="146">
        <v>1.0230847510369601</v>
      </c>
      <c r="P91" s="146">
        <v>1.0083823346424188</v>
      </c>
      <c r="Q91" s="146">
        <v>1.011266015087944</v>
      </c>
      <c r="R91" s="146">
        <v>1.0090021968659368</v>
      </c>
      <c r="S91" s="146">
        <v>1.0881964621432234</v>
      </c>
      <c r="T91" s="140">
        <v>1.021901827706641</v>
      </c>
      <c r="U91" s="140">
        <v>1.2991652170280432</v>
      </c>
      <c r="V91" s="140">
        <v>1.3911322918782232</v>
      </c>
      <c r="W91" s="140">
        <v>1.3825965052325722</v>
      </c>
      <c r="X91" s="146">
        <v>1.366162829932976</v>
      </c>
      <c r="Y91" s="146">
        <v>1.3844786920162715</v>
      </c>
      <c r="Z91" s="140">
        <v>1.426441800013714</v>
      </c>
      <c r="AA91" s="111">
        <v>1.4313976019627039</v>
      </c>
      <c r="AB91" s="140">
        <v>1.3866211456658795</v>
      </c>
      <c r="AC91" s="146">
        <v>1.4194079697870574</v>
      </c>
      <c r="AD91" s="146">
        <v>1.3562875832146524</v>
      </c>
      <c r="AE91" s="146">
        <v>1.3933527972642363</v>
      </c>
      <c r="AF91" s="146">
        <v>1.6522275021356707</v>
      </c>
      <c r="AG91" s="140">
        <v>1.5502331706254517</v>
      </c>
      <c r="AH91" s="146">
        <v>1.5698839912747149</v>
      </c>
      <c r="AI91" s="140">
        <v>1.4696558644145357</v>
      </c>
      <c r="AJ91" s="145">
        <v>1.5342936950560195</v>
      </c>
      <c r="AK91" s="140">
        <v>1.5349169784085983</v>
      </c>
      <c r="AL91" s="140">
        <v>1.4976527089718981</v>
      </c>
      <c r="AM91" s="140">
        <v>1.3998832903417224</v>
      </c>
      <c r="AN91" s="140">
        <v>1.4029956460656476</v>
      </c>
      <c r="AO91" s="140">
        <v>1.3709822769025253</v>
      </c>
      <c r="AP91" s="140">
        <v>1.3404986359404667</v>
      </c>
      <c r="AQ91" s="8">
        <v>1.3250210927961583</v>
      </c>
      <c r="AR91" s="140">
        <v>1.3242512864944169</v>
      </c>
      <c r="AS91" s="140">
        <v>1.3348904246715141</v>
      </c>
      <c r="AT91" s="140">
        <v>1.3795860178186954</v>
      </c>
      <c r="AU91" s="146">
        <v>1.3558055575085644</v>
      </c>
      <c r="AV91" s="140">
        <v>1.4027227928785679</v>
      </c>
      <c r="AW91" s="140">
        <v>1.4015879736609032</v>
      </c>
      <c r="AX91" s="140">
        <v>1.176777307241593</v>
      </c>
      <c r="AY91" s="140">
        <v>0.91470879263952776</v>
      </c>
      <c r="AZ91" s="146">
        <v>0.92865309884773095</v>
      </c>
      <c r="BA91" s="140">
        <v>1.0682089223782034</v>
      </c>
      <c r="BB91" s="145">
        <v>0.92866937004847605</v>
      </c>
      <c r="BC91" s="146">
        <v>1.0580305266339987</v>
      </c>
      <c r="BD91" s="145">
        <v>1.2597186229969937</v>
      </c>
      <c r="BE91" s="212"/>
    </row>
    <row r="92" spans="3:57" x14ac:dyDescent="0.2">
      <c r="C92" s="126" t="s">
        <v>95</v>
      </c>
      <c r="D92" s="158" t="s">
        <v>58</v>
      </c>
      <c r="E92" s="146">
        <v>1.6535504016399305</v>
      </c>
      <c r="F92" s="140">
        <v>1.5225873826750098</v>
      </c>
      <c r="G92" s="146">
        <v>1.2186107263733403</v>
      </c>
      <c r="H92" s="146">
        <v>1.1992411534942742</v>
      </c>
      <c r="I92" s="146">
        <v>1.1240581439569752</v>
      </c>
      <c r="J92" s="140">
        <v>1.249927118229315</v>
      </c>
      <c r="K92" s="146">
        <v>1.2237720369381058</v>
      </c>
      <c r="L92" s="146">
        <v>1.2828425774148846</v>
      </c>
      <c r="M92" s="146">
        <v>1.2647400921712313</v>
      </c>
      <c r="N92" s="146">
        <v>1.2960596910650026</v>
      </c>
      <c r="O92" s="146">
        <v>1.3653306676698298</v>
      </c>
      <c r="P92" s="146">
        <v>1.3540731641858832</v>
      </c>
      <c r="Q92" s="146">
        <v>1.3313358492566345</v>
      </c>
      <c r="R92" s="146">
        <v>1.3239687017370581</v>
      </c>
      <c r="S92" s="146">
        <v>1.3038183351861601</v>
      </c>
      <c r="T92" s="140">
        <v>1.3609987596442912</v>
      </c>
      <c r="U92" s="140">
        <v>1.3312623044808902</v>
      </c>
      <c r="V92" s="140">
        <v>1.3693469272035101</v>
      </c>
      <c r="W92" s="140">
        <v>1.4363586675381856</v>
      </c>
      <c r="X92" s="146">
        <v>1.7002905851835026</v>
      </c>
      <c r="Y92" s="146">
        <v>1.6247159113021261</v>
      </c>
      <c r="Z92" s="140">
        <v>1.6251849386016946</v>
      </c>
      <c r="AA92" s="111">
        <v>1.6610872258787828</v>
      </c>
      <c r="AB92" s="140">
        <v>1.8231362892761089</v>
      </c>
      <c r="AC92" s="146">
        <v>2.0013960780319593</v>
      </c>
      <c r="AD92" s="146">
        <v>2.1770723710040096</v>
      </c>
      <c r="AE92" s="146">
        <v>2.3271992541384812</v>
      </c>
      <c r="AF92" s="146">
        <v>2.1768846378525226</v>
      </c>
      <c r="AG92" s="140">
        <v>2.1138760754937103</v>
      </c>
      <c r="AH92" s="146">
        <v>2.1126023285428412</v>
      </c>
      <c r="AI92" s="140">
        <v>1.7149091704745525</v>
      </c>
      <c r="AJ92" s="145">
        <v>1.6215967713062864</v>
      </c>
      <c r="AK92" s="140">
        <v>1.6674554708721221</v>
      </c>
      <c r="AL92" s="140">
        <v>1.5541440527710522</v>
      </c>
      <c r="AM92" s="140">
        <v>1.3745033433385836</v>
      </c>
      <c r="AN92" s="140">
        <v>1.4474525934222386</v>
      </c>
      <c r="AO92" s="140">
        <v>1.4750693562540538</v>
      </c>
      <c r="AP92" s="140">
        <v>1.7043664920893515</v>
      </c>
      <c r="AQ92" s="8">
        <v>1.7491941976188341</v>
      </c>
      <c r="AR92" s="140">
        <v>1.6274904198797342</v>
      </c>
      <c r="AS92" s="140">
        <v>1.6400716003444904</v>
      </c>
      <c r="AT92" s="140">
        <v>1.5388272085496304</v>
      </c>
      <c r="AU92" s="146">
        <v>1.521954745027706</v>
      </c>
      <c r="AV92" s="140">
        <v>1.590117498483703</v>
      </c>
      <c r="AW92" s="140">
        <v>1.4976378369075563</v>
      </c>
      <c r="AX92" s="140">
        <v>1.2761147615972448</v>
      </c>
      <c r="AY92" s="140">
        <v>1.2996373859281141</v>
      </c>
      <c r="AZ92" s="146">
        <v>1.35487512777302</v>
      </c>
      <c r="BA92" s="140">
        <v>1.4559710994496917</v>
      </c>
      <c r="BB92" s="145">
        <v>1.5097233853450618</v>
      </c>
      <c r="BC92" s="146">
        <v>1.5751057550151233</v>
      </c>
      <c r="BD92" s="145">
        <v>1.5411683829533129</v>
      </c>
      <c r="BE92" s="212"/>
    </row>
    <row r="93" spans="3:57" x14ac:dyDescent="0.2">
      <c r="C93" s="100" t="s">
        <v>96</v>
      </c>
      <c r="D93" s="158" t="s">
        <v>58</v>
      </c>
      <c r="E93" s="140">
        <v>0.90919702291365778</v>
      </c>
      <c r="F93" s="140">
        <v>0.95508937770000113</v>
      </c>
      <c r="G93" s="140">
        <v>1.1189560186084206</v>
      </c>
      <c r="H93" s="140">
        <v>1.1626582720119754</v>
      </c>
      <c r="I93" s="140">
        <v>1.1672358223171739</v>
      </c>
      <c r="J93" s="140">
        <v>1.1935533260713787</v>
      </c>
      <c r="K93" s="140">
        <v>1.1875292817688332</v>
      </c>
      <c r="L93" s="140">
        <v>1.1485389719420775</v>
      </c>
      <c r="M93" s="140">
        <v>1.1677273189224038</v>
      </c>
      <c r="N93" s="140">
        <v>1.1816890036402834</v>
      </c>
      <c r="O93" s="140">
        <v>1.1840021633564162</v>
      </c>
      <c r="P93" s="146">
        <v>1.1925464863561805</v>
      </c>
      <c r="Q93" s="140">
        <v>1.0547463109943946</v>
      </c>
      <c r="R93" s="146">
        <v>1.0499751945268836</v>
      </c>
      <c r="S93" s="140">
        <v>1.0147329716038664</v>
      </c>
      <c r="T93" s="140">
        <v>1.0581032607535801</v>
      </c>
      <c r="U93" s="140">
        <v>1.0127849330001484</v>
      </c>
      <c r="V93" s="140">
        <v>1.0119143178207584</v>
      </c>
      <c r="W93" s="140">
        <v>1.0244213354975826</v>
      </c>
      <c r="X93" s="146">
        <v>0.99212670029747096</v>
      </c>
      <c r="Y93" s="140">
        <v>1.0297715907154552</v>
      </c>
      <c r="Z93" s="140">
        <v>1.0759285163260652</v>
      </c>
      <c r="AA93" s="111">
        <v>1.1386019903679336</v>
      </c>
      <c r="AB93" s="140">
        <v>1.4101639216606487</v>
      </c>
      <c r="AC93" s="140">
        <v>1.4646093599550034</v>
      </c>
      <c r="AD93" s="140">
        <v>1.4547617611609365</v>
      </c>
      <c r="AE93" s="140">
        <v>1.3106151106153743</v>
      </c>
      <c r="AF93" s="140">
        <v>1.2937686690255601</v>
      </c>
      <c r="AG93" s="140">
        <v>1.2315008109446521</v>
      </c>
      <c r="AH93" s="140">
        <v>1.1604787700404091</v>
      </c>
      <c r="AI93" s="140">
        <v>1.1438945676056143</v>
      </c>
      <c r="AJ93" s="194">
        <v>1.0517391286061863</v>
      </c>
      <c r="AK93" s="140">
        <v>0.98894592445996521</v>
      </c>
      <c r="AL93" s="140">
        <v>0.94807960480047349</v>
      </c>
      <c r="AM93" s="140">
        <v>0.78818115717765591</v>
      </c>
      <c r="AN93" s="140">
        <v>0.82829759222700372</v>
      </c>
      <c r="AO93" s="140">
        <v>0.97982438301041652</v>
      </c>
      <c r="AP93" s="140">
        <v>1.0545633108628734</v>
      </c>
      <c r="AQ93" s="17">
        <v>1.1157715741438128</v>
      </c>
      <c r="AR93" s="140">
        <v>1.1425050361832076</v>
      </c>
      <c r="AS93" s="140">
        <v>1.1976549566667956</v>
      </c>
      <c r="AT93" s="140">
        <v>1.2434342244900671</v>
      </c>
      <c r="AU93" s="140">
        <v>1.1945788456389099</v>
      </c>
      <c r="AV93" s="140">
        <v>1.1579784350153437</v>
      </c>
      <c r="AW93" s="140">
        <v>1.1230426292028792</v>
      </c>
      <c r="AX93" s="140">
        <v>1.0252361709882982</v>
      </c>
      <c r="AY93" s="140">
        <v>0.98235953857074987</v>
      </c>
      <c r="AZ93" s="140">
        <v>1.0304889408025486</v>
      </c>
      <c r="BA93" s="140">
        <v>0.96926018555802573</v>
      </c>
      <c r="BB93" s="194">
        <v>0.9128894250729962</v>
      </c>
      <c r="BC93" s="140">
        <v>0.93560331401116792</v>
      </c>
      <c r="BD93" s="194">
        <v>0.95332718197371835</v>
      </c>
      <c r="BE93" s="212"/>
    </row>
    <row r="94" spans="3:57" x14ac:dyDescent="0.2">
      <c r="C94" s="102"/>
      <c r="D94" s="168"/>
      <c r="E94" s="169"/>
      <c r="F94" s="169"/>
      <c r="G94" s="169"/>
      <c r="H94" s="169"/>
      <c r="J94" s="121"/>
      <c r="K94" s="169"/>
      <c r="L94" s="169"/>
      <c r="M94" s="169"/>
      <c r="N94" s="169"/>
      <c r="O94" s="169"/>
      <c r="P94" s="169"/>
      <c r="Q94" s="169"/>
      <c r="R94" s="169"/>
      <c r="S94" s="169"/>
      <c r="T94" s="169"/>
      <c r="U94" s="169"/>
      <c r="V94" s="169"/>
      <c r="W94" s="169"/>
      <c r="X94" s="169"/>
      <c r="Y94" s="169"/>
      <c r="Z94" s="169"/>
      <c r="AA94" s="169"/>
      <c r="AB94" s="169"/>
      <c r="AC94" s="169"/>
      <c r="AD94" s="169"/>
      <c r="AE94" s="169"/>
      <c r="AG94" s="169"/>
      <c r="AH94" s="169"/>
      <c r="AO94" s="169"/>
      <c r="AQ94" s="169"/>
      <c r="AR94" s="169"/>
      <c r="AS94" s="169"/>
      <c r="AT94" s="169"/>
      <c r="AU94" s="169"/>
      <c r="AV94" s="169"/>
      <c r="AW94" s="169"/>
      <c r="AX94" s="169"/>
      <c r="AY94" s="169"/>
      <c r="AZ94" s="169"/>
      <c r="BA94" s="169"/>
      <c r="BB94" s="169"/>
      <c r="BC94" s="169"/>
    </row>
    <row r="95" spans="3:57" x14ac:dyDescent="0.2">
      <c r="C95" s="100" t="s">
        <v>106</v>
      </c>
      <c r="D95" s="158" t="s">
        <v>58</v>
      </c>
      <c r="E95" s="176">
        <v>11.92</v>
      </c>
      <c r="F95" s="140">
        <v>11.93</v>
      </c>
      <c r="G95" s="140">
        <v>11.88</v>
      </c>
      <c r="H95" s="140">
        <v>11.82</v>
      </c>
      <c r="I95" s="140">
        <v>11.85</v>
      </c>
      <c r="J95" s="140">
        <v>11.75</v>
      </c>
      <c r="K95" s="140">
        <v>11.73</v>
      </c>
      <c r="L95" s="140">
        <v>11.62</v>
      </c>
      <c r="M95" s="140">
        <v>11.89</v>
      </c>
      <c r="N95" s="140">
        <v>11.88</v>
      </c>
      <c r="O95" s="140">
        <v>11.78</v>
      </c>
      <c r="P95" s="140">
        <v>11.55</v>
      </c>
      <c r="Q95" s="140">
        <v>11.85</v>
      </c>
      <c r="R95" s="140">
        <v>11.93</v>
      </c>
      <c r="S95" s="140">
        <v>11.66</v>
      </c>
      <c r="T95" s="140">
        <v>11.01</v>
      </c>
      <c r="U95" s="140">
        <v>11.65</v>
      </c>
      <c r="V95" s="140">
        <v>11.63</v>
      </c>
      <c r="W95" s="140">
        <v>11.85</v>
      </c>
      <c r="X95" s="140">
        <v>11.64</v>
      </c>
      <c r="Y95" s="140">
        <v>11.86</v>
      </c>
      <c r="Z95" s="140">
        <v>11.81</v>
      </c>
      <c r="AA95" s="140">
        <v>11.72</v>
      </c>
      <c r="AB95" s="140">
        <v>11.83</v>
      </c>
      <c r="AC95" s="140">
        <v>11.86</v>
      </c>
      <c r="AD95" s="140">
        <v>11.63</v>
      </c>
      <c r="AE95" s="140">
        <v>11.91</v>
      </c>
      <c r="AF95" s="140">
        <v>11.68</v>
      </c>
      <c r="AG95" s="140">
        <v>11.9</v>
      </c>
      <c r="AH95" s="140">
        <v>11.77</v>
      </c>
      <c r="AI95" s="140">
        <v>11.71</v>
      </c>
      <c r="AJ95" s="140">
        <v>11.84</v>
      </c>
      <c r="AK95" s="140">
        <v>10.47</v>
      </c>
      <c r="AL95" s="187">
        <v>11.76</v>
      </c>
      <c r="AM95" s="140">
        <v>11.7</v>
      </c>
      <c r="AN95" s="140">
        <v>11.7</v>
      </c>
      <c r="AO95" s="140">
        <v>11.76</v>
      </c>
      <c r="AP95" s="140">
        <v>11.76</v>
      </c>
      <c r="AQ95" s="140">
        <v>12.02</v>
      </c>
      <c r="AR95" s="140">
        <v>11.8</v>
      </c>
      <c r="AS95" s="140">
        <v>11.83</v>
      </c>
      <c r="AT95" s="140">
        <v>11.81</v>
      </c>
      <c r="AU95" s="140">
        <v>11.55</v>
      </c>
      <c r="AV95" s="140">
        <v>11.77</v>
      </c>
      <c r="AW95" s="140">
        <v>11.82</v>
      </c>
      <c r="AX95" s="140">
        <v>11.62</v>
      </c>
      <c r="AY95" s="140">
        <v>11.65</v>
      </c>
      <c r="AZ95" s="140">
        <v>11.03</v>
      </c>
      <c r="BA95" s="140">
        <v>11.8</v>
      </c>
      <c r="BB95" s="140">
        <v>11.81</v>
      </c>
      <c r="BC95" s="140">
        <v>11.31</v>
      </c>
      <c r="BD95" s="140">
        <v>10.6</v>
      </c>
      <c r="BE95" s="211"/>
    </row>
    <row r="96" spans="3:57" x14ac:dyDescent="0.2">
      <c r="D96" s="168"/>
      <c r="E96" s="169"/>
      <c r="F96" s="169"/>
      <c r="G96" s="169"/>
      <c r="H96" s="169"/>
      <c r="K96" s="169"/>
      <c r="L96" s="169"/>
      <c r="M96" s="169"/>
      <c r="N96" s="169"/>
      <c r="O96" s="169"/>
      <c r="P96" s="169"/>
      <c r="Q96" s="169"/>
      <c r="R96" s="169"/>
      <c r="S96" s="169"/>
      <c r="T96" s="169"/>
      <c r="V96" s="169"/>
      <c r="W96" s="169"/>
      <c r="X96" s="169"/>
      <c r="Y96" s="169"/>
      <c r="Z96" s="169"/>
      <c r="AA96" s="169"/>
      <c r="AB96" s="169"/>
      <c r="AC96" s="169"/>
      <c r="AD96" s="169"/>
      <c r="AE96" s="169"/>
      <c r="AF96" s="169"/>
      <c r="AG96" s="169"/>
      <c r="AH96" s="169"/>
      <c r="AI96" s="169"/>
      <c r="AJ96" s="169"/>
      <c r="AK96" s="169"/>
      <c r="AL96" s="169"/>
      <c r="AM96" s="169"/>
      <c r="AN96" s="169"/>
      <c r="AO96" s="169"/>
      <c r="AP96" s="169"/>
      <c r="AQ96" s="169"/>
      <c r="AR96" s="169"/>
      <c r="AS96" s="169"/>
      <c r="AT96" s="169"/>
      <c r="AU96" s="169"/>
      <c r="AV96" s="169"/>
      <c r="AW96" s="169"/>
      <c r="AX96" s="169"/>
      <c r="AY96" s="169"/>
      <c r="AZ96" s="169"/>
      <c r="BA96" s="169"/>
      <c r="BB96" s="169"/>
      <c r="BC96" s="169"/>
    </row>
    <row r="97" spans="3:56" x14ac:dyDescent="0.2">
      <c r="C97" s="235" t="s">
        <v>202</v>
      </c>
      <c r="D97" s="235"/>
      <c r="E97" s="235"/>
      <c r="F97" s="235"/>
    </row>
    <row r="100" spans="3:56" x14ac:dyDescent="0.2">
      <c r="C100" s="1"/>
      <c r="E100" s="2"/>
      <c r="F100" s="1"/>
      <c r="G100" s="1"/>
      <c r="H100" s="1"/>
      <c r="I100" s="1"/>
      <c r="J100" s="1"/>
      <c r="K100" s="1"/>
      <c r="L100" s="1"/>
      <c r="M100" s="1"/>
      <c r="U100" s="2"/>
    </row>
    <row r="101" spans="3:56" x14ac:dyDescent="0.2">
      <c r="C101" s="188"/>
      <c r="D101" s="188"/>
      <c r="E101" s="2"/>
      <c r="F101" s="2"/>
      <c r="G101" s="2"/>
      <c r="H101" s="2"/>
      <c r="I101" s="2"/>
      <c r="J101" s="2"/>
      <c r="K101" s="2"/>
      <c r="L101" s="2"/>
      <c r="M101" s="2"/>
      <c r="N101" s="2"/>
      <c r="O101" s="2"/>
      <c r="P101" s="2"/>
      <c r="Q101" s="2"/>
      <c r="R101" s="2"/>
      <c r="S101" s="2"/>
      <c r="T101" s="2"/>
      <c r="U101" s="169"/>
      <c r="V101" s="2"/>
      <c r="W101" s="2"/>
      <c r="X101" s="2"/>
      <c r="Y101" s="2"/>
      <c r="Z101" s="2"/>
      <c r="AA101" s="2"/>
      <c r="AB101" s="2"/>
      <c r="AC101" s="189"/>
      <c r="AD101" s="2"/>
      <c r="AE101" s="2"/>
      <c r="AF101" s="2"/>
      <c r="AG101" s="2"/>
      <c r="AH101" s="2"/>
      <c r="AI101" s="2"/>
      <c r="AJ101" s="2"/>
      <c r="AK101" s="2"/>
      <c r="AL101" s="2"/>
      <c r="AM101" s="2"/>
      <c r="AN101" s="2"/>
      <c r="AO101" s="2"/>
      <c r="AP101" s="2"/>
      <c r="AQ101" s="2"/>
      <c r="AR101" s="2"/>
      <c r="AS101" s="2"/>
      <c r="AT101" s="2"/>
      <c r="AU101" s="2"/>
      <c r="AV101" s="2"/>
      <c r="AW101" s="2"/>
      <c r="AX101" s="2"/>
      <c r="AY101" s="2"/>
      <c r="AZ101" s="2"/>
      <c r="BA101" s="2"/>
      <c r="BB101" s="2"/>
      <c r="BC101" s="2"/>
      <c r="BD101" s="2"/>
    </row>
    <row r="102" spans="3:56" x14ac:dyDescent="0.2">
      <c r="C102" s="190"/>
      <c r="D102" s="168"/>
      <c r="E102" s="169"/>
      <c r="F102" s="169"/>
      <c r="G102" s="169"/>
      <c r="H102" s="169"/>
      <c r="I102" s="169"/>
      <c r="J102" s="169"/>
      <c r="K102" s="169"/>
      <c r="L102" s="169"/>
      <c r="M102" s="169"/>
      <c r="N102" s="169"/>
      <c r="O102" s="169"/>
      <c r="P102" s="169"/>
      <c r="Q102" s="169"/>
      <c r="R102" s="169"/>
      <c r="S102" s="169"/>
      <c r="T102" s="169"/>
      <c r="U102" s="169"/>
      <c r="V102" s="169"/>
      <c r="W102" s="169"/>
      <c r="X102" s="169"/>
      <c r="Y102" s="169"/>
      <c r="Z102" s="169"/>
      <c r="AA102" s="169"/>
      <c r="AB102" s="169"/>
      <c r="AC102" s="169"/>
      <c r="AD102" s="169"/>
      <c r="AE102" s="169"/>
      <c r="AF102" s="169"/>
      <c r="AG102" s="169"/>
      <c r="AH102" s="169"/>
      <c r="AI102" s="169"/>
      <c r="AJ102" s="169"/>
      <c r="AK102" s="169"/>
      <c r="AL102" s="169"/>
      <c r="AM102" s="169"/>
      <c r="AN102" s="169"/>
      <c r="AO102" s="169"/>
      <c r="AP102" s="169"/>
      <c r="AQ102" s="169"/>
      <c r="AR102" s="169"/>
      <c r="AS102" s="169"/>
      <c r="AT102" s="169"/>
      <c r="AU102" s="169"/>
      <c r="AV102" s="169"/>
      <c r="AW102" s="169"/>
      <c r="AX102" s="169"/>
      <c r="AY102" s="169"/>
      <c r="AZ102" s="169"/>
      <c r="BA102" s="169"/>
      <c r="BB102" s="169"/>
      <c r="BC102" s="169"/>
      <c r="BD102" s="169"/>
    </row>
    <row r="103" spans="3:56" x14ac:dyDescent="0.2">
      <c r="C103" s="190"/>
      <c r="D103" s="168"/>
      <c r="E103" s="169"/>
      <c r="F103" s="169"/>
      <c r="G103" s="169"/>
      <c r="H103" s="169"/>
      <c r="I103" s="169"/>
      <c r="J103" s="169"/>
      <c r="K103" s="169"/>
      <c r="L103" s="169"/>
      <c r="M103" s="169"/>
      <c r="N103" s="169"/>
      <c r="O103" s="169"/>
      <c r="P103" s="169"/>
      <c r="Q103" s="169"/>
      <c r="R103" s="169"/>
      <c r="S103" s="169"/>
      <c r="T103" s="169"/>
      <c r="U103" s="169"/>
      <c r="V103" s="169"/>
      <c r="W103" s="169"/>
      <c r="X103" s="169"/>
      <c r="Y103" s="169"/>
      <c r="Z103" s="169"/>
      <c r="AA103" s="169"/>
      <c r="AB103" s="169"/>
      <c r="AC103" s="169"/>
      <c r="AD103" s="169"/>
      <c r="AE103" s="169"/>
      <c r="AF103" s="169"/>
      <c r="AG103" s="169"/>
      <c r="AH103" s="169"/>
      <c r="AI103" s="169"/>
      <c r="AJ103" s="169"/>
      <c r="AK103" s="169"/>
      <c r="AL103" s="169"/>
      <c r="AM103" s="169"/>
      <c r="AN103" s="169"/>
      <c r="AO103" s="169"/>
      <c r="AP103" s="169"/>
      <c r="AQ103" s="169"/>
      <c r="AR103" s="169"/>
      <c r="AS103" s="169"/>
      <c r="AT103" s="169"/>
      <c r="AU103" s="169"/>
      <c r="AV103" s="169"/>
      <c r="AW103" s="169"/>
      <c r="AX103" s="169"/>
      <c r="AY103" s="169"/>
      <c r="AZ103" s="169"/>
      <c r="BA103" s="169"/>
      <c r="BB103" s="169"/>
      <c r="BC103" s="169"/>
      <c r="BD103" s="169"/>
    </row>
    <row r="104" spans="3:56" x14ac:dyDescent="0.2">
      <c r="C104" s="190"/>
      <c r="D104" s="168"/>
      <c r="E104" s="169"/>
      <c r="F104" s="169"/>
      <c r="G104" s="169"/>
      <c r="H104" s="169"/>
      <c r="I104" s="169"/>
      <c r="J104" s="169"/>
      <c r="K104" s="169"/>
      <c r="L104" s="169"/>
      <c r="M104" s="169"/>
      <c r="N104" s="169"/>
      <c r="O104" s="169"/>
      <c r="P104" s="169"/>
      <c r="Q104" s="169"/>
      <c r="R104" s="169"/>
      <c r="S104" s="169"/>
      <c r="T104" s="169"/>
      <c r="U104" s="169"/>
      <c r="V104" s="169"/>
      <c r="W104" s="169"/>
      <c r="X104" s="169"/>
      <c r="Y104" s="169"/>
      <c r="Z104" s="169"/>
      <c r="AA104" s="169"/>
      <c r="AB104" s="169"/>
      <c r="AC104" s="169"/>
      <c r="AD104" s="169"/>
      <c r="AE104" s="169"/>
      <c r="AF104" s="169"/>
      <c r="AG104" s="169"/>
      <c r="AH104" s="169"/>
      <c r="AI104" s="169"/>
      <c r="AJ104" s="169"/>
      <c r="AK104" s="169"/>
      <c r="AL104" s="169"/>
      <c r="AM104" s="169"/>
      <c r="AN104" s="169"/>
      <c r="AO104" s="169"/>
      <c r="AP104" s="169"/>
      <c r="AQ104" s="169"/>
      <c r="AR104" s="169"/>
      <c r="AS104" s="169"/>
      <c r="AT104" s="169"/>
      <c r="AU104" s="169"/>
      <c r="AV104" s="169"/>
      <c r="AW104" s="169"/>
      <c r="AX104" s="169"/>
      <c r="AY104" s="169"/>
      <c r="AZ104" s="169"/>
      <c r="BA104" s="169"/>
      <c r="BB104" s="169"/>
      <c r="BC104" s="169"/>
      <c r="BD104" s="169"/>
    </row>
    <row r="105" spans="3:56" x14ac:dyDescent="0.2">
      <c r="C105" s="190"/>
      <c r="D105" s="168"/>
      <c r="E105" s="169"/>
      <c r="F105" s="169"/>
      <c r="G105" s="169"/>
      <c r="H105" s="169"/>
      <c r="I105" s="169"/>
      <c r="J105" s="169"/>
      <c r="K105" s="169"/>
      <c r="L105" s="169"/>
      <c r="M105" s="169"/>
      <c r="N105" s="169"/>
      <c r="O105" s="169"/>
      <c r="P105" s="169"/>
      <c r="Q105" s="169"/>
      <c r="R105" s="169"/>
      <c r="S105" s="169"/>
      <c r="T105" s="169"/>
      <c r="U105" s="169"/>
      <c r="V105" s="169"/>
      <c r="W105" s="169"/>
      <c r="X105" s="169"/>
      <c r="Y105" s="169"/>
      <c r="Z105" s="169"/>
      <c r="AA105" s="169"/>
      <c r="AB105" s="169"/>
      <c r="AC105" s="169"/>
      <c r="AD105" s="169"/>
      <c r="AE105" s="169"/>
      <c r="AF105" s="169"/>
      <c r="AG105" s="169"/>
      <c r="AH105" s="169"/>
      <c r="AI105" s="169"/>
      <c r="AJ105" s="169"/>
      <c r="AK105" s="169"/>
      <c r="AL105" s="169"/>
      <c r="AM105" s="169"/>
      <c r="AN105" s="169"/>
      <c r="AO105" s="169"/>
      <c r="AP105" s="169"/>
      <c r="AQ105" s="169"/>
      <c r="AR105" s="169"/>
      <c r="AS105" s="169"/>
      <c r="AT105" s="169"/>
      <c r="AU105" s="169"/>
      <c r="AV105" s="169"/>
      <c r="AW105" s="169"/>
      <c r="AX105" s="169"/>
      <c r="AY105" s="169"/>
      <c r="AZ105" s="169"/>
      <c r="BA105" s="169"/>
      <c r="BB105" s="169"/>
      <c r="BC105" s="169"/>
      <c r="BD105" s="169"/>
    </row>
    <row r="106" spans="3:56" x14ac:dyDescent="0.2">
      <c r="C106" s="190"/>
      <c r="D106" s="168"/>
      <c r="E106" s="169"/>
      <c r="F106" s="169"/>
      <c r="G106" s="169"/>
      <c r="H106" s="169"/>
      <c r="I106" s="169"/>
      <c r="J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  <c r="BD106" s="169"/>
    </row>
    <row r="107" spans="3:56" x14ac:dyDescent="0.2">
      <c r="C107" s="190"/>
      <c r="D107" s="168"/>
      <c r="E107" s="169"/>
      <c r="F107" s="169"/>
      <c r="G107" s="169"/>
      <c r="H107" s="169"/>
      <c r="I107" s="169"/>
      <c r="J107" s="169"/>
      <c r="K107" s="169"/>
      <c r="L107" s="169"/>
      <c r="M107" s="169"/>
      <c r="N107" s="169"/>
      <c r="O107" s="169"/>
      <c r="P107" s="169"/>
      <c r="Q107" s="169"/>
      <c r="R107" s="169"/>
      <c r="S107" s="169"/>
      <c r="T107" s="169"/>
      <c r="U107" s="169"/>
      <c r="V107" s="169"/>
      <c r="W107" s="169"/>
      <c r="X107" s="169"/>
      <c r="Y107" s="169"/>
      <c r="Z107" s="169"/>
      <c r="AA107" s="169"/>
      <c r="AB107" s="169"/>
      <c r="AC107" s="169"/>
      <c r="AD107" s="169"/>
      <c r="AE107" s="169"/>
      <c r="AF107" s="169"/>
      <c r="AG107" s="169"/>
      <c r="AH107" s="169"/>
      <c r="AI107" s="169"/>
      <c r="AJ107" s="169"/>
      <c r="AK107" s="169"/>
      <c r="AL107" s="169"/>
      <c r="AM107" s="169"/>
      <c r="AN107" s="169"/>
      <c r="AO107" s="169"/>
      <c r="AP107" s="169"/>
      <c r="AQ107" s="169"/>
      <c r="AR107" s="169"/>
      <c r="AS107" s="169"/>
      <c r="AT107" s="169"/>
      <c r="AU107" s="169"/>
      <c r="AV107" s="169"/>
      <c r="AW107" s="169"/>
      <c r="AX107" s="169"/>
      <c r="AY107" s="169"/>
      <c r="AZ107" s="169"/>
      <c r="BA107" s="169"/>
      <c r="BB107" s="169"/>
      <c r="BC107" s="169"/>
      <c r="BD107" s="169"/>
    </row>
    <row r="108" spans="3:56" x14ac:dyDescent="0.2">
      <c r="C108" s="190"/>
      <c r="D108" s="168"/>
      <c r="E108" s="169"/>
      <c r="F108" s="169"/>
      <c r="G108" s="169"/>
      <c r="H108" s="169"/>
      <c r="I108" s="169"/>
      <c r="J108" s="169"/>
      <c r="K108" s="169"/>
      <c r="L108" s="169"/>
      <c r="M108" s="169"/>
      <c r="N108" s="169"/>
      <c r="O108" s="169"/>
      <c r="P108" s="169"/>
      <c r="Q108" s="169"/>
      <c r="R108" s="169"/>
      <c r="S108" s="169"/>
      <c r="T108" s="169"/>
      <c r="U108" s="169"/>
      <c r="V108" s="169"/>
      <c r="W108" s="169"/>
      <c r="X108" s="169"/>
      <c r="Y108" s="169"/>
      <c r="Z108" s="169"/>
      <c r="AA108" s="169"/>
      <c r="AB108" s="169"/>
      <c r="AC108" s="169"/>
      <c r="AD108" s="169"/>
      <c r="AE108" s="169"/>
      <c r="AF108" s="169"/>
      <c r="AG108" s="169"/>
      <c r="AH108" s="169"/>
      <c r="AI108" s="169"/>
      <c r="AJ108" s="169"/>
      <c r="AK108" s="169"/>
      <c r="AL108" s="169"/>
      <c r="AM108" s="169"/>
      <c r="AN108" s="169"/>
      <c r="AO108" s="169"/>
      <c r="AP108" s="169"/>
      <c r="AQ108" s="169"/>
      <c r="AR108" s="169"/>
      <c r="AS108" s="169"/>
      <c r="AT108" s="169"/>
      <c r="AU108" s="169"/>
      <c r="AV108" s="169"/>
      <c r="AW108" s="169"/>
      <c r="AX108" s="169"/>
      <c r="AY108" s="169"/>
      <c r="AZ108" s="169"/>
      <c r="BA108" s="169"/>
      <c r="BB108" s="169"/>
      <c r="BC108" s="169"/>
      <c r="BD108" s="169"/>
    </row>
    <row r="109" spans="3:56" x14ac:dyDescent="0.2">
      <c r="C109" s="190"/>
      <c r="D109" s="168"/>
      <c r="E109" s="169"/>
      <c r="F109" s="169"/>
      <c r="G109" s="169"/>
      <c r="H109" s="169"/>
      <c r="I109" s="169"/>
      <c r="J109" s="169"/>
      <c r="K109" s="169"/>
      <c r="L109" s="169"/>
      <c r="M109" s="169"/>
      <c r="N109" s="169"/>
      <c r="O109" s="169"/>
      <c r="P109" s="169"/>
      <c r="Q109" s="169"/>
      <c r="R109" s="169"/>
      <c r="S109" s="169"/>
      <c r="T109" s="169"/>
      <c r="U109" s="169"/>
      <c r="V109" s="169"/>
      <c r="W109" s="169"/>
      <c r="X109" s="169"/>
      <c r="Y109" s="169"/>
      <c r="Z109" s="169"/>
      <c r="AA109" s="169"/>
      <c r="AB109" s="169"/>
      <c r="AC109" s="169"/>
      <c r="AD109" s="169"/>
      <c r="AE109" s="169"/>
      <c r="AF109" s="169"/>
      <c r="AG109" s="169"/>
      <c r="AH109" s="169"/>
      <c r="AI109" s="169"/>
      <c r="AJ109" s="169"/>
      <c r="AK109" s="169"/>
      <c r="AL109" s="169"/>
      <c r="AM109" s="169"/>
      <c r="AN109" s="169"/>
      <c r="AO109" s="169"/>
      <c r="AP109" s="169"/>
      <c r="AQ109" s="169"/>
      <c r="AR109" s="169"/>
      <c r="AS109" s="169"/>
      <c r="AT109" s="169"/>
      <c r="AU109" s="169"/>
      <c r="AV109" s="169"/>
      <c r="AW109" s="169"/>
      <c r="AX109" s="169"/>
      <c r="AY109" s="169"/>
      <c r="AZ109" s="169"/>
      <c r="BA109" s="169"/>
      <c r="BB109" s="169"/>
      <c r="BC109" s="169"/>
      <c r="BD109" s="169"/>
    </row>
    <row r="110" spans="3:56" x14ac:dyDescent="0.2">
      <c r="C110" s="190"/>
      <c r="D110" s="168"/>
      <c r="E110" s="169"/>
      <c r="F110" s="169"/>
      <c r="G110" s="169"/>
      <c r="H110" s="169"/>
      <c r="I110" s="169"/>
      <c r="J110" s="169"/>
      <c r="K110" s="169"/>
      <c r="L110" s="169"/>
      <c r="M110" s="169"/>
      <c r="N110" s="169"/>
      <c r="O110" s="169"/>
      <c r="P110" s="169"/>
      <c r="Q110" s="169"/>
      <c r="R110" s="169"/>
      <c r="S110" s="169"/>
      <c r="T110" s="169"/>
      <c r="U110" s="169"/>
      <c r="V110" s="169"/>
      <c r="W110" s="169"/>
      <c r="X110" s="169"/>
      <c r="Y110" s="169"/>
      <c r="Z110" s="169"/>
      <c r="AA110" s="169"/>
      <c r="AB110" s="169"/>
      <c r="AC110" s="169"/>
      <c r="AD110" s="169"/>
      <c r="AE110" s="169"/>
      <c r="AF110" s="169"/>
      <c r="AG110" s="169"/>
      <c r="AH110" s="169"/>
      <c r="AI110" s="169"/>
      <c r="AJ110" s="169"/>
      <c r="AK110" s="169"/>
      <c r="AL110" s="169"/>
      <c r="AM110" s="169"/>
      <c r="AN110" s="169"/>
      <c r="AO110" s="169"/>
      <c r="AP110" s="169"/>
      <c r="AQ110" s="169"/>
      <c r="AR110" s="169"/>
      <c r="AS110" s="169"/>
      <c r="AT110" s="169"/>
      <c r="AU110" s="169"/>
      <c r="AV110" s="169"/>
      <c r="AW110" s="169"/>
      <c r="AX110" s="169"/>
      <c r="AY110" s="169"/>
      <c r="AZ110" s="169"/>
      <c r="BA110" s="169"/>
      <c r="BB110" s="169"/>
      <c r="BC110" s="169"/>
      <c r="BD110" s="169"/>
    </row>
    <row r="111" spans="3:56" x14ac:dyDescent="0.2">
      <c r="C111" s="190"/>
      <c r="D111" s="168"/>
      <c r="E111" s="169"/>
      <c r="F111" s="169"/>
      <c r="G111" s="169"/>
      <c r="H111" s="169"/>
      <c r="I111" s="169"/>
      <c r="J111" s="169"/>
      <c r="K111" s="169"/>
      <c r="L111" s="169"/>
      <c r="M111" s="169"/>
      <c r="N111" s="169"/>
      <c r="O111" s="169"/>
      <c r="P111" s="169"/>
      <c r="Q111" s="169"/>
      <c r="R111" s="169"/>
      <c r="S111" s="169"/>
      <c r="T111" s="169"/>
      <c r="U111" s="169"/>
      <c r="V111" s="169"/>
      <c r="W111" s="169"/>
      <c r="X111" s="169"/>
      <c r="Y111" s="169"/>
      <c r="Z111" s="169"/>
      <c r="AA111" s="169"/>
      <c r="AB111" s="169"/>
      <c r="AC111" s="169"/>
      <c r="AD111" s="169"/>
      <c r="AE111" s="169"/>
      <c r="AF111" s="169"/>
      <c r="AG111" s="169"/>
      <c r="AH111" s="169"/>
      <c r="AI111" s="169"/>
      <c r="AJ111" s="169"/>
      <c r="AK111" s="169"/>
      <c r="AL111" s="169"/>
      <c r="AM111" s="169"/>
      <c r="AN111" s="169"/>
      <c r="AO111" s="169"/>
      <c r="AP111" s="169"/>
      <c r="AQ111" s="169"/>
      <c r="AR111" s="169"/>
      <c r="AS111" s="169"/>
      <c r="AT111" s="169"/>
      <c r="AU111" s="169"/>
      <c r="AV111" s="169"/>
      <c r="AW111" s="169"/>
      <c r="AX111" s="169"/>
      <c r="AY111" s="169"/>
      <c r="AZ111" s="169"/>
      <c r="BA111" s="169"/>
      <c r="BB111" s="169"/>
      <c r="BC111" s="169"/>
      <c r="BD111" s="169"/>
    </row>
    <row r="112" spans="3:56" x14ac:dyDescent="0.2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70"/>
      <c r="AJ114" s="170"/>
      <c r="AK114" s="170"/>
      <c r="AL114" s="170"/>
      <c r="AM114" s="170"/>
      <c r="AN114" s="170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69"/>
      <c r="AJ116" s="169"/>
      <c r="AK116" s="169"/>
      <c r="AL116" s="169"/>
      <c r="AM116" s="169"/>
      <c r="AN116" s="169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69"/>
      <c r="AJ118" s="169"/>
      <c r="AK118" s="169"/>
      <c r="AL118" s="169"/>
      <c r="AM118" s="169"/>
      <c r="AN118" s="169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">
      <c r="C119" s="129"/>
      <c r="D119" s="168"/>
      <c r="E119" s="192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92"/>
    </row>
    <row r="120" spans="3:56" x14ac:dyDescent="0.2">
      <c r="C120" s="129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">
      <c r="C121" s="129"/>
      <c r="D121" s="168"/>
      <c r="E121" s="169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69"/>
    </row>
    <row r="122" spans="3:56" x14ac:dyDescent="0.2">
      <c r="C122" s="129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">
      <c r="C123" s="129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">
      <c r="C124" s="129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69"/>
      <c r="AJ124" s="169"/>
      <c r="AK124" s="169"/>
      <c r="AL124" s="169"/>
      <c r="AM124" s="169"/>
      <c r="AN124" s="169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">
      <c r="C125" s="129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">
      <c r="C126" s="129"/>
      <c r="D126" s="168"/>
      <c r="E126" s="169"/>
      <c r="F126" s="169"/>
      <c r="G126" s="169"/>
      <c r="H126" s="169"/>
      <c r="I126" s="169"/>
      <c r="J126" s="169"/>
      <c r="K126" s="169"/>
      <c r="L126" s="169"/>
      <c r="M126" s="169"/>
      <c r="N126" s="169"/>
      <c r="O126" s="169"/>
      <c r="P126" s="169"/>
      <c r="Q126" s="169"/>
      <c r="R126" s="169"/>
      <c r="S126" s="169"/>
      <c r="T126" s="169"/>
      <c r="U126" s="169"/>
      <c r="V126" s="169"/>
      <c r="W126" s="169"/>
      <c r="X126" s="169"/>
      <c r="Y126" s="169"/>
      <c r="Z126" s="169"/>
      <c r="AA126" s="169"/>
      <c r="AB126" s="169"/>
      <c r="AC126" s="169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">
      <c r="C127" s="129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">
      <c r="C128" s="129"/>
      <c r="D128" s="168"/>
      <c r="E128" s="169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69"/>
    </row>
    <row r="129" spans="3:56" x14ac:dyDescent="0.2">
      <c r="C129" s="129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">
      <c r="C130" s="129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"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">
      <c r="E132" s="169"/>
      <c r="F132" s="169"/>
      <c r="H132" s="169"/>
      <c r="J132" s="169"/>
      <c r="L132" s="169"/>
      <c r="O132" s="169"/>
    </row>
    <row r="133" spans="3:56" x14ac:dyDescent="0.2">
      <c r="E133" s="169"/>
      <c r="F133" s="169"/>
      <c r="H133" s="169"/>
    </row>
    <row r="134" spans="3:56" x14ac:dyDescent="0.2">
      <c r="E134" s="169"/>
      <c r="F134" s="169"/>
      <c r="U134" s="169"/>
    </row>
    <row r="135" spans="3:56" x14ac:dyDescent="0.2">
      <c r="D135" s="168"/>
      <c r="E135" s="169"/>
      <c r="F135" s="169"/>
      <c r="G135" s="169"/>
      <c r="H135" s="169"/>
      <c r="I135" s="169"/>
      <c r="J135" s="169"/>
      <c r="K135" s="169"/>
      <c r="L135" s="169"/>
      <c r="M135" s="169"/>
      <c r="N135" s="169"/>
      <c r="O135" s="169"/>
      <c r="P135" s="169"/>
      <c r="Q135" s="169"/>
      <c r="R135" s="169"/>
      <c r="S135" s="169"/>
      <c r="T135" s="169"/>
      <c r="V135" s="169"/>
      <c r="W135" s="169"/>
      <c r="X135" s="169"/>
      <c r="Y135" s="169"/>
      <c r="Z135" s="169"/>
      <c r="AA135" s="169"/>
      <c r="AB135" s="169"/>
      <c r="AC135" s="169"/>
      <c r="AD135" s="169"/>
      <c r="AE135" s="169"/>
      <c r="AF135" s="169"/>
      <c r="AG135" s="169"/>
      <c r="AH135" s="169"/>
      <c r="AI135" s="169"/>
      <c r="AJ135" s="169"/>
      <c r="AK135" s="169"/>
      <c r="AL135" s="191"/>
      <c r="AM135" s="169"/>
      <c r="AN135" s="169"/>
      <c r="AO135" s="169"/>
      <c r="AP135" s="169"/>
      <c r="AQ135" s="169"/>
      <c r="AR135" s="169"/>
      <c r="AS135" s="169"/>
      <c r="AT135" s="169"/>
      <c r="AU135" s="169"/>
      <c r="AV135" s="169"/>
      <c r="AW135" s="169"/>
      <c r="AX135" s="169"/>
      <c r="AY135" s="169"/>
      <c r="AZ135" s="169"/>
      <c r="BA135" s="169"/>
      <c r="BB135" s="169"/>
      <c r="BC135" s="169"/>
      <c r="BD135" s="169"/>
    </row>
  </sheetData>
  <mergeCells count="2">
    <mergeCell ref="C2:AE6"/>
    <mergeCell ref="C97:F97"/>
  </mergeCells>
  <pageMargins left="0.7" right="0.7" top="0.75" bottom="0.75" header="0.3" footer="0.3"/>
  <pageSetup paperSize="9" orientation="portrait" r:id="rId1"/>
  <drawing r:id="rId2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719E88F-5855-4EC6-900C-26232051C172}">
  <dimension ref="C2:BE135"/>
  <sheetViews>
    <sheetView tabSelected="1" zoomScale="86" zoomScaleNormal="86" workbookViewId="0">
      <selection activeCell="AA53" sqref="AA53"/>
    </sheetView>
  </sheetViews>
  <sheetFormatPr baseColWidth="10" defaultColWidth="11.42578125" defaultRowHeight="12.75" x14ac:dyDescent="0.2"/>
  <cols>
    <col min="1" max="2" width="11.42578125" style="138"/>
    <col min="3" max="3" width="22.7109375" style="138" customWidth="1"/>
    <col min="4" max="4" width="8.5703125" style="138" bestFit="1" customWidth="1"/>
    <col min="5" max="13" width="5.42578125" style="138" customWidth="1"/>
    <col min="14" max="21" width="5.42578125" style="138" bestFit="1" customWidth="1"/>
    <col min="22" max="22" width="5.7109375" style="138" customWidth="1"/>
    <col min="23" max="34" width="5.42578125" style="138" bestFit="1" customWidth="1"/>
    <col min="35" max="35" width="6.5703125" style="138" customWidth="1"/>
    <col min="36" max="55" width="5.42578125" style="138" bestFit="1" customWidth="1"/>
    <col min="56" max="57" width="7.140625" style="138" customWidth="1"/>
    <col min="58" max="58" width="23.7109375" style="138" customWidth="1"/>
    <col min="59" max="16384" width="11.42578125" style="138"/>
  </cols>
  <sheetData>
    <row r="2" spans="3:57" ht="18" customHeight="1" x14ac:dyDescent="0.2"/>
    <row r="3" spans="3:57" ht="21" customHeight="1" x14ac:dyDescent="0.2"/>
    <row r="4" spans="3:57" ht="32.25" customHeight="1" x14ac:dyDescent="0.2">
      <c r="AL4"/>
    </row>
    <row r="6" spans="3:57" ht="24.95" customHeight="1" x14ac:dyDescent="0.2"/>
    <row r="7" spans="3:57" ht="24.95" customHeight="1" x14ac:dyDescent="0.2">
      <c r="C7" s="154" t="s">
        <v>167</v>
      </c>
    </row>
    <row r="8" spans="3:57" x14ac:dyDescent="0.2">
      <c r="C8" s="154" t="s">
        <v>99</v>
      </c>
    </row>
    <row r="10" spans="3:57" x14ac:dyDescent="0.2">
      <c r="M10" s="155"/>
    </row>
    <row r="12" spans="3:57" ht="15" customHeight="1" x14ac:dyDescent="0.2">
      <c r="C12" s="139" t="s">
        <v>171</v>
      </c>
      <c r="E12" s="2">
        <v>2024</v>
      </c>
      <c r="F12" s="2"/>
      <c r="G12" s="2"/>
      <c r="H12" s="2"/>
      <c r="I12" s="2"/>
      <c r="J12" s="2"/>
      <c r="K12" s="2"/>
      <c r="L12" s="2"/>
      <c r="M12" s="2"/>
    </row>
    <row r="13" spans="3:57" x14ac:dyDescent="0.2">
      <c r="C13" s="156" t="s">
        <v>2</v>
      </c>
      <c r="D13" s="156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206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209"/>
    </row>
    <row r="14" spans="3:57" x14ac:dyDescent="0.2">
      <c r="C14" s="157" t="s">
        <v>57</v>
      </c>
      <c r="D14" s="158" t="s">
        <v>58</v>
      </c>
      <c r="E14" s="146">
        <v>5.0430000000000001</v>
      </c>
      <c r="F14" s="111">
        <v>5.0098000000000003</v>
      </c>
      <c r="G14" s="111">
        <v>4.9573</v>
      </c>
      <c r="H14" s="111">
        <v>5.0952000000000002</v>
      </c>
      <c r="I14" s="111">
        <v>5.0799000000000003</v>
      </c>
      <c r="J14" s="140">
        <v>5.1604999999999999</v>
      </c>
      <c r="K14" s="140">
        <v>5.1187000000000005</v>
      </c>
      <c r="L14" s="140">
        <v>5.1557000000000004</v>
      </c>
      <c r="M14" s="140">
        <v>5.1959</v>
      </c>
      <c r="N14" s="140">
        <v>5.1539000000000001</v>
      </c>
      <c r="O14" s="140">
        <v>5.1941999999999995</v>
      </c>
      <c r="P14" s="140">
        <v>5.3421000000000003</v>
      </c>
      <c r="Q14" s="140">
        <v>5.3642999999999992</v>
      </c>
      <c r="R14" s="140">
        <v>5.4140999999999995</v>
      </c>
      <c r="S14" s="140">
        <v>5.3634000000000004</v>
      </c>
      <c r="T14" s="140">
        <v>5.3775000000000004</v>
      </c>
      <c r="U14" s="150">
        <v>5.3682000000000007</v>
      </c>
      <c r="V14" s="150">
        <v>5.3585000000000003</v>
      </c>
      <c r="W14" s="140">
        <v>5.3642999999999992</v>
      </c>
      <c r="X14" s="140">
        <v>5.3930999999999996</v>
      </c>
      <c r="Y14" s="146">
        <v>5.3858000000000006</v>
      </c>
      <c r="Z14" s="146">
        <v>5.4201999999999995</v>
      </c>
      <c r="AA14" s="111">
        <v>5.4139999999999997</v>
      </c>
      <c r="AB14" s="140">
        <v>5.37</v>
      </c>
      <c r="AC14" s="140">
        <v>5.3775000000000004</v>
      </c>
      <c r="AD14" s="111"/>
      <c r="AE14" s="140"/>
      <c r="AF14" s="140"/>
      <c r="AG14" s="140"/>
      <c r="AH14" s="140"/>
      <c r="AI14" s="140"/>
      <c r="AJ14" s="140"/>
      <c r="AK14" s="140"/>
      <c r="AL14" s="140"/>
      <c r="AM14" s="140"/>
      <c r="AN14" s="140"/>
      <c r="AO14" s="140"/>
      <c r="AP14" s="207"/>
      <c r="AQ14" s="208"/>
      <c r="AR14" s="194"/>
      <c r="AS14" s="140"/>
      <c r="AT14" s="140"/>
      <c r="AU14" s="140"/>
      <c r="AV14" s="140"/>
      <c r="AW14" s="140"/>
      <c r="AX14" s="146"/>
      <c r="AY14" s="144"/>
      <c r="AZ14" s="150"/>
      <c r="BA14" s="144"/>
      <c r="BB14" s="150"/>
      <c r="BC14" s="150"/>
      <c r="BD14" s="150"/>
      <c r="BE14" s="210"/>
    </row>
    <row r="15" spans="3:57" x14ac:dyDescent="0.2">
      <c r="C15" s="157" t="s">
        <v>59</v>
      </c>
      <c r="D15" s="158" t="s">
        <v>58</v>
      </c>
      <c r="E15" s="146">
        <v>9.1117999999999988</v>
      </c>
      <c r="F15" s="111">
        <v>8.9414999999999996</v>
      </c>
      <c r="G15" s="111">
        <v>8.8572000000000006</v>
      </c>
      <c r="H15" s="111">
        <v>8.8567999999999998</v>
      </c>
      <c r="I15" s="111">
        <v>8.8598999999999997</v>
      </c>
      <c r="J15" s="140">
        <v>8.8554999999999993</v>
      </c>
      <c r="K15" s="140">
        <v>8.8390000000000004</v>
      </c>
      <c r="L15" s="146">
        <v>8.8537999999999997</v>
      </c>
      <c r="M15" s="146">
        <v>8.8514999999999997</v>
      </c>
      <c r="N15" s="140">
        <v>8.8422000000000001</v>
      </c>
      <c r="O15" s="140">
        <v>8.8566000000000003</v>
      </c>
      <c r="P15" s="140">
        <v>8.8560999999999996</v>
      </c>
      <c r="Q15" s="146">
        <v>8.8437999999999999</v>
      </c>
      <c r="R15" s="146">
        <v>8.86</v>
      </c>
      <c r="S15" s="140">
        <v>8.8651</v>
      </c>
      <c r="T15" s="140">
        <v>8.8594000000000008</v>
      </c>
      <c r="U15" s="150">
        <v>8.8916000000000004</v>
      </c>
      <c r="V15" s="150">
        <v>8.8862000000000005</v>
      </c>
      <c r="W15" s="140">
        <v>8.9146000000000001</v>
      </c>
      <c r="X15" s="146">
        <v>8.934099999999999</v>
      </c>
      <c r="Y15" s="146">
        <v>8.8588000000000005</v>
      </c>
      <c r="Z15" s="146">
        <v>8.9266000000000005</v>
      </c>
      <c r="AA15" s="111">
        <v>8.9398</v>
      </c>
      <c r="AB15" s="140">
        <v>8.93</v>
      </c>
      <c r="AC15" s="140">
        <v>8.8467000000000002</v>
      </c>
      <c r="AD15" s="111"/>
      <c r="AE15" s="140"/>
      <c r="AF15" s="140"/>
      <c r="AG15" s="140"/>
      <c r="AH15" s="140"/>
      <c r="AI15" s="140"/>
      <c r="AJ15" s="140"/>
      <c r="AK15" s="140"/>
      <c r="AL15" s="140"/>
      <c r="AM15" s="140"/>
      <c r="AN15" s="140"/>
      <c r="AO15" s="140"/>
      <c r="AP15" s="207"/>
      <c r="AQ15" s="208"/>
      <c r="AR15" s="194"/>
      <c r="AS15" s="140"/>
      <c r="AT15" s="140"/>
      <c r="AU15" s="140"/>
      <c r="AV15" s="140"/>
      <c r="AW15" s="151"/>
      <c r="AX15" s="146"/>
      <c r="AY15" s="111"/>
      <c r="AZ15" s="150"/>
      <c r="BA15" s="111"/>
      <c r="BB15" s="150"/>
      <c r="BC15" s="150"/>
      <c r="BD15" s="150"/>
      <c r="BE15" s="210"/>
    </row>
    <row r="16" spans="3:57" x14ac:dyDescent="0.2">
      <c r="C16" s="157" t="s">
        <v>60</v>
      </c>
      <c r="D16" s="158" t="s">
        <v>58</v>
      </c>
      <c r="E16" s="146">
        <v>2.0076000000000001</v>
      </c>
      <c r="F16" s="111">
        <v>1.9882</v>
      </c>
      <c r="G16" s="111">
        <v>1.9912000000000001</v>
      </c>
      <c r="H16" s="111">
        <v>1.9890000000000001</v>
      </c>
      <c r="I16" s="111">
        <v>1.9838</v>
      </c>
      <c r="J16" s="140">
        <v>1.9921</v>
      </c>
      <c r="K16" s="140">
        <v>1.9994000000000001</v>
      </c>
      <c r="L16" s="146">
        <v>2.0447000000000002</v>
      </c>
      <c r="M16" s="146">
        <v>2.0750000000000002</v>
      </c>
      <c r="N16" s="140">
        <v>2.1118999999999999</v>
      </c>
      <c r="O16" s="140">
        <v>2.1471</v>
      </c>
      <c r="P16" s="140">
        <v>2.2018</v>
      </c>
      <c r="Q16" s="146">
        <v>2.2822</v>
      </c>
      <c r="R16" s="146">
        <v>2.1880999999999999</v>
      </c>
      <c r="S16" s="140">
        <v>2.194</v>
      </c>
      <c r="T16" s="140">
        <v>2.1869000000000001</v>
      </c>
      <c r="U16" s="150">
        <v>2.2096999999999998</v>
      </c>
      <c r="V16" s="150">
        <v>2.1913</v>
      </c>
      <c r="W16" s="140">
        <v>2.1869000000000001</v>
      </c>
      <c r="X16" s="146">
        <v>2.1909000000000001</v>
      </c>
      <c r="Y16" s="146">
        <v>2.2002999999999999</v>
      </c>
      <c r="Z16" s="146">
        <v>2.1806999999999999</v>
      </c>
      <c r="AA16" s="111">
        <v>2.1976</v>
      </c>
      <c r="AB16" s="140">
        <v>2.19</v>
      </c>
      <c r="AC16" s="140">
        <v>2.2141000000000002</v>
      </c>
      <c r="AD16" s="111"/>
      <c r="AE16" s="140"/>
      <c r="AF16" s="140"/>
      <c r="AG16" s="140"/>
      <c r="AH16" s="140"/>
      <c r="AI16" s="140"/>
      <c r="AJ16" s="140"/>
      <c r="AK16" s="140"/>
      <c r="AL16" s="140"/>
      <c r="AM16" s="140"/>
      <c r="AN16" s="140"/>
      <c r="AO16" s="140"/>
      <c r="AP16" s="207"/>
      <c r="AQ16" s="208"/>
      <c r="AR16" s="194"/>
      <c r="AS16" s="140"/>
      <c r="AT16" s="140"/>
      <c r="AU16" s="140"/>
      <c r="AV16" s="140"/>
      <c r="AW16" s="151"/>
      <c r="AX16" s="146"/>
      <c r="AY16" s="111"/>
      <c r="AZ16" s="150"/>
      <c r="BA16" s="111"/>
      <c r="BB16" s="150"/>
      <c r="BC16" s="150"/>
      <c r="BD16" s="150"/>
      <c r="BE16" s="210"/>
    </row>
    <row r="17" spans="3:57" x14ac:dyDescent="0.2">
      <c r="C17" s="157" t="s">
        <v>61</v>
      </c>
      <c r="D17" s="158" t="s">
        <v>58</v>
      </c>
      <c r="E17" s="146">
        <v>2.3921000000000001</v>
      </c>
      <c r="F17" s="111">
        <v>2.3921000000000001</v>
      </c>
      <c r="G17" s="111">
        <v>2.3487999999999998</v>
      </c>
      <c r="H17" s="111">
        <v>2.3407</v>
      </c>
      <c r="I17" s="111">
        <v>2.2562000000000002</v>
      </c>
      <c r="J17" s="140">
        <v>2.1880000000000002</v>
      </c>
      <c r="K17" s="140">
        <v>2.1880000000000002</v>
      </c>
      <c r="L17" s="146">
        <v>2.1880000000000002</v>
      </c>
      <c r="M17" s="146">
        <v>2.1738</v>
      </c>
      <c r="N17" s="140">
        <v>2.1313999999999997</v>
      </c>
      <c r="O17" s="140">
        <v>2.1238999999999999</v>
      </c>
      <c r="P17" s="140">
        <v>2.1381000000000001</v>
      </c>
      <c r="Q17" s="146">
        <v>2.1446999999999998</v>
      </c>
      <c r="R17" s="146">
        <v>2.1429</v>
      </c>
      <c r="S17" s="140">
        <v>2.1527000000000003</v>
      </c>
      <c r="T17" s="140">
        <v>2.1684000000000001</v>
      </c>
      <c r="U17" s="150">
        <v>2.1722000000000001</v>
      </c>
      <c r="V17" s="150">
        <v>2.1655000000000002</v>
      </c>
      <c r="W17" s="140">
        <v>2.1896</v>
      </c>
      <c r="X17" s="146">
        <v>2.1855000000000002</v>
      </c>
      <c r="Y17" s="146">
        <v>2.2036000000000002</v>
      </c>
      <c r="Z17" s="146">
        <v>2.2046000000000001</v>
      </c>
      <c r="AA17" s="111">
        <v>2.2086999999999999</v>
      </c>
      <c r="AB17" s="140">
        <v>2.2200000000000002</v>
      </c>
      <c r="AC17" s="140">
        <v>2.2358000000000002</v>
      </c>
      <c r="AD17" s="111"/>
      <c r="AE17" s="140"/>
      <c r="AF17" s="140"/>
      <c r="AG17" s="140"/>
      <c r="AH17" s="140"/>
      <c r="AI17" s="140"/>
      <c r="AJ17" s="140"/>
      <c r="AK17" s="140"/>
      <c r="AL17" s="140"/>
      <c r="AM17" s="140"/>
      <c r="AN17" s="140"/>
      <c r="AO17" s="140"/>
      <c r="AP17" s="207"/>
      <c r="AQ17" s="208"/>
      <c r="AR17" s="194"/>
      <c r="AS17" s="140"/>
      <c r="AT17" s="140"/>
      <c r="AU17" s="140"/>
      <c r="AV17" s="140"/>
      <c r="AW17" s="151"/>
      <c r="AX17" s="146"/>
      <c r="AY17" s="111"/>
      <c r="AZ17" s="150"/>
      <c r="BA17" s="111"/>
      <c r="BB17" s="111"/>
      <c r="BC17" s="150"/>
      <c r="BD17" s="150"/>
      <c r="BE17" s="210"/>
    </row>
    <row r="18" spans="3:57" x14ac:dyDescent="0.2">
      <c r="C18" s="157" t="s">
        <v>62</v>
      </c>
      <c r="D18" s="158" t="s">
        <v>58</v>
      </c>
      <c r="E18" s="146">
        <v>4.6100000000000003</v>
      </c>
      <c r="F18" s="111">
        <v>4.5999999999999996</v>
      </c>
      <c r="G18" s="111">
        <v>4.59</v>
      </c>
      <c r="H18" s="111">
        <v>4.43</v>
      </c>
      <c r="I18" s="111">
        <v>4.42</v>
      </c>
      <c r="J18" s="140">
        <v>4.42</v>
      </c>
      <c r="K18" s="140">
        <v>4.38</v>
      </c>
      <c r="L18" s="146">
        <v>4.38</v>
      </c>
      <c r="M18" s="146">
        <v>4.38</v>
      </c>
      <c r="N18" s="140">
        <v>4.38</v>
      </c>
      <c r="O18" s="140">
        <v>4.38</v>
      </c>
      <c r="P18" s="140">
        <v>4.38</v>
      </c>
      <c r="Q18" s="146">
        <v>4.38</v>
      </c>
      <c r="R18" s="146">
        <v>4.38</v>
      </c>
      <c r="S18" s="140">
        <v>4.38</v>
      </c>
      <c r="T18" s="140">
        <v>4.34</v>
      </c>
      <c r="U18" s="150">
        <v>4.2</v>
      </c>
      <c r="V18" s="150">
        <v>4.3099999999999996</v>
      </c>
      <c r="W18" s="140">
        <v>4.24</v>
      </c>
      <c r="X18" s="146">
        <v>4.2300000000000004</v>
      </c>
      <c r="Y18" s="146">
        <v>4.13</v>
      </c>
      <c r="Z18" s="146">
        <v>4.12</v>
      </c>
      <c r="AA18" s="111">
        <v>4.12</v>
      </c>
      <c r="AB18" s="140">
        <v>4.12</v>
      </c>
      <c r="AC18" s="140">
        <v>4.0999999999999996</v>
      </c>
      <c r="AD18" s="111"/>
      <c r="AE18" s="140"/>
      <c r="AF18" s="140"/>
      <c r="AG18" s="140"/>
      <c r="AH18" s="140"/>
      <c r="AI18" s="140"/>
      <c r="AJ18" s="140"/>
      <c r="AK18" s="140"/>
      <c r="AL18" s="140"/>
      <c r="AM18" s="140"/>
      <c r="AN18" s="140"/>
      <c r="AO18" s="140"/>
      <c r="AP18" s="207"/>
      <c r="AQ18" s="208"/>
      <c r="AR18" s="194"/>
      <c r="AS18" s="140"/>
      <c r="AT18" s="140"/>
      <c r="AU18" s="140"/>
      <c r="AV18" s="140"/>
      <c r="AW18" s="152"/>
      <c r="AX18" s="146"/>
      <c r="AY18" s="144"/>
      <c r="AZ18" s="150"/>
      <c r="BA18" s="144"/>
      <c r="BB18" s="111"/>
      <c r="BC18" s="150"/>
      <c r="BD18" s="150"/>
      <c r="BE18" s="210"/>
    </row>
    <row r="19" spans="3:57" x14ac:dyDescent="0.2">
      <c r="C19" s="157" t="s">
        <v>75</v>
      </c>
      <c r="D19" s="158" t="s">
        <v>76</v>
      </c>
      <c r="E19" s="146">
        <v>1.39</v>
      </c>
      <c r="F19" s="111">
        <v>1.36</v>
      </c>
      <c r="G19" s="111">
        <v>1.34</v>
      </c>
      <c r="H19" s="111">
        <v>1.3</v>
      </c>
      <c r="I19" s="111">
        <v>1.28</v>
      </c>
      <c r="J19" s="140">
        <v>1.28</v>
      </c>
      <c r="K19" s="140">
        <v>1.31</v>
      </c>
      <c r="L19" s="146">
        <v>1.34</v>
      </c>
      <c r="M19" s="146">
        <v>1.39</v>
      </c>
      <c r="N19" s="140">
        <v>1.44</v>
      </c>
      <c r="O19" s="140">
        <v>1.47</v>
      </c>
      <c r="P19" s="140">
        <v>1.49</v>
      </c>
      <c r="Q19" s="146">
        <v>1.49</v>
      </c>
      <c r="R19" s="146">
        <v>1.46</v>
      </c>
      <c r="S19" s="140">
        <v>1.42</v>
      </c>
      <c r="T19" s="140">
        <v>1.37</v>
      </c>
      <c r="U19" s="150">
        <v>1.32</v>
      </c>
      <c r="V19" s="150">
        <v>1.28</v>
      </c>
      <c r="W19" s="140">
        <v>1.26</v>
      </c>
      <c r="X19" s="146">
        <v>1.24</v>
      </c>
      <c r="Y19" s="146">
        <v>1.24</v>
      </c>
      <c r="Z19" s="146">
        <v>1.22</v>
      </c>
      <c r="AA19" s="111">
        <v>1.21</v>
      </c>
      <c r="AB19" s="140">
        <v>1.2</v>
      </c>
      <c r="AC19" s="140">
        <v>1.19</v>
      </c>
      <c r="AD19" s="111"/>
      <c r="AE19" s="140"/>
      <c r="AF19" s="140"/>
      <c r="AG19" s="140"/>
      <c r="AH19" s="140"/>
      <c r="AI19" s="140"/>
      <c r="AJ19" s="140"/>
      <c r="AK19" s="140"/>
      <c r="AL19" s="140"/>
      <c r="AM19" s="140"/>
      <c r="AN19" s="140"/>
      <c r="AO19" s="140"/>
      <c r="AP19" s="207"/>
      <c r="AQ19" s="208"/>
      <c r="AR19" s="194"/>
      <c r="AS19" s="140"/>
      <c r="AT19" s="140"/>
      <c r="AU19" s="140"/>
      <c r="AV19" s="140"/>
      <c r="AW19" s="152"/>
      <c r="AX19" s="146"/>
      <c r="AY19" s="144"/>
      <c r="AZ19" s="150"/>
      <c r="BA19" s="144"/>
      <c r="BB19" s="111"/>
      <c r="BC19" s="150"/>
      <c r="BD19" s="150"/>
      <c r="BE19" s="210"/>
    </row>
    <row r="20" spans="3:57" x14ac:dyDescent="0.2">
      <c r="C20" s="157" t="s">
        <v>63</v>
      </c>
      <c r="D20" s="158" t="s">
        <v>58</v>
      </c>
      <c r="E20" s="146">
        <v>9.67</v>
      </c>
      <c r="F20" s="111">
        <v>7.39</v>
      </c>
      <c r="G20" s="111">
        <v>5.39</v>
      </c>
      <c r="H20" s="111">
        <v>4.87</v>
      </c>
      <c r="I20" s="111">
        <v>5.15</v>
      </c>
      <c r="J20" s="140">
        <v>5.39</v>
      </c>
      <c r="K20" s="140">
        <v>5.84</v>
      </c>
      <c r="L20" s="146">
        <v>5.03</v>
      </c>
      <c r="M20" s="146">
        <v>5.38</v>
      </c>
      <c r="N20" s="140">
        <v>4.9400000000000004</v>
      </c>
      <c r="O20" s="140">
        <v>5.39</v>
      </c>
      <c r="P20" s="140">
        <v>3.94</v>
      </c>
      <c r="Q20" s="146">
        <v>4.34</v>
      </c>
      <c r="R20" s="146">
        <v>4.8600000000000003</v>
      </c>
      <c r="S20" s="140">
        <v>5.08</v>
      </c>
      <c r="T20" s="140">
        <v>4.67</v>
      </c>
      <c r="U20" s="111">
        <v>4.6100000000000003</v>
      </c>
      <c r="V20" s="111">
        <v>4.63</v>
      </c>
      <c r="W20" s="140">
        <v>5.23</v>
      </c>
      <c r="X20" s="146">
        <v>5.74</v>
      </c>
      <c r="Y20" s="111">
        <v>5.27</v>
      </c>
      <c r="Z20" s="111">
        <v>4.76</v>
      </c>
      <c r="AA20" s="111">
        <v>5.64</v>
      </c>
      <c r="AB20" s="140"/>
      <c r="AC20" s="140"/>
      <c r="AD20" s="111"/>
      <c r="AE20" s="140"/>
      <c r="AF20" s="140"/>
      <c r="AG20" s="140"/>
      <c r="AH20" s="140"/>
      <c r="AI20" s="140"/>
      <c r="AJ20" s="140"/>
      <c r="AK20" s="140"/>
      <c r="AL20" s="140"/>
      <c r="AM20" s="140"/>
      <c r="AN20" s="140"/>
      <c r="AO20" s="140"/>
      <c r="AP20" s="140"/>
      <c r="AQ20" s="73"/>
      <c r="AR20" s="140"/>
      <c r="AS20" s="140"/>
      <c r="AT20" s="140"/>
      <c r="AU20" s="140"/>
      <c r="AV20" s="140"/>
      <c r="AW20" s="151"/>
      <c r="AX20" s="146"/>
      <c r="AY20" s="111"/>
      <c r="AZ20" s="111"/>
      <c r="BA20" s="111"/>
      <c r="BB20" s="111"/>
      <c r="BC20" s="111"/>
      <c r="BD20" s="111"/>
      <c r="BE20" s="210"/>
    </row>
    <row r="21" spans="3:57" x14ac:dyDescent="0.2">
      <c r="C21" s="157" t="s">
        <v>64</v>
      </c>
      <c r="D21" s="158" t="s">
        <v>58</v>
      </c>
      <c r="E21" s="146">
        <v>10.029999999999999</v>
      </c>
      <c r="F21" s="111">
        <v>6.88</v>
      </c>
      <c r="G21" s="111">
        <v>4.8899999999999997</v>
      </c>
      <c r="H21" s="111">
        <v>4.2699999999999996</v>
      </c>
      <c r="I21" s="111">
        <v>4.91</v>
      </c>
      <c r="J21" s="140">
        <v>4.79</v>
      </c>
      <c r="K21" s="140">
        <v>5.01</v>
      </c>
      <c r="L21" s="146">
        <v>4.58</v>
      </c>
      <c r="M21" s="146">
        <v>5.53</v>
      </c>
      <c r="N21" s="140">
        <v>5.31</v>
      </c>
      <c r="O21" s="140">
        <v>4.97</v>
      </c>
      <c r="P21" s="140">
        <v>3.92</v>
      </c>
      <c r="Q21" s="146">
        <v>3.66</v>
      </c>
      <c r="R21" s="146">
        <v>4.59</v>
      </c>
      <c r="S21" s="140">
        <v>5.69</v>
      </c>
      <c r="T21" s="140">
        <v>5.45</v>
      </c>
      <c r="U21" s="111">
        <v>4.97</v>
      </c>
      <c r="V21" s="111">
        <v>4.05</v>
      </c>
      <c r="W21" s="140">
        <v>5.1100000000000003</v>
      </c>
      <c r="X21" s="146">
        <v>5.01</v>
      </c>
      <c r="Y21" s="111">
        <v>4.71</v>
      </c>
      <c r="Z21" s="111">
        <v>4.79</v>
      </c>
      <c r="AA21" s="111">
        <v>5.57</v>
      </c>
      <c r="AB21" s="140"/>
      <c r="AC21" s="140"/>
      <c r="AD21" s="111"/>
      <c r="AE21" s="140"/>
      <c r="AF21" s="140"/>
      <c r="AG21" s="140"/>
      <c r="AH21" s="140"/>
      <c r="AI21" s="140"/>
      <c r="AJ21" s="140"/>
      <c r="AK21" s="140"/>
      <c r="AL21" s="140"/>
      <c r="AM21" s="140"/>
      <c r="AN21" s="140"/>
      <c r="AO21" s="140"/>
      <c r="AP21" s="140"/>
      <c r="AQ21" s="73"/>
      <c r="AR21" s="140"/>
      <c r="AS21" s="140"/>
      <c r="AT21" s="140"/>
      <c r="AU21" s="140"/>
      <c r="AV21" s="140"/>
      <c r="AW21" s="151"/>
      <c r="AX21" s="146"/>
      <c r="AY21" s="111"/>
      <c r="AZ21" s="111"/>
      <c r="BA21" s="111"/>
      <c r="BB21" s="111"/>
      <c r="BC21" s="111"/>
      <c r="BD21" s="111"/>
      <c r="BE21" s="210"/>
    </row>
    <row r="22" spans="3:57" x14ac:dyDescent="0.2">
      <c r="C22" s="157" t="s">
        <v>65</v>
      </c>
      <c r="D22" s="158" t="s">
        <v>58</v>
      </c>
      <c r="E22" s="146">
        <v>3.45</v>
      </c>
      <c r="F22" s="111">
        <v>2.2400000000000002</v>
      </c>
      <c r="G22" s="111">
        <v>1.54</v>
      </c>
      <c r="H22" s="111">
        <v>1.25</v>
      </c>
      <c r="I22" s="111">
        <v>1.93</v>
      </c>
      <c r="J22" s="140">
        <v>1.61</v>
      </c>
      <c r="K22" s="140">
        <v>1.69</v>
      </c>
      <c r="L22" s="146">
        <v>1.1599999999999999</v>
      </c>
      <c r="M22" s="146">
        <v>2.59</v>
      </c>
      <c r="N22" s="140">
        <v>2.0699999999999998</v>
      </c>
      <c r="O22" s="140">
        <v>1.63</v>
      </c>
      <c r="P22" s="140">
        <v>0.93</v>
      </c>
      <c r="Q22" s="146">
        <v>1.37</v>
      </c>
      <c r="R22" s="146">
        <v>0.96</v>
      </c>
      <c r="S22" s="140">
        <v>1.03</v>
      </c>
      <c r="T22" s="140">
        <v>1.37</v>
      </c>
      <c r="U22" s="111">
        <v>1.05</v>
      </c>
      <c r="V22" s="111">
        <v>0.98</v>
      </c>
      <c r="W22" s="140">
        <v>0.94</v>
      </c>
      <c r="X22" s="146">
        <v>1.07</v>
      </c>
      <c r="Y22" s="111">
        <v>1.03</v>
      </c>
      <c r="Z22" s="111">
        <v>1.23</v>
      </c>
      <c r="AA22" s="111">
        <v>0.97</v>
      </c>
      <c r="AB22" s="140"/>
      <c r="AC22" s="140"/>
      <c r="AD22" s="111"/>
      <c r="AE22" s="140"/>
      <c r="AF22" s="140"/>
      <c r="AG22" s="140"/>
      <c r="AH22" s="140"/>
      <c r="AI22" s="140"/>
      <c r="AJ22" s="140"/>
      <c r="AK22" s="140"/>
      <c r="AL22" s="140"/>
      <c r="AM22" s="140"/>
      <c r="AN22" s="140"/>
      <c r="AO22" s="140"/>
      <c r="AP22" s="140"/>
      <c r="AQ22" s="73"/>
      <c r="AR22" s="140"/>
      <c r="AS22" s="140"/>
      <c r="AT22" s="140"/>
      <c r="AU22" s="140"/>
      <c r="AV22" s="140"/>
      <c r="AW22" s="151"/>
      <c r="AX22" s="146"/>
      <c r="AY22" s="111"/>
      <c r="AZ22" s="111"/>
      <c r="BA22" s="111"/>
      <c r="BB22" s="111"/>
      <c r="BC22" s="111"/>
      <c r="BD22" s="111"/>
      <c r="BE22" s="210"/>
    </row>
    <row r="23" spans="3:57" x14ac:dyDescent="0.2">
      <c r="C23" s="157" t="s">
        <v>66</v>
      </c>
      <c r="D23" s="158" t="s">
        <v>58</v>
      </c>
      <c r="E23" s="146">
        <v>4.55</v>
      </c>
      <c r="F23" s="111">
        <v>3.27</v>
      </c>
      <c r="G23" s="111">
        <v>2.87</v>
      </c>
      <c r="H23" s="144">
        <v>2.76</v>
      </c>
      <c r="I23" s="144">
        <v>4.5</v>
      </c>
      <c r="J23" s="140">
        <v>2.39</v>
      </c>
      <c r="K23" s="140">
        <v>3.84</v>
      </c>
      <c r="L23" s="146">
        <v>1.92</v>
      </c>
      <c r="M23" s="146">
        <v>4.12</v>
      </c>
      <c r="N23" s="140">
        <v>3.16</v>
      </c>
      <c r="O23" s="140">
        <v>2.1800000000000002</v>
      </c>
      <c r="P23" s="140">
        <v>2.77</v>
      </c>
      <c r="Q23" s="146">
        <v>5.8</v>
      </c>
      <c r="R23" s="146">
        <v>1.45</v>
      </c>
      <c r="S23" s="140">
        <v>2.16</v>
      </c>
      <c r="T23" s="140">
        <v>1.46</v>
      </c>
      <c r="U23" s="111">
        <v>1.5</v>
      </c>
      <c r="V23" s="111">
        <v>1.77</v>
      </c>
      <c r="W23" s="140">
        <v>2.19</v>
      </c>
      <c r="X23" s="146">
        <v>1.75</v>
      </c>
      <c r="Y23" s="144">
        <v>1.53</v>
      </c>
      <c r="Z23" s="144">
        <v>2.2000000000000002</v>
      </c>
      <c r="AA23" s="111">
        <v>1.6</v>
      </c>
      <c r="AB23" s="140"/>
      <c r="AC23" s="140"/>
      <c r="AD23" s="111"/>
      <c r="AE23" s="140"/>
      <c r="AF23" s="140"/>
      <c r="AG23" s="140"/>
      <c r="AH23" s="140"/>
      <c r="AI23" s="140"/>
      <c r="AJ23" s="140"/>
      <c r="AK23" s="140"/>
      <c r="AL23" s="140"/>
      <c r="AM23" s="140"/>
      <c r="AN23" s="140"/>
      <c r="AO23" s="140"/>
      <c r="AP23" s="140"/>
      <c r="AQ23" s="93"/>
      <c r="AR23" s="140"/>
      <c r="AS23" s="140"/>
      <c r="AT23" s="140"/>
      <c r="AU23" s="140"/>
      <c r="AV23" s="140"/>
      <c r="AW23" s="152"/>
      <c r="AX23" s="146"/>
      <c r="AY23" s="144"/>
      <c r="AZ23" s="111"/>
      <c r="BA23" s="144"/>
      <c r="BB23" s="150"/>
      <c r="BC23" s="144"/>
      <c r="BD23" s="111"/>
      <c r="BE23" s="210"/>
    </row>
    <row r="24" spans="3:57" x14ac:dyDescent="0.2">
      <c r="C24" s="157" t="s">
        <v>116</v>
      </c>
      <c r="D24" s="158" t="s">
        <v>58</v>
      </c>
      <c r="E24" s="146">
        <v>5.48</v>
      </c>
      <c r="F24" s="111">
        <v>7.51</v>
      </c>
      <c r="G24" s="111">
        <v>5.21</v>
      </c>
      <c r="H24" s="144">
        <v>4.8899999999999997</v>
      </c>
      <c r="I24" s="144">
        <v>5.31</v>
      </c>
      <c r="J24" s="140">
        <v>5.66</v>
      </c>
      <c r="K24" s="140">
        <v>5.68</v>
      </c>
      <c r="L24" s="146">
        <v>5.29</v>
      </c>
      <c r="M24" s="146">
        <v>5.98</v>
      </c>
      <c r="N24" s="140">
        <v>6.32</v>
      </c>
      <c r="O24" s="140">
        <v>5.79</v>
      </c>
      <c r="P24" s="140">
        <v>3.96</v>
      </c>
      <c r="Q24" s="146">
        <v>4.71</v>
      </c>
      <c r="R24" s="146">
        <v>5.35</v>
      </c>
      <c r="S24" s="140">
        <v>6.1</v>
      </c>
      <c r="T24" s="140">
        <v>5.81</v>
      </c>
      <c r="U24" s="111">
        <v>5.0999999999999996</v>
      </c>
      <c r="V24" s="111">
        <v>3.6</v>
      </c>
      <c r="W24" s="140">
        <v>3.39</v>
      </c>
      <c r="X24" s="146">
        <v>3.48</v>
      </c>
      <c r="Y24" s="144">
        <v>3.49</v>
      </c>
      <c r="Z24" s="144">
        <v>4.17</v>
      </c>
      <c r="AA24" s="111">
        <v>4.18</v>
      </c>
      <c r="AB24" s="140"/>
      <c r="AC24" s="140"/>
      <c r="AD24" s="111"/>
      <c r="AE24" s="140"/>
      <c r="AF24" s="140"/>
      <c r="AG24" s="140"/>
      <c r="AH24" s="140"/>
      <c r="AI24" s="140"/>
      <c r="AJ24" s="140"/>
      <c r="AK24" s="140"/>
      <c r="AL24" s="140"/>
      <c r="AM24" s="140"/>
      <c r="AN24" s="140"/>
      <c r="AO24" s="140"/>
      <c r="AP24" s="140"/>
      <c r="AQ24" s="93"/>
      <c r="AR24" s="140"/>
      <c r="AS24" s="140"/>
      <c r="AT24" s="140"/>
      <c r="AU24" s="140"/>
      <c r="AV24" s="140"/>
      <c r="AW24" s="152"/>
      <c r="AX24" s="146"/>
      <c r="AY24" s="144"/>
      <c r="AZ24" s="111"/>
      <c r="BA24" s="144"/>
      <c r="BB24" s="150"/>
      <c r="BC24" s="144"/>
      <c r="BD24" s="111"/>
      <c r="BE24" s="210"/>
    </row>
    <row r="25" spans="3:57" x14ac:dyDescent="0.2">
      <c r="C25" s="157" t="s">
        <v>68</v>
      </c>
      <c r="D25" s="158" t="s">
        <v>58</v>
      </c>
      <c r="E25" s="146">
        <v>2.66</v>
      </c>
      <c r="F25" s="111">
        <v>1.54</v>
      </c>
      <c r="G25" s="111">
        <v>0.98</v>
      </c>
      <c r="H25" s="111">
        <v>0.99</v>
      </c>
      <c r="I25" s="111">
        <v>1.67</v>
      </c>
      <c r="J25" s="140">
        <v>1.7</v>
      </c>
      <c r="K25" s="140">
        <v>1.23</v>
      </c>
      <c r="L25" s="146">
        <v>1.63</v>
      </c>
      <c r="M25" s="146">
        <v>1.9</v>
      </c>
      <c r="N25" s="140">
        <v>1.95</v>
      </c>
      <c r="O25" s="140">
        <v>2.44</v>
      </c>
      <c r="P25" s="140">
        <v>1.8</v>
      </c>
      <c r="Q25" s="146">
        <v>1.8</v>
      </c>
      <c r="R25" s="146">
        <v>1.36</v>
      </c>
      <c r="S25" s="140">
        <v>1.35</v>
      </c>
      <c r="T25" s="140">
        <v>1.22</v>
      </c>
      <c r="U25" s="111">
        <v>1.32</v>
      </c>
      <c r="V25" s="111">
        <v>0.92</v>
      </c>
      <c r="W25" s="140">
        <v>1.08</v>
      </c>
      <c r="X25" s="146">
        <v>1.31</v>
      </c>
      <c r="Y25" s="111">
        <v>1.62</v>
      </c>
      <c r="Z25" s="111">
        <v>1.53</v>
      </c>
      <c r="AA25" s="111">
        <v>1.55</v>
      </c>
      <c r="AB25" s="140"/>
      <c r="AC25" s="140"/>
      <c r="AD25" s="111"/>
      <c r="AE25" s="140"/>
      <c r="AF25" s="140"/>
      <c r="AG25" s="140"/>
      <c r="AH25" s="140"/>
      <c r="AI25" s="140"/>
      <c r="AJ25" s="140"/>
      <c r="AK25" s="140"/>
      <c r="AL25" s="140"/>
      <c r="AM25" s="140"/>
      <c r="AN25" s="140"/>
      <c r="AO25" s="140"/>
      <c r="AP25" s="140"/>
      <c r="AQ25" s="73"/>
      <c r="AR25" s="140"/>
      <c r="AS25" s="140"/>
      <c r="AT25" s="140"/>
      <c r="AU25" s="140"/>
      <c r="AV25" s="140"/>
      <c r="AW25" s="151"/>
      <c r="AX25" s="146"/>
      <c r="AY25" s="111"/>
      <c r="AZ25" s="111"/>
      <c r="BA25" s="111"/>
      <c r="BB25" s="150"/>
      <c r="BC25" s="111"/>
      <c r="BD25" s="111"/>
      <c r="BE25" s="210"/>
    </row>
    <row r="26" spans="3:57" x14ac:dyDescent="0.2">
      <c r="C26" s="157" t="s">
        <v>69</v>
      </c>
      <c r="D26" s="158" t="s">
        <v>58</v>
      </c>
      <c r="E26" s="146">
        <v>2.5499999999999998</v>
      </c>
      <c r="F26" s="111">
        <v>1.82</v>
      </c>
      <c r="G26" s="111">
        <v>2.19</v>
      </c>
      <c r="H26" s="111">
        <v>2.57</v>
      </c>
      <c r="I26" s="111">
        <v>2.5499999999999998</v>
      </c>
      <c r="J26" s="140">
        <v>2.2999999999999998</v>
      </c>
      <c r="K26" s="140">
        <v>2.04</v>
      </c>
      <c r="L26" s="146">
        <v>2.57</v>
      </c>
      <c r="M26" s="146">
        <v>1.6</v>
      </c>
      <c r="N26" s="140">
        <v>1.63</v>
      </c>
      <c r="O26" s="140">
        <v>0.82</v>
      </c>
      <c r="P26" s="140">
        <v>1.07</v>
      </c>
      <c r="Q26" s="146">
        <v>1.78</v>
      </c>
      <c r="R26" s="146">
        <v>2.5</v>
      </c>
      <c r="S26" s="140">
        <v>2.35</v>
      </c>
      <c r="T26" s="140">
        <v>1.1200000000000001</v>
      </c>
      <c r="U26" s="111">
        <v>0.92</v>
      </c>
      <c r="V26" s="111">
        <v>1</v>
      </c>
      <c r="W26" s="140">
        <v>0.82</v>
      </c>
      <c r="X26" s="146">
        <v>0.89</v>
      </c>
      <c r="Y26" s="111">
        <v>1.04</v>
      </c>
      <c r="Z26" s="111">
        <v>1.19</v>
      </c>
      <c r="AA26" s="111">
        <v>0.91</v>
      </c>
      <c r="AB26" s="140"/>
      <c r="AC26" s="140"/>
      <c r="AD26" s="111"/>
      <c r="AE26" s="140"/>
      <c r="AF26" s="140"/>
      <c r="AG26" s="140"/>
      <c r="AH26" s="140"/>
      <c r="AI26" s="140"/>
      <c r="AJ26" s="140"/>
      <c r="AK26" s="140"/>
      <c r="AL26" s="140"/>
      <c r="AM26" s="140"/>
      <c r="AN26" s="140"/>
      <c r="AO26" s="140"/>
      <c r="AP26" s="140"/>
      <c r="AQ26" s="73"/>
      <c r="AR26" s="140"/>
      <c r="AS26" s="140"/>
      <c r="AT26" s="140"/>
      <c r="AU26" s="140"/>
      <c r="AV26" s="140"/>
      <c r="AW26" s="151"/>
      <c r="AX26" s="146"/>
      <c r="AY26" s="111"/>
      <c r="AZ26" s="111"/>
      <c r="BA26" s="111"/>
      <c r="BB26" s="150"/>
      <c r="BC26" s="111"/>
      <c r="BD26" s="111"/>
      <c r="BE26" s="210"/>
    </row>
    <row r="27" spans="3:57" x14ac:dyDescent="0.2">
      <c r="C27" s="157" t="s">
        <v>70</v>
      </c>
      <c r="D27" s="158" t="s">
        <v>58</v>
      </c>
      <c r="E27" s="146">
        <v>3.15</v>
      </c>
      <c r="F27" s="111">
        <v>3.05</v>
      </c>
      <c r="G27" s="111">
        <v>2.61</v>
      </c>
      <c r="H27" s="111">
        <v>3.55</v>
      </c>
      <c r="I27" s="111">
        <v>3.18</v>
      </c>
      <c r="J27" s="140">
        <v>3.27</v>
      </c>
      <c r="K27" s="140">
        <v>2.93</v>
      </c>
      <c r="L27" s="146">
        <v>3.72</v>
      </c>
      <c r="M27" s="146">
        <v>2.87</v>
      </c>
      <c r="N27" s="140">
        <v>3.02</v>
      </c>
      <c r="O27" s="140">
        <v>1.35</v>
      </c>
      <c r="P27" s="140">
        <v>1.23</v>
      </c>
      <c r="Q27" s="146">
        <v>1.47</v>
      </c>
      <c r="R27" s="146">
        <v>1.48</v>
      </c>
      <c r="S27" s="140">
        <v>1.55</v>
      </c>
      <c r="T27" s="140">
        <v>1.4</v>
      </c>
      <c r="U27" s="111">
        <v>1.96</v>
      </c>
      <c r="V27" s="111">
        <v>3.17</v>
      </c>
      <c r="W27" s="140">
        <v>3.54</v>
      </c>
      <c r="X27" s="146">
        <v>3.73</v>
      </c>
      <c r="Y27" s="111">
        <v>2.25</v>
      </c>
      <c r="Z27" s="111">
        <v>2.92</v>
      </c>
      <c r="AA27" s="111">
        <v>2.2000000000000002</v>
      </c>
      <c r="AB27" s="140"/>
      <c r="AC27" s="140"/>
      <c r="AD27" s="111"/>
      <c r="AE27" s="140"/>
      <c r="AF27" s="140"/>
      <c r="AG27" s="140"/>
      <c r="AH27" s="140"/>
      <c r="AI27" s="140"/>
      <c r="AJ27" s="140"/>
      <c r="AK27" s="140"/>
      <c r="AL27" s="140"/>
      <c r="AM27" s="140"/>
      <c r="AN27" s="140"/>
      <c r="AO27" s="140"/>
      <c r="AP27" s="140"/>
      <c r="AQ27" s="73"/>
      <c r="AR27" s="140"/>
      <c r="AS27" s="140"/>
      <c r="AT27" s="140"/>
      <c r="AU27" s="140"/>
      <c r="AV27" s="140"/>
      <c r="AW27" s="151"/>
      <c r="AX27" s="146"/>
      <c r="AY27" s="111"/>
      <c r="AZ27" s="111"/>
      <c r="BA27" s="111"/>
      <c r="BB27" s="150"/>
      <c r="BC27" s="111"/>
      <c r="BD27" s="111"/>
      <c r="BE27" s="210"/>
    </row>
    <row r="28" spans="3:57" x14ac:dyDescent="0.2">
      <c r="C28" s="157" t="s">
        <v>173</v>
      </c>
      <c r="D28" s="158" t="s">
        <v>58</v>
      </c>
      <c r="E28" s="146">
        <v>3</v>
      </c>
      <c r="F28" s="111">
        <v>3</v>
      </c>
      <c r="G28" s="111">
        <v>6</v>
      </c>
      <c r="H28" s="197" t="s">
        <v>90</v>
      </c>
      <c r="I28" s="197">
        <v>2.4500000000000002</v>
      </c>
      <c r="J28" s="140">
        <v>7.25</v>
      </c>
      <c r="K28" s="140" t="s">
        <v>90</v>
      </c>
      <c r="L28" s="146">
        <v>6.75</v>
      </c>
      <c r="M28" s="146">
        <v>7.7</v>
      </c>
      <c r="N28" s="140">
        <v>8.5</v>
      </c>
      <c r="O28" s="140">
        <v>10</v>
      </c>
      <c r="P28" s="140">
        <v>6.79</v>
      </c>
      <c r="Q28" s="146">
        <v>5.9</v>
      </c>
      <c r="R28" s="146">
        <v>8.01</v>
      </c>
      <c r="S28" s="140">
        <v>7</v>
      </c>
      <c r="T28" s="140" t="s">
        <v>90</v>
      </c>
      <c r="U28" s="111">
        <v>3</v>
      </c>
      <c r="V28" s="111">
        <v>4.5999999999999996</v>
      </c>
      <c r="W28" s="140">
        <v>3.47</v>
      </c>
      <c r="X28" s="146">
        <v>6.27</v>
      </c>
      <c r="Y28" s="144">
        <v>9.6999999999999993</v>
      </c>
      <c r="Z28" s="144">
        <v>9.2899999999999991</v>
      </c>
      <c r="AA28" s="144">
        <v>9.19</v>
      </c>
      <c r="AB28" s="140"/>
      <c r="AC28" s="140"/>
      <c r="AD28" s="144"/>
      <c r="AE28" s="140"/>
      <c r="AF28" s="140"/>
      <c r="AG28" s="140"/>
      <c r="AH28" s="140"/>
      <c r="AI28" s="140"/>
      <c r="AJ28" s="140"/>
      <c r="AK28" s="140"/>
      <c r="AL28" s="140"/>
      <c r="AM28" s="140"/>
      <c r="AN28" s="140"/>
      <c r="AO28" s="140"/>
      <c r="AP28" s="140"/>
      <c r="AQ28" s="93"/>
      <c r="AR28" s="140"/>
      <c r="AS28" s="140"/>
      <c r="AT28" s="140"/>
      <c r="AU28" s="140"/>
      <c r="AV28" s="140"/>
      <c r="AW28" s="152"/>
      <c r="AX28" s="161"/>
      <c r="AY28" s="144"/>
      <c r="AZ28" s="73"/>
      <c r="BA28" s="144"/>
      <c r="BB28" s="150"/>
      <c r="BC28" s="144"/>
      <c r="BD28" s="111"/>
      <c r="BE28" s="210"/>
    </row>
    <row r="29" spans="3:57" x14ac:dyDescent="0.2">
      <c r="C29" s="157" t="s">
        <v>71</v>
      </c>
      <c r="D29" s="158" t="s">
        <v>58</v>
      </c>
      <c r="E29" s="146" t="s">
        <v>90</v>
      </c>
      <c r="F29" s="111" t="s">
        <v>90</v>
      </c>
      <c r="G29" s="111" t="s">
        <v>90</v>
      </c>
      <c r="H29" s="144" t="s">
        <v>90</v>
      </c>
      <c r="I29" s="144" t="s">
        <v>90</v>
      </c>
      <c r="J29" s="140" t="s">
        <v>90</v>
      </c>
      <c r="K29" s="140" t="s">
        <v>90</v>
      </c>
      <c r="L29" s="146" t="s">
        <v>90</v>
      </c>
      <c r="M29" s="146" t="s">
        <v>90</v>
      </c>
      <c r="N29" s="140" t="s">
        <v>90</v>
      </c>
      <c r="O29" s="140" t="s">
        <v>90</v>
      </c>
      <c r="P29" s="140" t="s">
        <v>90</v>
      </c>
      <c r="Q29" s="146" t="s">
        <v>90</v>
      </c>
      <c r="R29" s="146" t="s">
        <v>90</v>
      </c>
      <c r="S29" s="140" t="s">
        <v>90</v>
      </c>
      <c r="T29" s="140" t="s">
        <v>90</v>
      </c>
      <c r="U29" s="111" t="s">
        <v>90</v>
      </c>
      <c r="V29" s="111" t="s">
        <v>90</v>
      </c>
      <c r="W29" s="140" t="s">
        <v>90</v>
      </c>
      <c r="X29" s="146" t="s">
        <v>90</v>
      </c>
      <c r="Y29" s="144" t="s">
        <v>90</v>
      </c>
      <c r="Z29" s="144" t="s">
        <v>90</v>
      </c>
      <c r="AA29" s="144" t="s">
        <v>90</v>
      </c>
      <c r="AB29" s="140"/>
      <c r="AC29" s="140"/>
      <c r="AD29" s="144"/>
      <c r="AE29" s="140"/>
      <c r="AF29" s="140"/>
      <c r="AG29" s="140"/>
      <c r="AH29" s="140"/>
      <c r="AI29" s="140"/>
      <c r="AJ29" s="140"/>
      <c r="AK29" s="140"/>
      <c r="AL29" s="140"/>
      <c r="AM29" s="140"/>
      <c r="AN29" s="140"/>
      <c r="AO29" s="140"/>
      <c r="AP29" s="140"/>
      <c r="AQ29" s="93"/>
      <c r="AR29" s="140"/>
      <c r="AS29" s="140"/>
      <c r="AT29" s="140"/>
      <c r="AU29" s="140"/>
      <c r="AV29" s="140"/>
      <c r="AW29" s="152"/>
      <c r="AX29" s="146"/>
      <c r="AY29" s="144"/>
      <c r="AZ29" s="73"/>
      <c r="BA29" s="144"/>
      <c r="BB29" s="150"/>
      <c r="BC29" s="144"/>
      <c r="BD29" s="111"/>
      <c r="BE29" s="210"/>
    </row>
    <row r="30" spans="3:57" x14ac:dyDescent="0.2">
      <c r="C30" s="157" t="s">
        <v>102</v>
      </c>
      <c r="D30" s="158" t="s">
        <v>58</v>
      </c>
      <c r="E30" s="146" t="s">
        <v>90</v>
      </c>
      <c r="F30" s="111" t="s">
        <v>90</v>
      </c>
      <c r="G30" s="111" t="s">
        <v>90</v>
      </c>
      <c r="H30" s="111" t="s">
        <v>90</v>
      </c>
      <c r="I30" s="111" t="s">
        <v>90</v>
      </c>
      <c r="J30" s="140" t="s">
        <v>90</v>
      </c>
      <c r="K30" s="140" t="s">
        <v>90</v>
      </c>
      <c r="L30" s="146" t="s">
        <v>90</v>
      </c>
      <c r="M30" s="146" t="s">
        <v>90</v>
      </c>
      <c r="N30" s="140" t="s">
        <v>90</v>
      </c>
      <c r="O30" s="140" t="s">
        <v>90</v>
      </c>
      <c r="P30" s="140" t="s">
        <v>90</v>
      </c>
      <c r="Q30" s="146" t="s">
        <v>90</v>
      </c>
      <c r="R30" s="146" t="s">
        <v>90</v>
      </c>
      <c r="S30" s="140" t="s">
        <v>90</v>
      </c>
      <c r="T30" s="140" t="s">
        <v>90</v>
      </c>
      <c r="U30" s="111" t="s">
        <v>90</v>
      </c>
      <c r="V30" s="111" t="s">
        <v>90</v>
      </c>
      <c r="W30" s="140" t="s">
        <v>90</v>
      </c>
      <c r="X30" s="146" t="s">
        <v>90</v>
      </c>
      <c r="Y30" s="111" t="s">
        <v>90</v>
      </c>
      <c r="Z30" s="111" t="s">
        <v>90</v>
      </c>
      <c r="AA30" s="111" t="s">
        <v>90</v>
      </c>
      <c r="AB30" s="140"/>
      <c r="AC30" s="140"/>
      <c r="AD30" s="111"/>
      <c r="AE30" s="140"/>
      <c r="AF30" s="140"/>
      <c r="AG30" s="140"/>
      <c r="AH30" s="140"/>
      <c r="AI30" s="140"/>
      <c r="AJ30" s="140"/>
      <c r="AK30" s="140"/>
      <c r="AL30" s="140"/>
      <c r="AM30" s="140"/>
      <c r="AN30" s="140"/>
      <c r="AO30" s="140"/>
      <c r="AP30" s="140"/>
      <c r="AQ30" s="73"/>
      <c r="AR30" s="140"/>
      <c r="AS30" s="140"/>
      <c r="AT30" s="140"/>
      <c r="AU30" s="140"/>
      <c r="AV30" s="140"/>
      <c r="AW30" s="152"/>
      <c r="AX30" s="146"/>
      <c r="AY30" s="111"/>
      <c r="AZ30" s="73"/>
      <c r="BA30" s="111"/>
      <c r="BB30" s="150"/>
      <c r="BC30" s="111"/>
      <c r="BD30" s="111"/>
      <c r="BE30" s="210"/>
    </row>
    <row r="31" spans="3:57" x14ac:dyDescent="0.2">
      <c r="C31" s="157" t="s">
        <v>72</v>
      </c>
      <c r="D31" s="158" t="s">
        <v>58</v>
      </c>
      <c r="E31" s="146" t="s">
        <v>90</v>
      </c>
      <c r="F31" s="111" t="s">
        <v>90</v>
      </c>
      <c r="G31" s="111" t="s">
        <v>90</v>
      </c>
      <c r="H31" s="111" t="s">
        <v>90</v>
      </c>
      <c r="I31" s="111" t="s">
        <v>90</v>
      </c>
      <c r="J31" s="140" t="s">
        <v>90</v>
      </c>
      <c r="K31" s="140" t="s">
        <v>90</v>
      </c>
      <c r="L31" s="146" t="s">
        <v>90</v>
      </c>
      <c r="M31" s="146" t="s">
        <v>90</v>
      </c>
      <c r="N31" s="140" t="s">
        <v>90</v>
      </c>
      <c r="O31" s="140" t="s">
        <v>90</v>
      </c>
      <c r="P31" s="140" t="s">
        <v>90</v>
      </c>
      <c r="Q31" s="146" t="s">
        <v>90</v>
      </c>
      <c r="R31" s="146" t="s">
        <v>90</v>
      </c>
      <c r="S31" s="140" t="s">
        <v>90</v>
      </c>
      <c r="T31" s="140" t="s">
        <v>90</v>
      </c>
      <c r="U31" s="111" t="s">
        <v>90</v>
      </c>
      <c r="V31" s="111" t="s">
        <v>90</v>
      </c>
      <c r="W31" s="140" t="s">
        <v>90</v>
      </c>
      <c r="X31" s="146" t="s">
        <v>90</v>
      </c>
      <c r="Y31" s="111" t="s">
        <v>90</v>
      </c>
      <c r="Z31" s="111" t="s">
        <v>90</v>
      </c>
      <c r="AA31" s="111" t="s">
        <v>90</v>
      </c>
      <c r="AB31" s="140"/>
      <c r="AC31" s="140"/>
      <c r="AD31" s="111"/>
      <c r="AE31" s="140"/>
      <c r="AF31" s="140"/>
      <c r="AG31" s="140"/>
      <c r="AH31" s="140"/>
      <c r="AI31" s="140"/>
      <c r="AJ31" s="140"/>
      <c r="AK31" s="140"/>
      <c r="AL31" s="140"/>
      <c r="AM31" s="140"/>
      <c r="AN31" s="140"/>
      <c r="AO31" s="140"/>
      <c r="AP31" s="140"/>
      <c r="AQ31" s="73"/>
      <c r="AR31" s="140"/>
      <c r="AS31" s="140"/>
      <c r="AT31" s="140"/>
      <c r="AU31" s="140"/>
      <c r="AV31" s="140"/>
      <c r="AW31" s="151"/>
      <c r="AX31" s="146"/>
      <c r="AY31" s="111"/>
      <c r="AZ31" s="73"/>
      <c r="BA31" s="111"/>
      <c r="BB31" s="150"/>
      <c r="BC31" s="111"/>
      <c r="BD31" s="111"/>
      <c r="BE31" s="210"/>
    </row>
    <row r="32" spans="3:57" x14ac:dyDescent="0.2">
      <c r="C32" s="157" t="s">
        <v>136</v>
      </c>
      <c r="D32" s="158" t="s">
        <v>58</v>
      </c>
      <c r="E32" s="146">
        <v>2.72</v>
      </c>
      <c r="F32" s="111">
        <v>3.99</v>
      </c>
      <c r="G32" s="111">
        <v>6.24</v>
      </c>
      <c r="H32" s="144">
        <v>6.6</v>
      </c>
      <c r="I32" s="144">
        <v>7.39</v>
      </c>
      <c r="J32" s="140">
        <v>6.82</v>
      </c>
      <c r="K32" s="140">
        <v>6.44</v>
      </c>
      <c r="L32" s="146">
        <v>5.99</v>
      </c>
      <c r="M32" s="146">
        <v>5.6</v>
      </c>
      <c r="N32" s="140">
        <v>3.75</v>
      </c>
      <c r="O32" s="140">
        <v>4.3499999999999996</v>
      </c>
      <c r="P32" s="140">
        <v>3.98</v>
      </c>
      <c r="Q32" s="146">
        <v>6.14</v>
      </c>
      <c r="R32" s="146">
        <v>4.47</v>
      </c>
      <c r="S32" s="140">
        <v>3.68</v>
      </c>
      <c r="T32" s="140">
        <v>3.15</v>
      </c>
      <c r="U32" s="111">
        <v>2.91</v>
      </c>
      <c r="V32" s="111">
        <v>3.07</v>
      </c>
      <c r="W32" s="140" t="s">
        <v>90</v>
      </c>
      <c r="X32" s="146" t="s">
        <v>90</v>
      </c>
      <c r="Y32" s="144" t="s">
        <v>90</v>
      </c>
      <c r="Z32" s="144" t="s">
        <v>90</v>
      </c>
      <c r="AA32" s="144" t="s">
        <v>90</v>
      </c>
      <c r="AB32" s="140"/>
      <c r="AC32" s="140"/>
      <c r="AD32" s="144"/>
      <c r="AE32" s="140"/>
      <c r="AF32" s="140"/>
      <c r="AG32" s="140"/>
      <c r="AH32" s="140"/>
      <c r="AI32" s="140"/>
      <c r="AJ32" s="140"/>
      <c r="AK32" s="140"/>
      <c r="AL32" s="140"/>
      <c r="AM32" s="140"/>
      <c r="AN32" s="140"/>
      <c r="AO32" s="140"/>
      <c r="AP32" s="140"/>
      <c r="AQ32" s="93"/>
      <c r="AR32" s="140"/>
      <c r="AS32" s="140"/>
      <c r="AT32" s="140"/>
      <c r="AU32" s="140"/>
      <c r="AV32" s="140"/>
      <c r="AW32" s="152"/>
      <c r="AX32" s="146"/>
      <c r="AY32" s="144"/>
      <c r="AZ32" s="111"/>
      <c r="BA32" s="144"/>
      <c r="BB32" s="150"/>
      <c r="BC32" s="144"/>
      <c r="BD32" s="111"/>
      <c r="BE32" s="210"/>
    </row>
    <row r="33" spans="3:57" x14ac:dyDescent="0.2">
      <c r="C33" s="157" t="s">
        <v>74</v>
      </c>
      <c r="D33" s="158" t="s">
        <v>58</v>
      </c>
      <c r="E33" s="146" t="s">
        <v>90</v>
      </c>
      <c r="F33" s="111" t="s">
        <v>90</v>
      </c>
      <c r="G33" s="111" t="s">
        <v>90</v>
      </c>
      <c r="H33" s="144" t="s">
        <v>90</v>
      </c>
      <c r="I33" s="144" t="s">
        <v>90</v>
      </c>
      <c r="J33" s="140" t="s">
        <v>90</v>
      </c>
      <c r="K33" s="140" t="s">
        <v>90</v>
      </c>
      <c r="L33" s="146" t="s">
        <v>90</v>
      </c>
      <c r="M33" s="146" t="s">
        <v>90</v>
      </c>
      <c r="N33" s="140" t="s">
        <v>90</v>
      </c>
      <c r="O33" s="140" t="s">
        <v>90</v>
      </c>
      <c r="P33" s="140" t="s">
        <v>90</v>
      </c>
      <c r="Q33" s="146" t="s">
        <v>90</v>
      </c>
      <c r="R33" s="146" t="s">
        <v>90</v>
      </c>
      <c r="S33" s="140" t="s">
        <v>90</v>
      </c>
      <c r="T33" s="140" t="s">
        <v>90</v>
      </c>
      <c r="U33" s="111" t="s">
        <v>90</v>
      </c>
      <c r="V33" s="111" t="s">
        <v>90</v>
      </c>
      <c r="W33" s="140" t="s">
        <v>90</v>
      </c>
      <c r="X33" s="146" t="s">
        <v>90</v>
      </c>
      <c r="Y33" s="144" t="s">
        <v>90</v>
      </c>
      <c r="Z33" s="144" t="s">
        <v>90</v>
      </c>
      <c r="AA33" s="111" t="s">
        <v>90</v>
      </c>
      <c r="AB33" s="140"/>
      <c r="AC33" s="140"/>
      <c r="AD33" s="111"/>
      <c r="AE33" s="140"/>
      <c r="AF33" s="203"/>
      <c r="AG33" s="140"/>
      <c r="AH33" s="140"/>
      <c r="AI33" s="140"/>
      <c r="AJ33" s="140"/>
      <c r="AK33" s="140"/>
      <c r="AL33" s="140"/>
      <c r="AM33" s="140"/>
      <c r="AN33" s="140"/>
      <c r="AO33" s="140"/>
      <c r="AP33" s="140"/>
      <c r="AQ33" s="93"/>
      <c r="AR33" s="140"/>
      <c r="AS33" s="140"/>
      <c r="AT33" s="140"/>
      <c r="AU33" s="140"/>
      <c r="AV33" s="140"/>
      <c r="AW33" s="152"/>
      <c r="AX33" s="146"/>
      <c r="AY33" s="144"/>
      <c r="AZ33" s="73"/>
      <c r="BA33" s="144"/>
      <c r="BB33" s="150"/>
      <c r="BC33" s="144"/>
      <c r="BD33" s="111"/>
      <c r="BE33" s="210"/>
    </row>
    <row r="34" spans="3:57" x14ac:dyDescent="0.2">
      <c r="C34" s="126" t="s">
        <v>172</v>
      </c>
      <c r="D34" s="158" t="s">
        <v>58</v>
      </c>
      <c r="E34" s="146">
        <v>0.41560000000000002</v>
      </c>
      <c r="F34" s="111">
        <v>0.41399999999999998</v>
      </c>
      <c r="G34" s="111">
        <v>0.41649999999999998</v>
      </c>
      <c r="H34" s="111">
        <v>0.4214</v>
      </c>
      <c r="I34" s="111">
        <v>0.41100000000000003</v>
      </c>
      <c r="J34" s="140">
        <v>0.41070000000000001</v>
      </c>
      <c r="K34" s="140">
        <v>0.41220000000000001</v>
      </c>
      <c r="L34" s="146">
        <v>0.40770000000000001</v>
      </c>
      <c r="M34" s="146">
        <v>0.45770000000000005</v>
      </c>
      <c r="N34" s="140">
        <v>0.51080000000000003</v>
      </c>
      <c r="O34" s="140">
        <v>0.55899999999999994</v>
      </c>
      <c r="P34" s="140">
        <v>0.60289999999999999</v>
      </c>
      <c r="Q34" s="198">
        <v>0.68610000000000004</v>
      </c>
      <c r="R34" s="198">
        <v>0.67810000000000004</v>
      </c>
      <c r="S34" s="140">
        <v>0.70730000000000004</v>
      </c>
      <c r="T34" s="140">
        <v>0.77280000000000004</v>
      </c>
      <c r="U34" s="199">
        <v>0.76540000000000008</v>
      </c>
      <c r="V34" s="201">
        <v>0.71829999999999994</v>
      </c>
      <c r="W34" s="140">
        <v>0.66849999999999998</v>
      </c>
      <c r="X34" s="146">
        <v>0.57179999999999997</v>
      </c>
      <c r="Y34" s="146">
        <v>0.56540000000000001</v>
      </c>
      <c r="Z34" s="146">
        <v>0.54780000000000006</v>
      </c>
      <c r="AA34" s="146">
        <v>0.52629999999999999</v>
      </c>
      <c r="AB34" s="140">
        <v>0.49920000000000003</v>
      </c>
      <c r="AC34" s="140">
        <v>0.53110000000000002</v>
      </c>
      <c r="AD34" s="146"/>
      <c r="AE34" s="140"/>
      <c r="AF34" s="140"/>
      <c r="AG34" s="140"/>
      <c r="AH34" s="140"/>
      <c r="AI34" s="140"/>
      <c r="AJ34" s="140"/>
      <c r="AK34" s="140"/>
      <c r="AL34" s="140"/>
      <c r="AM34" s="140"/>
      <c r="AN34" s="140"/>
      <c r="AO34" s="140"/>
      <c r="AP34" s="207"/>
      <c r="AQ34" s="208"/>
      <c r="AR34" s="194"/>
      <c r="AS34" s="140"/>
      <c r="AT34" s="140"/>
      <c r="AU34" s="140"/>
      <c r="AV34" s="140"/>
      <c r="AW34" s="150"/>
      <c r="AX34" s="146"/>
      <c r="AY34" s="144"/>
      <c r="AZ34" s="150"/>
      <c r="BA34" s="144"/>
      <c r="BB34" s="150"/>
      <c r="BC34" s="150"/>
      <c r="BD34" s="150"/>
      <c r="BE34" s="210"/>
    </row>
    <row r="35" spans="3:57" x14ac:dyDescent="0.2">
      <c r="C35" s="126" t="s">
        <v>190</v>
      </c>
      <c r="D35" s="158" t="s">
        <v>58</v>
      </c>
      <c r="E35" s="146">
        <v>0.63560000000000005</v>
      </c>
      <c r="F35" s="111">
        <v>0.64629999999999999</v>
      </c>
      <c r="G35" s="111">
        <v>0.64540000000000008</v>
      </c>
      <c r="H35" s="111">
        <v>0.62869999999999993</v>
      </c>
      <c r="I35" s="111">
        <v>0.61719999999999997</v>
      </c>
      <c r="J35" s="140">
        <v>0.6018</v>
      </c>
      <c r="K35" s="140">
        <v>0.57769999999999999</v>
      </c>
      <c r="L35" s="146">
        <v>0.56340000000000001</v>
      </c>
      <c r="M35" s="146">
        <v>0.54949999999999999</v>
      </c>
      <c r="N35" s="140">
        <v>0.56479999999999997</v>
      </c>
      <c r="O35" s="140">
        <v>0.55789999999999995</v>
      </c>
      <c r="P35" s="140">
        <v>0.5696</v>
      </c>
      <c r="Q35" s="146">
        <v>0.55720000000000003</v>
      </c>
      <c r="R35" s="146">
        <v>0.56330000000000002</v>
      </c>
      <c r="S35" s="140">
        <v>0.55610000000000004</v>
      </c>
      <c r="T35" s="140">
        <v>0.55600000000000005</v>
      </c>
      <c r="U35" s="200">
        <v>0.5665</v>
      </c>
      <c r="V35" s="150">
        <v>0.60409999999999997</v>
      </c>
      <c r="W35" s="140">
        <v>0.64439999999999997</v>
      </c>
      <c r="X35" s="146">
        <v>0.71050000000000002</v>
      </c>
      <c r="Y35" s="146">
        <v>0.76709999999999989</v>
      </c>
      <c r="Z35" s="146">
        <v>0.75109999999999999</v>
      </c>
      <c r="AA35" s="146">
        <v>0.77829999999999999</v>
      </c>
      <c r="AB35" s="140">
        <v>0.83790000000000009</v>
      </c>
      <c r="AC35" s="140">
        <v>0.81819999999999993</v>
      </c>
      <c r="AD35" s="146"/>
      <c r="AE35" s="140"/>
      <c r="AF35" s="140"/>
      <c r="AG35" s="140"/>
      <c r="AH35" s="140"/>
      <c r="AI35" s="140"/>
      <c r="AJ35" s="140"/>
      <c r="AK35" s="140"/>
      <c r="AL35" s="140"/>
      <c r="AM35" s="140"/>
      <c r="AN35" s="140"/>
      <c r="AO35" s="140"/>
      <c r="AP35" s="207"/>
      <c r="AQ35" s="208"/>
      <c r="AR35" s="194"/>
      <c r="AS35" s="140"/>
      <c r="AT35" s="140"/>
      <c r="AU35" s="140"/>
      <c r="AV35" s="140"/>
      <c r="AW35" s="150"/>
      <c r="AX35" s="146"/>
      <c r="AY35" s="111"/>
      <c r="AZ35" s="150"/>
      <c r="BA35" s="111"/>
      <c r="BB35" s="150"/>
      <c r="BC35" s="150"/>
      <c r="BD35" s="150"/>
      <c r="BE35" s="210"/>
    </row>
    <row r="36" spans="3:57" x14ac:dyDescent="0.2">
      <c r="C36" s="126" t="s">
        <v>184</v>
      </c>
      <c r="D36" s="158" t="s">
        <v>58</v>
      </c>
      <c r="E36" s="146">
        <v>1.0265</v>
      </c>
      <c r="F36" s="111">
        <v>1.2844</v>
      </c>
      <c r="G36" s="111">
        <v>1.2475000000000001</v>
      </c>
      <c r="H36" s="111">
        <v>0.91079999999999994</v>
      </c>
      <c r="I36" s="111">
        <v>0.53909999999999991</v>
      </c>
      <c r="J36" s="140">
        <v>0.41909999999999997</v>
      </c>
      <c r="K36" s="140">
        <v>0.27460000000000001</v>
      </c>
      <c r="L36" s="146">
        <v>0.23100000000000001</v>
      </c>
      <c r="M36" s="146">
        <v>0.26789999999999997</v>
      </c>
      <c r="N36" s="140">
        <v>0.40139999999999998</v>
      </c>
      <c r="O36" s="140">
        <v>0.35049999999999998</v>
      </c>
      <c r="P36" s="140">
        <v>0.16600000000000001</v>
      </c>
      <c r="Q36" s="146">
        <v>0.36349999999999999</v>
      </c>
      <c r="R36" s="146">
        <v>0.52190000000000003</v>
      </c>
      <c r="S36" s="140">
        <v>0.41249999999999998</v>
      </c>
      <c r="T36" s="140">
        <v>0.3987</v>
      </c>
      <c r="U36" s="200">
        <v>0.43109999999999998</v>
      </c>
      <c r="V36" s="150">
        <v>0.47570000000000001</v>
      </c>
      <c r="W36" s="140">
        <v>0.57719999999999994</v>
      </c>
      <c r="X36" s="146">
        <v>0.41229999999999994</v>
      </c>
      <c r="Y36" s="146">
        <v>0.38159999999999994</v>
      </c>
      <c r="Z36" s="146">
        <v>0.37040000000000001</v>
      </c>
      <c r="AA36" s="146">
        <v>0.39729999999999999</v>
      </c>
      <c r="AB36" s="140">
        <v>0.52090000000000003</v>
      </c>
      <c r="AC36" s="140">
        <v>0.43869999999999998</v>
      </c>
      <c r="AD36" s="146"/>
      <c r="AE36" s="140"/>
      <c r="AF36" s="140"/>
      <c r="AG36" s="140"/>
      <c r="AH36" s="140"/>
      <c r="AI36" s="140"/>
      <c r="AJ36" s="140"/>
      <c r="AK36" s="140"/>
      <c r="AL36" s="140"/>
      <c r="AM36" s="140"/>
      <c r="AN36" s="140"/>
      <c r="AO36" s="140"/>
      <c r="AP36" s="207"/>
      <c r="AQ36" s="208"/>
      <c r="AR36" s="194"/>
      <c r="AS36" s="140"/>
      <c r="AT36" s="140"/>
      <c r="AU36" s="140"/>
      <c r="AV36" s="140"/>
      <c r="AW36" s="150"/>
      <c r="AX36" s="146"/>
      <c r="AY36" s="111"/>
      <c r="AZ36" s="150"/>
      <c r="BA36" s="111"/>
      <c r="BB36" s="150"/>
      <c r="BC36" s="150"/>
      <c r="BD36" s="150"/>
      <c r="BE36" s="210"/>
    </row>
    <row r="37" spans="3:57" x14ac:dyDescent="0.2">
      <c r="C37" s="126" t="s">
        <v>122</v>
      </c>
      <c r="D37" s="158" t="s">
        <v>58</v>
      </c>
      <c r="E37" s="146">
        <v>0.46820000000000001</v>
      </c>
      <c r="F37" s="111">
        <v>0.47399999999999998</v>
      </c>
      <c r="G37" s="111">
        <v>0.48139999999999999</v>
      </c>
      <c r="H37" s="111">
        <v>0.46610000000000001</v>
      </c>
      <c r="I37" s="111">
        <v>0.46380000000000005</v>
      </c>
      <c r="J37" s="140">
        <v>0.44979999999999998</v>
      </c>
      <c r="K37" s="140">
        <v>0.48009999999999997</v>
      </c>
      <c r="L37" s="146">
        <v>0.43569999999999998</v>
      </c>
      <c r="M37" s="146">
        <v>0.42399999999999999</v>
      </c>
      <c r="N37" s="140">
        <v>0.42030000000000001</v>
      </c>
      <c r="O37" s="140">
        <v>0.42159999999999997</v>
      </c>
      <c r="P37" s="140">
        <v>0.39960000000000001</v>
      </c>
      <c r="Q37" s="146">
        <v>0.39510000000000001</v>
      </c>
      <c r="R37" s="146">
        <v>0.42259999999999998</v>
      </c>
      <c r="S37" s="140">
        <v>0.42349999999999999</v>
      </c>
      <c r="T37" s="140">
        <v>0.39340000000000003</v>
      </c>
      <c r="U37" s="200">
        <v>0.35950000000000004</v>
      </c>
      <c r="V37" s="150">
        <v>0.33759999999999996</v>
      </c>
      <c r="W37" s="140">
        <v>0.30940000000000001</v>
      </c>
      <c r="X37" s="146">
        <v>0.26960000000000001</v>
      </c>
      <c r="Y37" s="146">
        <v>0.2676</v>
      </c>
      <c r="Z37" s="146">
        <v>0.2298</v>
      </c>
      <c r="AA37" s="146">
        <v>0.20710000000000001</v>
      </c>
      <c r="AB37" s="140">
        <v>0.19149999999999998</v>
      </c>
      <c r="AC37" s="140">
        <v>0.18789999999999998</v>
      </c>
      <c r="AD37" s="146"/>
      <c r="AE37" s="140"/>
      <c r="AF37" s="140"/>
      <c r="AG37" s="140"/>
      <c r="AH37" s="140"/>
      <c r="AI37" s="140"/>
      <c r="AJ37" s="140"/>
      <c r="AK37" s="140"/>
      <c r="AL37" s="140"/>
      <c r="AM37" s="140"/>
      <c r="AN37" s="140"/>
      <c r="AO37" s="140"/>
      <c r="AP37" s="207"/>
      <c r="AQ37" s="208"/>
      <c r="AR37" s="194"/>
      <c r="AS37" s="140"/>
      <c r="AT37" s="140"/>
      <c r="AU37" s="140"/>
      <c r="AV37" s="140"/>
      <c r="AW37" s="150"/>
      <c r="AX37" s="146"/>
      <c r="AY37" s="111"/>
      <c r="AZ37" s="150"/>
      <c r="BA37" s="111"/>
      <c r="BB37" s="150"/>
      <c r="BC37" s="150"/>
      <c r="BD37" s="150"/>
      <c r="BE37" s="210"/>
    </row>
    <row r="38" spans="3:57" x14ac:dyDescent="0.2">
      <c r="C38" s="126" t="s">
        <v>82</v>
      </c>
      <c r="D38" s="158" t="s">
        <v>58</v>
      </c>
      <c r="E38" s="146">
        <v>2.1854</v>
      </c>
      <c r="F38" s="111">
        <v>2.5051000000000001</v>
      </c>
      <c r="G38" s="111">
        <v>2.3317999999999999</v>
      </c>
      <c r="H38" s="111">
        <v>2.0165999999999999</v>
      </c>
      <c r="I38" s="111">
        <v>2.2248999999999999</v>
      </c>
      <c r="J38" s="140">
        <v>2.5627</v>
      </c>
      <c r="K38" s="140">
        <v>2.5989999999999998</v>
      </c>
      <c r="L38" s="146">
        <v>2.4316999999999998</v>
      </c>
      <c r="M38" s="146">
        <v>2.6411000000000002</v>
      </c>
      <c r="N38" s="140">
        <v>2.9874000000000001</v>
      </c>
      <c r="O38" s="140">
        <v>3.0906000000000002</v>
      </c>
      <c r="P38" s="140">
        <v>2.7435</v>
      </c>
      <c r="Q38" s="146">
        <v>2.5638000000000001</v>
      </c>
      <c r="R38" s="146">
        <v>2.6507999999999998</v>
      </c>
      <c r="S38" s="140">
        <v>2.1757</v>
      </c>
      <c r="T38" s="140">
        <v>2.1602000000000001</v>
      </c>
      <c r="U38" s="200">
        <v>2.411</v>
      </c>
      <c r="V38" s="150">
        <v>2.6327999999999996</v>
      </c>
      <c r="W38" s="140">
        <v>2.2949999999999999</v>
      </c>
      <c r="X38" s="146">
        <v>1.7036000000000002</v>
      </c>
      <c r="Y38" s="146">
        <v>1.3696000000000002</v>
      </c>
      <c r="Z38" s="146">
        <v>1.1144000000000001</v>
      </c>
      <c r="AA38" s="146">
        <v>1.2721</v>
      </c>
      <c r="AB38" s="140">
        <v>1.8936000000000002</v>
      </c>
      <c r="AC38" s="140">
        <v>2.4774000000000003</v>
      </c>
      <c r="AD38" s="146"/>
      <c r="AE38" s="140"/>
      <c r="AF38" s="140"/>
      <c r="AG38" s="140"/>
      <c r="AH38" s="140"/>
      <c r="AI38" s="140"/>
      <c r="AJ38" s="140"/>
      <c r="AK38" s="140"/>
      <c r="AL38" s="140"/>
      <c r="AM38" s="140"/>
      <c r="AN38" s="140"/>
      <c r="AO38" s="140"/>
      <c r="AP38" s="207"/>
      <c r="AQ38" s="208"/>
      <c r="AR38" s="194"/>
      <c r="AS38" s="140"/>
      <c r="AT38" s="140"/>
      <c r="AU38" s="140"/>
      <c r="AV38" s="140"/>
      <c r="AW38" s="150"/>
      <c r="AX38" s="146"/>
      <c r="AY38" s="153"/>
      <c r="AZ38" s="150"/>
      <c r="BA38" s="153"/>
      <c r="BB38" s="150"/>
      <c r="BC38" s="150"/>
      <c r="BD38" s="150"/>
      <c r="BE38" s="210"/>
    </row>
    <row r="39" spans="3:57" x14ac:dyDescent="0.2">
      <c r="C39" s="126" t="s">
        <v>84</v>
      </c>
      <c r="D39" s="158" t="s">
        <v>85</v>
      </c>
      <c r="E39" s="146">
        <v>0.27949999999999997</v>
      </c>
      <c r="F39" s="111">
        <v>0.2762</v>
      </c>
      <c r="G39" s="111">
        <v>0.27310000000000001</v>
      </c>
      <c r="H39" s="111">
        <v>0.25009999999999999</v>
      </c>
      <c r="I39" s="111">
        <v>0.24410000000000001</v>
      </c>
      <c r="J39" s="140">
        <v>0.24780000000000002</v>
      </c>
      <c r="K39" s="140">
        <v>0.2462</v>
      </c>
      <c r="L39" s="146">
        <v>0.24829999999999999</v>
      </c>
      <c r="M39" s="146">
        <v>0.2369</v>
      </c>
      <c r="N39" s="140">
        <v>0.24660000000000001</v>
      </c>
      <c r="O39" s="140">
        <v>0.253</v>
      </c>
      <c r="P39" s="140">
        <v>0.25480000000000003</v>
      </c>
      <c r="Q39" s="146">
        <v>0.25180000000000002</v>
      </c>
      <c r="R39" s="146">
        <v>0.29220000000000002</v>
      </c>
      <c r="S39" s="140">
        <v>0.27839999999999998</v>
      </c>
      <c r="T39" s="140">
        <v>0.27989999999999998</v>
      </c>
      <c r="U39" s="200">
        <v>0.2949</v>
      </c>
      <c r="V39" s="150">
        <v>0.32400000000000001</v>
      </c>
      <c r="W39" s="140">
        <v>0.33929999999999999</v>
      </c>
      <c r="X39" s="146">
        <v>0.32520000000000004</v>
      </c>
      <c r="Y39" s="146">
        <v>0.33889999999999998</v>
      </c>
      <c r="Z39" s="146">
        <v>0.34110000000000001</v>
      </c>
      <c r="AA39" s="146">
        <v>0.35389999999999999</v>
      </c>
      <c r="AB39" s="140">
        <v>0.40279999999999999</v>
      </c>
      <c r="AC39" s="140">
        <v>0.36060000000000003</v>
      </c>
      <c r="AD39" s="146"/>
      <c r="AE39" s="140"/>
      <c r="AF39" s="140"/>
      <c r="AG39" s="140"/>
      <c r="AH39" s="140"/>
      <c r="AI39" s="140"/>
      <c r="AJ39" s="140"/>
      <c r="AK39" s="140"/>
      <c r="AL39" s="140"/>
      <c r="AM39" s="140"/>
      <c r="AN39" s="140"/>
      <c r="AO39" s="140"/>
      <c r="AP39" s="207"/>
      <c r="AQ39" s="208"/>
      <c r="AR39" s="194"/>
      <c r="AS39" s="140"/>
      <c r="AT39" s="140"/>
      <c r="AU39" s="140"/>
      <c r="AV39" s="140"/>
      <c r="AW39" s="150"/>
      <c r="AX39" s="146"/>
      <c r="AY39" s="153"/>
      <c r="AZ39" s="150"/>
      <c r="BA39" s="153"/>
      <c r="BB39" s="150"/>
      <c r="BC39" s="150"/>
      <c r="BD39" s="150"/>
      <c r="BE39" s="210"/>
    </row>
    <row r="40" spans="3:57" x14ac:dyDescent="0.2">
      <c r="C40" s="126" t="s">
        <v>118</v>
      </c>
      <c r="D40" s="158" t="s">
        <v>58</v>
      </c>
      <c r="E40" s="146">
        <v>0.76870000000000005</v>
      </c>
      <c r="F40" s="111">
        <v>0.75670000000000004</v>
      </c>
      <c r="G40" s="111">
        <v>0.70840000000000003</v>
      </c>
      <c r="H40" s="111">
        <v>0.76060000000000005</v>
      </c>
      <c r="I40" s="111">
        <v>0.77</v>
      </c>
      <c r="J40" s="140">
        <v>0.96989999999999998</v>
      </c>
      <c r="K40" s="140">
        <v>0.94230000000000003</v>
      </c>
      <c r="L40" s="146">
        <v>0.73919999999999997</v>
      </c>
      <c r="M40" s="146">
        <v>0.83579999999999999</v>
      </c>
      <c r="N40" s="140">
        <v>1.0168999999999999</v>
      </c>
      <c r="O40" s="140">
        <v>1.3071999999999999</v>
      </c>
      <c r="P40" s="140">
        <v>1.4377000000000002</v>
      </c>
      <c r="Q40" s="146">
        <v>1.5572999999999999</v>
      </c>
      <c r="R40" s="146">
        <v>1.3002</v>
      </c>
      <c r="S40" s="140">
        <v>1.2549999999999999</v>
      </c>
      <c r="T40" s="140">
        <v>0.76980000000000004</v>
      </c>
      <c r="U40" s="200">
        <v>0.6784</v>
      </c>
      <c r="V40" s="150">
        <v>0.73480000000000001</v>
      </c>
      <c r="W40" s="140">
        <v>0.64560000000000006</v>
      </c>
      <c r="X40" s="146">
        <v>0.49560000000000004</v>
      </c>
      <c r="Y40" s="146">
        <v>0.46509999999999996</v>
      </c>
      <c r="Z40" s="146">
        <v>0.51259999999999994</v>
      </c>
      <c r="AA40" s="146">
        <v>0.63979999999999992</v>
      </c>
      <c r="AB40" s="140">
        <v>0.51979999999999993</v>
      </c>
      <c r="AC40" s="140">
        <v>0.81700000000000006</v>
      </c>
      <c r="AD40" s="146"/>
      <c r="AE40" s="140"/>
      <c r="AF40" s="140"/>
      <c r="AG40" s="140"/>
      <c r="AH40" s="140"/>
      <c r="AI40" s="140"/>
      <c r="AJ40" s="140"/>
      <c r="AK40" s="140"/>
      <c r="AL40" s="140"/>
      <c r="AM40" s="140"/>
      <c r="AN40" s="140"/>
      <c r="AO40" s="140"/>
      <c r="AP40" s="207"/>
      <c r="AQ40" s="208"/>
      <c r="AR40" s="194"/>
      <c r="AS40" s="140"/>
      <c r="AT40" s="140"/>
      <c r="AU40" s="140"/>
      <c r="AV40" s="140"/>
      <c r="AW40" s="150"/>
      <c r="AX40" s="146"/>
      <c r="AY40" s="153"/>
      <c r="AZ40" s="150"/>
      <c r="BA40" s="153"/>
      <c r="BB40" s="150"/>
      <c r="BC40" s="150"/>
      <c r="BD40" s="150"/>
      <c r="BE40" s="210"/>
    </row>
    <row r="41" spans="3:57" x14ac:dyDescent="0.2">
      <c r="C41" s="126" t="s">
        <v>104</v>
      </c>
      <c r="D41" s="158" t="s">
        <v>58</v>
      </c>
      <c r="E41" s="146">
        <v>1.0793000000000001</v>
      </c>
      <c r="F41" s="111">
        <v>0.74620000000000009</v>
      </c>
      <c r="G41" s="111">
        <v>0.51070000000000004</v>
      </c>
      <c r="H41" s="111">
        <v>0.35509999999999997</v>
      </c>
      <c r="I41" s="111">
        <v>0.40130000000000005</v>
      </c>
      <c r="J41" s="140">
        <v>0.47899999999999998</v>
      </c>
      <c r="K41" s="140">
        <v>0.42619999999999997</v>
      </c>
      <c r="L41" s="146">
        <v>0.37909999999999999</v>
      </c>
      <c r="M41" s="146">
        <v>0.37790000000000001</v>
      </c>
      <c r="N41" s="140">
        <v>0.39710000000000001</v>
      </c>
      <c r="O41" s="140">
        <v>0.74319999999999997</v>
      </c>
      <c r="P41" s="140">
        <v>0.52610000000000001</v>
      </c>
      <c r="Q41" s="146">
        <v>0.4083</v>
      </c>
      <c r="R41" s="146">
        <v>0.42920000000000003</v>
      </c>
      <c r="S41" s="140">
        <v>0.30640000000000001</v>
      </c>
      <c r="T41" s="140">
        <v>0.4012</v>
      </c>
      <c r="U41" s="200">
        <v>0.36899999999999999</v>
      </c>
      <c r="V41" s="150">
        <v>0.29320000000000002</v>
      </c>
      <c r="W41" s="140">
        <v>0.2747</v>
      </c>
      <c r="X41" s="146">
        <v>0.30659999999999998</v>
      </c>
      <c r="Y41" s="146">
        <v>0.27940000000000004</v>
      </c>
      <c r="Z41" s="146">
        <v>0.31190000000000001</v>
      </c>
      <c r="AA41" s="146">
        <v>0.37270000000000003</v>
      </c>
      <c r="AB41" s="140">
        <v>0.38150000000000001</v>
      </c>
      <c r="AC41" s="140">
        <v>0.39510000000000001</v>
      </c>
      <c r="AD41" s="146"/>
      <c r="AE41" s="140"/>
      <c r="AF41" s="140"/>
      <c r="AG41" s="140"/>
      <c r="AH41" s="140"/>
      <c r="AI41" s="140"/>
      <c r="AJ41" s="140"/>
      <c r="AK41" s="140"/>
      <c r="AL41" s="140"/>
      <c r="AM41" s="140"/>
      <c r="AN41" s="140"/>
      <c r="AO41" s="140"/>
      <c r="AP41" s="207"/>
      <c r="AQ41" s="208"/>
      <c r="AR41" s="194"/>
      <c r="AS41" s="140"/>
      <c r="AT41" s="140"/>
      <c r="AU41" s="140"/>
      <c r="AV41" s="140"/>
      <c r="AW41" s="150"/>
      <c r="AX41" s="146"/>
      <c r="AY41" s="153"/>
      <c r="AZ41" s="150"/>
      <c r="BA41" s="153"/>
      <c r="BB41" s="150"/>
      <c r="BC41" s="150"/>
      <c r="BD41" s="150"/>
      <c r="BE41" s="210"/>
    </row>
    <row r="42" spans="3:57" x14ac:dyDescent="0.2">
      <c r="C42" s="126" t="s">
        <v>87</v>
      </c>
      <c r="D42" s="158" t="s">
        <v>58</v>
      </c>
      <c r="E42" s="146">
        <v>0.29580000000000001</v>
      </c>
      <c r="F42" s="111">
        <v>0.29410000000000003</v>
      </c>
      <c r="G42" s="111">
        <v>0.29580000000000001</v>
      </c>
      <c r="H42" s="111">
        <v>0.29580000000000001</v>
      </c>
      <c r="I42" s="111">
        <v>0.317</v>
      </c>
      <c r="J42" s="140">
        <v>0.34279999999999999</v>
      </c>
      <c r="K42" s="140">
        <v>0.34509999999999996</v>
      </c>
      <c r="L42" s="146">
        <v>0.34539999999999998</v>
      </c>
      <c r="M42" s="146">
        <v>0.35880000000000001</v>
      </c>
      <c r="N42" s="140">
        <v>0.38750000000000001</v>
      </c>
      <c r="O42" s="140">
        <v>0.38750000000000001</v>
      </c>
      <c r="P42" s="140">
        <v>0.38750000000000001</v>
      </c>
      <c r="Q42" s="146">
        <v>0.40460000000000002</v>
      </c>
      <c r="R42" s="146">
        <v>0.39450000000000002</v>
      </c>
      <c r="S42" s="140">
        <v>0.37</v>
      </c>
      <c r="T42" s="140">
        <v>0.2954</v>
      </c>
      <c r="U42" s="200">
        <v>0.28039999999999998</v>
      </c>
      <c r="V42" s="150">
        <v>0.26910000000000001</v>
      </c>
      <c r="W42" s="140">
        <v>0.26899999999999996</v>
      </c>
      <c r="X42" s="146">
        <v>0.2918</v>
      </c>
      <c r="Y42" s="146">
        <v>0.2918</v>
      </c>
      <c r="Z42" s="146">
        <v>0.34720000000000001</v>
      </c>
      <c r="AA42" s="146">
        <v>0.36890000000000001</v>
      </c>
      <c r="AB42" s="140">
        <v>0.37</v>
      </c>
      <c r="AC42" s="140">
        <v>0.35</v>
      </c>
      <c r="AD42" s="146"/>
      <c r="AE42" s="140"/>
      <c r="AF42" s="140"/>
      <c r="AG42" s="140"/>
      <c r="AH42" s="140"/>
      <c r="AI42" s="140"/>
      <c r="AJ42" s="140"/>
      <c r="AK42" s="140"/>
      <c r="AL42" s="140"/>
      <c r="AM42" s="140"/>
      <c r="AN42" s="140"/>
      <c r="AO42" s="140"/>
      <c r="AP42" s="207"/>
      <c r="AQ42" s="208"/>
      <c r="AR42" s="194"/>
      <c r="AS42" s="140"/>
      <c r="AT42" s="140"/>
      <c r="AU42" s="140"/>
      <c r="AV42" s="140"/>
      <c r="AW42" s="150"/>
      <c r="AX42" s="146"/>
      <c r="AY42" s="153"/>
      <c r="AZ42" s="150"/>
      <c r="BA42" s="153"/>
      <c r="BB42" s="150"/>
      <c r="BC42" s="150"/>
      <c r="BD42" s="150"/>
      <c r="BE42" s="210"/>
    </row>
    <row r="43" spans="3:57" x14ac:dyDescent="0.2">
      <c r="C43" s="126" t="s">
        <v>88</v>
      </c>
      <c r="D43" s="158" t="s">
        <v>58</v>
      </c>
      <c r="E43" s="146">
        <v>0.20399999999999999</v>
      </c>
      <c r="F43" s="111">
        <v>0.1913</v>
      </c>
      <c r="G43" s="111">
        <v>0.1782</v>
      </c>
      <c r="H43" s="111">
        <v>0.17370000000000002</v>
      </c>
      <c r="I43" s="111">
        <v>0.1681</v>
      </c>
      <c r="J43" s="140">
        <v>0.15770000000000001</v>
      </c>
      <c r="K43" s="140">
        <v>0.1497</v>
      </c>
      <c r="L43" s="146">
        <v>0.13140000000000002</v>
      </c>
      <c r="M43" s="146">
        <v>0.126</v>
      </c>
      <c r="N43" s="140">
        <v>0.13289999999999999</v>
      </c>
      <c r="O43" s="140">
        <v>0.1333</v>
      </c>
      <c r="P43" s="140">
        <v>0.1293</v>
      </c>
      <c r="Q43" s="146">
        <v>0.1033</v>
      </c>
      <c r="R43" s="146">
        <v>0.1003</v>
      </c>
      <c r="S43" s="140">
        <v>0.12869999999999998</v>
      </c>
      <c r="T43" s="140">
        <v>0.16510000000000002</v>
      </c>
      <c r="U43" s="200">
        <v>0.2288</v>
      </c>
      <c r="V43" s="150">
        <v>0.23079999999999998</v>
      </c>
      <c r="W43" s="140">
        <v>0.23079999999999998</v>
      </c>
      <c r="X43" s="146">
        <v>0.21079999999999999</v>
      </c>
      <c r="Y43" s="146">
        <v>0.20710000000000001</v>
      </c>
      <c r="Z43" s="146">
        <v>0.20710000000000001</v>
      </c>
      <c r="AA43" s="146">
        <v>0.20420000000000002</v>
      </c>
      <c r="AB43" s="140">
        <v>0.1913</v>
      </c>
      <c r="AC43" s="140">
        <v>0.18090000000000001</v>
      </c>
      <c r="AD43" s="146"/>
      <c r="AE43" s="140"/>
      <c r="AF43" s="140"/>
      <c r="AG43" s="140"/>
      <c r="AH43" s="140"/>
      <c r="AI43" s="140"/>
      <c r="AJ43" s="140"/>
      <c r="AK43" s="140"/>
      <c r="AL43" s="140"/>
      <c r="AM43" s="140"/>
      <c r="AN43" s="140"/>
      <c r="AO43" s="140"/>
      <c r="AP43" s="207"/>
      <c r="AQ43" s="208"/>
      <c r="AR43" s="194"/>
      <c r="AS43" s="140"/>
      <c r="AT43" s="140"/>
      <c r="AU43" s="140"/>
      <c r="AV43" s="140"/>
      <c r="AW43" s="150"/>
      <c r="AX43" s="146"/>
      <c r="AY43" s="153"/>
      <c r="AZ43" s="150"/>
      <c r="BA43" s="153"/>
      <c r="BB43" s="150"/>
      <c r="BC43" s="150"/>
      <c r="BD43" s="150"/>
      <c r="BE43" s="210"/>
    </row>
    <row r="44" spans="3:57" x14ac:dyDescent="0.2">
      <c r="C44" s="166" t="s">
        <v>123</v>
      </c>
      <c r="D44" s="158" t="s">
        <v>58</v>
      </c>
      <c r="E44" s="146">
        <v>0.40799999999999997</v>
      </c>
      <c r="F44" s="111">
        <v>0.42770000000000002</v>
      </c>
      <c r="G44" s="111">
        <v>0.4461</v>
      </c>
      <c r="H44" s="111">
        <v>0.37479999999999997</v>
      </c>
      <c r="I44" s="111">
        <v>0.33729999999999999</v>
      </c>
      <c r="J44" s="140">
        <v>0.3619</v>
      </c>
      <c r="K44" s="140">
        <v>0.29969999999999997</v>
      </c>
      <c r="L44" s="146">
        <v>0.33939999999999998</v>
      </c>
      <c r="M44" s="146">
        <v>0.28220000000000001</v>
      </c>
      <c r="N44" s="140">
        <v>0.22500000000000001</v>
      </c>
      <c r="O44" s="140" t="s">
        <v>90</v>
      </c>
      <c r="P44" s="140" t="s">
        <v>90</v>
      </c>
      <c r="Q44" s="146" t="s">
        <v>90</v>
      </c>
      <c r="R44" s="146" t="s">
        <v>90</v>
      </c>
      <c r="S44" s="140" t="s">
        <v>90</v>
      </c>
      <c r="T44" s="140" t="s">
        <v>90</v>
      </c>
      <c r="U44" s="200" t="s">
        <v>90</v>
      </c>
      <c r="V44" s="150" t="s">
        <v>90</v>
      </c>
      <c r="W44" s="140" t="s">
        <v>90</v>
      </c>
      <c r="X44" s="146" t="s">
        <v>90</v>
      </c>
      <c r="Y44" s="146" t="s">
        <v>90</v>
      </c>
      <c r="Z44" s="146" t="s">
        <v>90</v>
      </c>
      <c r="AA44" s="146" t="s">
        <v>90</v>
      </c>
      <c r="AB44" s="140" t="s">
        <v>90</v>
      </c>
      <c r="AC44" s="140" t="s">
        <v>90</v>
      </c>
      <c r="AD44" s="146"/>
      <c r="AE44" s="140"/>
      <c r="AF44" s="203"/>
      <c r="AG44" s="203"/>
      <c r="AH44" s="140"/>
      <c r="AI44" s="140"/>
      <c r="AJ44" s="140"/>
      <c r="AK44" s="140"/>
      <c r="AL44" s="140"/>
      <c r="AM44" s="140"/>
      <c r="AN44" s="140"/>
      <c r="AO44" s="140"/>
      <c r="AP44" s="207"/>
      <c r="AQ44" s="208"/>
      <c r="AR44" s="194"/>
      <c r="AS44" s="140"/>
      <c r="AT44" s="140"/>
      <c r="AU44" s="140"/>
      <c r="AV44" s="140"/>
      <c r="AW44" s="150"/>
      <c r="AX44" s="146"/>
      <c r="AY44" s="153"/>
      <c r="AZ44" s="150"/>
      <c r="BA44" s="162"/>
      <c r="BB44" s="150"/>
      <c r="BC44" s="150"/>
      <c r="BD44" s="150"/>
      <c r="BE44" s="210"/>
    </row>
    <row r="45" spans="3:57" x14ac:dyDescent="0.2">
      <c r="C45" s="166" t="s">
        <v>100</v>
      </c>
      <c r="D45" s="158" t="s">
        <v>58</v>
      </c>
      <c r="E45" s="146">
        <v>0.34850000000000003</v>
      </c>
      <c r="F45" s="111">
        <v>0.36430000000000001</v>
      </c>
      <c r="G45" s="111">
        <v>0.39219999999999999</v>
      </c>
      <c r="H45" s="111">
        <v>0.40759999999999996</v>
      </c>
      <c r="I45" s="111">
        <v>0.40770000000000001</v>
      </c>
      <c r="J45" s="140">
        <v>0.41259999999999997</v>
      </c>
      <c r="K45" s="140">
        <v>0.40179999999999999</v>
      </c>
      <c r="L45" s="146">
        <v>0.3669</v>
      </c>
      <c r="M45" s="146">
        <v>0.33289999999999997</v>
      </c>
      <c r="N45" s="140">
        <v>0.31129999999999997</v>
      </c>
      <c r="O45" s="140">
        <v>0.30640000000000001</v>
      </c>
      <c r="P45" s="140">
        <v>0.29820000000000002</v>
      </c>
      <c r="Q45" s="146">
        <v>0.27779999999999999</v>
      </c>
      <c r="R45" s="146">
        <v>0.27089999999999997</v>
      </c>
      <c r="S45" s="140">
        <v>0.26030000000000003</v>
      </c>
      <c r="T45" s="140">
        <v>0.27449999999999997</v>
      </c>
      <c r="U45" s="200">
        <v>0.29149999999999998</v>
      </c>
      <c r="V45" s="150">
        <v>0.26039999999999996</v>
      </c>
      <c r="W45" s="140">
        <v>0.26390000000000002</v>
      </c>
      <c r="X45" s="146">
        <v>0.23089999999999999</v>
      </c>
      <c r="Y45" s="146">
        <v>0.2127</v>
      </c>
      <c r="Z45" s="146">
        <v>0.2</v>
      </c>
      <c r="AA45" s="146" t="s">
        <v>90</v>
      </c>
      <c r="AB45" s="140" t="s">
        <v>90</v>
      </c>
      <c r="AC45" s="140" t="s">
        <v>90</v>
      </c>
      <c r="AD45" s="146"/>
      <c r="AE45" s="140"/>
      <c r="AF45" s="140"/>
      <c r="AG45" s="203"/>
      <c r="AH45" s="140"/>
      <c r="AI45" s="140"/>
      <c r="AJ45" s="140"/>
      <c r="AK45" s="140"/>
      <c r="AL45" s="140"/>
      <c r="AM45" s="140"/>
      <c r="AN45" s="140"/>
      <c r="AO45" s="140"/>
      <c r="AP45" s="207"/>
      <c r="AQ45" s="208"/>
      <c r="AR45" s="194"/>
      <c r="AS45" s="140"/>
      <c r="AT45" s="140"/>
      <c r="AU45" s="140"/>
      <c r="AV45" s="140"/>
      <c r="AW45" s="150"/>
      <c r="AX45" s="146"/>
      <c r="AY45" s="153"/>
      <c r="AZ45" s="150"/>
      <c r="BA45" s="153"/>
      <c r="BB45" s="150"/>
      <c r="BC45" s="150"/>
      <c r="BD45" s="150"/>
      <c r="BE45" s="210"/>
    </row>
    <row r="46" spans="3:57" x14ac:dyDescent="0.2">
      <c r="C46" s="126" t="s">
        <v>89</v>
      </c>
      <c r="D46" s="158" t="s">
        <v>58</v>
      </c>
      <c r="E46" s="146">
        <v>0.61880000000000002</v>
      </c>
      <c r="F46" s="111">
        <v>0.61829999999999996</v>
      </c>
      <c r="G46" s="111">
        <v>0.61609999999999998</v>
      </c>
      <c r="H46" s="111">
        <v>0.61109999999999998</v>
      </c>
      <c r="I46" s="111">
        <v>0.61860000000000004</v>
      </c>
      <c r="J46" s="140">
        <v>0.61670000000000003</v>
      </c>
      <c r="K46" s="140">
        <v>0.61670000000000003</v>
      </c>
      <c r="L46" s="146">
        <v>0.61619999999999997</v>
      </c>
      <c r="M46" s="146">
        <v>0.62049999999999994</v>
      </c>
      <c r="N46" s="140">
        <v>0.60780000000000001</v>
      </c>
      <c r="O46" s="140">
        <v>0.57590000000000008</v>
      </c>
      <c r="P46" s="140">
        <v>0.57040000000000002</v>
      </c>
      <c r="Q46" s="146">
        <v>0.57340000000000002</v>
      </c>
      <c r="R46" s="146">
        <v>0.59589999999999999</v>
      </c>
      <c r="S46" s="140">
        <v>0.57350000000000001</v>
      </c>
      <c r="T46" s="140">
        <v>0.56619999999999993</v>
      </c>
      <c r="U46" s="200">
        <v>0.53290000000000004</v>
      </c>
      <c r="V46" s="150">
        <v>0.56899999999999995</v>
      </c>
      <c r="W46" s="140">
        <v>0.60650000000000004</v>
      </c>
      <c r="X46" s="146">
        <v>0.59719999999999995</v>
      </c>
      <c r="Y46" s="146">
        <v>0.59409999999999996</v>
      </c>
      <c r="Z46" s="146">
        <v>0.59799999999999998</v>
      </c>
      <c r="AA46" s="146">
        <v>0.59119999999999995</v>
      </c>
      <c r="AB46" s="140">
        <v>0.5806</v>
      </c>
      <c r="AC46" s="140">
        <v>0.55920000000000003</v>
      </c>
      <c r="AD46" s="146"/>
      <c r="AE46" s="140"/>
      <c r="AF46" s="140"/>
      <c r="AG46" s="140"/>
      <c r="AH46" s="140"/>
      <c r="AI46" s="140"/>
      <c r="AJ46" s="140"/>
      <c r="AK46" s="140"/>
      <c r="AL46" s="140"/>
      <c r="AM46" s="140"/>
      <c r="AN46" s="140"/>
      <c r="AO46" s="140"/>
      <c r="AP46" s="207"/>
      <c r="AQ46" s="208"/>
      <c r="AR46" s="194"/>
      <c r="AS46" s="140"/>
      <c r="AT46" s="140"/>
      <c r="AU46" s="140"/>
      <c r="AV46" s="140"/>
      <c r="AW46" s="150"/>
      <c r="AX46" s="146"/>
      <c r="AY46" s="153"/>
      <c r="AZ46" s="150"/>
      <c r="BA46" s="153"/>
      <c r="BB46" s="150"/>
      <c r="BC46" s="150"/>
      <c r="BD46" s="150"/>
      <c r="BE46" s="210"/>
    </row>
    <row r="47" spans="3:57" x14ac:dyDescent="0.2">
      <c r="C47" s="126" t="s">
        <v>95</v>
      </c>
      <c r="D47" s="158" t="s">
        <v>58</v>
      </c>
      <c r="E47" s="146">
        <v>0.71750000000000003</v>
      </c>
      <c r="F47" s="111">
        <v>0.71750000000000003</v>
      </c>
      <c r="G47" s="111">
        <v>0.71750000000000003</v>
      </c>
      <c r="H47" s="111">
        <v>0.71750000000000003</v>
      </c>
      <c r="I47" s="111">
        <v>0.73159999999999992</v>
      </c>
      <c r="J47" s="140">
        <v>0.73159999999999992</v>
      </c>
      <c r="K47" s="140">
        <v>0.73159999999999992</v>
      </c>
      <c r="L47" s="146">
        <v>0.79500000000000004</v>
      </c>
      <c r="M47" s="146">
        <v>0.79500000000000004</v>
      </c>
      <c r="N47" s="140">
        <v>0.78989999999999994</v>
      </c>
      <c r="O47" s="140">
        <v>0.78459999999999996</v>
      </c>
      <c r="P47" s="140">
        <v>0.77650000000000008</v>
      </c>
      <c r="Q47" s="146">
        <v>0.77650000000000008</v>
      </c>
      <c r="R47" s="146">
        <v>0.74650000000000005</v>
      </c>
      <c r="S47" s="140">
        <v>0.74650000000000005</v>
      </c>
      <c r="T47" s="140">
        <v>0.69819999999999993</v>
      </c>
      <c r="U47" s="200">
        <v>0.66439999999999999</v>
      </c>
      <c r="V47" s="150">
        <v>0.63060000000000005</v>
      </c>
      <c r="W47" s="140">
        <v>0.67510000000000003</v>
      </c>
      <c r="X47" s="146">
        <v>0.68480000000000008</v>
      </c>
      <c r="Y47" s="146">
        <v>0.68480000000000008</v>
      </c>
      <c r="Z47" s="146">
        <v>0.64910000000000001</v>
      </c>
      <c r="AA47" s="146">
        <v>0.68500000000000005</v>
      </c>
      <c r="AB47" s="140">
        <v>0.7208</v>
      </c>
      <c r="AC47" s="140">
        <v>0.67779999999999996</v>
      </c>
      <c r="AD47" s="146"/>
      <c r="AE47" s="140"/>
      <c r="AF47" s="140"/>
      <c r="AG47" s="140"/>
      <c r="AH47" s="140"/>
      <c r="AI47" s="140"/>
      <c r="AJ47" s="140"/>
      <c r="AK47" s="140"/>
      <c r="AL47" s="140"/>
      <c r="AM47" s="140"/>
      <c r="AN47" s="140"/>
      <c r="AO47" s="140"/>
      <c r="AP47" s="207"/>
      <c r="AQ47" s="208"/>
      <c r="AR47" s="194"/>
      <c r="AS47" s="140"/>
      <c r="AT47" s="140"/>
      <c r="AU47" s="140"/>
      <c r="AV47" s="140"/>
      <c r="AW47" s="150"/>
      <c r="AX47" s="146"/>
      <c r="AY47" s="153"/>
      <c r="AZ47" s="150"/>
      <c r="BA47" s="153"/>
      <c r="BB47" s="150"/>
      <c r="BC47" s="150"/>
      <c r="BD47" s="150"/>
      <c r="BE47" s="210"/>
    </row>
    <row r="48" spans="3:57" x14ac:dyDescent="0.2">
      <c r="C48" s="100" t="s">
        <v>96</v>
      </c>
      <c r="D48" s="158" t="s">
        <v>58</v>
      </c>
      <c r="E48" s="146">
        <v>0.26979999999999998</v>
      </c>
      <c r="F48" s="111">
        <v>0.28120000000000001</v>
      </c>
      <c r="G48" s="111">
        <v>0.28139999999999998</v>
      </c>
      <c r="H48" s="111">
        <v>0.2792</v>
      </c>
      <c r="I48" s="111">
        <v>0.27310000000000001</v>
      </c>
      <c r="J48" s="140">
        <v>0.25269999999999998</v>
      </c>
      <c r="K48" s="140">
        <v>0.25259999999999999</v>
      </c>
      <c r="L48" s="146">
        <v>0.25390000000000001</v>
      </c>
      <c r="M48" s="146">
        <v>0.24960000000000002</v>
      </c>
      <c r="N48" s="140">
        <v>0.35590000000000005</v>
      </c>
      <c r="O48" s="140">
        <v>0.50070000000000003</v>
      </c>
      <c r="P48" s="140">
        <v>0.65229999999999999</v>
      </c>
      <c r="Q48" s="146">
        <v>0.88849999999999996</v>
      </c>
      <c r="R48" s="146">
        <v>0.88400000000000001</v>
      </c>
      <c r="S48" s="140">
        <v>0.98809999999999998</v>
      </c>
      <c r="T48" s="140">
        <v>0.97900000000000009</v>
      </c>
      <c r="U48" s="200">
        <v>0.98840000000000006</v>
      </c>
      <c r="V48" s="150">
        <v>0.97970000000000002</v>
      </c>
      <c r="W48" s="140">
        <v>1.1001000000000001</v>
      </c>
      <c r="X48" s="146">
        <v>1.2</v>
      </c>
      <c r="Y48" s="146">
        <v>1.2041999999999999</v>
      </c>
      <c r="Z48" s="146">
        <v>1.2945</v>
      </c>
      <c r="AA48" s="146">
        <v>1.2986000000000002</v>
      </c>
      <c r="AB48" s="140">
        <v>1.3577000000000001</v>
      </c>
      <c r="AC48" s="140">
        <v>1.3524</v>
      </c>
      <c r="AD48" s="146"/>
      <c r="AE48" s="140"/>
      <c r="AF48" s="140"/>
      <c r="AG48" s="140"/>
      <c r="AH48" s="140"/>
      <c r="AI48" s="140"/>
      <c r="AJ48" s="140"/>
      <c r="AK48" s="140"/>
      <c r="AL48" s="140"/>
      <c r="AM48" s="140"/>
      <c r="AN48" s="140"/>
      <c r="AO48" s="140"/>
      <c r="AP48" s="207"/>
      <c r="AQ48" s="208"/>
      <c r="AR48" s="194"/>
      <c r="AS48" s="140"/>
      <c r="AT48" s="140"/>
      <c r="AU48" s="140"/>
      <c r="AV48" s="140"/>
      <c r="AW48" s="150"/>
      <c r="AX48" s="146"/>
      <c r="AY48" s="153"/>
      <c r="AZ48" s="150"/>
      <c r="BA48" s="153"/>
      <c r="BB48" s="150"/>
      <c r="BC48" s="150"/>
      <c r="BD48" s="150"/>
      <c r="BE48" s="210"/>
    </row>
    <row r="49" spans="3:57" x14ac:dyDescent="0.2">
      <c r="C49" s="202"/>
      <c r="D49" s="173"/>
      <c r="E49" s="173"/>
      <c r="F49" s="173"/>
      <c r="G49" s="173"/>
      <c r="H49" s="173"/>
      <c r="I49" s="173"/>
      <c r="J49" s="173"/>
      <c r="K49" s="173"/>
      <c r="L49" s="173"/>
      <c r="M49" s="173"/>
      <c r="N49" s="173"/>
      <c r="O49" s="173"/>
      <c r="P49" s="173"/>
      <c r="Q49" s="173"/>
      <c r="R49" s="174"/>
      <c r="S49" s="170"/>
      <c r="T49" s="170"/>
      <c r="U49" s="170"/>
      <c r="V49" s="170"/>
      <c r="W49" s="117"/>
      <c r="X49" s="170"/>
      <c r="Y49" s="117"/>
      <c r="Z49" s="169"/>
      <c r="AA49" s="169"/>
      <c r="AB49" s="169"/>
      <c r="AC49" s="169"/>
      <c r="AD49" s="169"/>
      <c r="AE49" s="170"/>
      <c r="AF49" s="170"/>
      <c r="AG49" s="169"/>
      <c r="AH49" s="170"/>
      <c r="AI49" s="170"/>
      <c r="AJ49" s="170"/>
      <c r="AK49" s="170"/>
      <c r="AL49" s="170"/>
      <c r="AM49" s="170"/>
      <c r="AN49" s="170"/>
      <c r="AO49" s="170"/>
      <c r="AP49" s="169"/>
      <c r="AQ49" s="169"/>
      <c r="AR49" s="171"/>
      <c r="AS49" s="169"/>
      <c r="AT49" s="169"/>
      <c r="AU49" s="170"/>
      <c r="AV49" s="169"/>
      <c r="AW49" s="169"/>
      <c r="AX49" s="169"/>
      <c r="AY49" s="170"/>
      <c r="AZ49" s="169"/>
      <c r="BA49" s="169"/>
      <c r="BB49" s="169"/>
      <c r="BC49" s="170"/>
      <c r="BD49" s="170"/>
    </row>
    <row r="50" spans="3:57" ht="13.5" customHeight="1" x14ac:dyDescent="0.2">
      <c r="C50" s="100" t="s">
        <v>106</v>
      </c>
      <c r="D50" s="158" t="s">
        <v>58</v>
      </c>
      <c r="E50" s="158">
        <v>4.4800000000000004</v>
      </c>
      <c r="F50" s="176">
        <v>4.68</v>
      </c>
      <c r="G50" s="177">
        <v>4.74</v>
      </c>
      <c r="H50" s="176">
        <v>4.6100000000000003</v>
      </c>
      <c r="I50" s="176">
        <v>4.49</v>
      </c>
      <c r="J50" s="111">
        <v>4.78</v>
      </c>
      <c r="K50" s="111">
        <v>5.37</v>
      </c>
      <c r="L50" s="111">
        <v>5.31</v>
      </c>
      <c r="M50" s="111">
        <v>5.48</v>
      </c>
      <c r="N50" s="111">
        <v>5.72</v>
      </c>
      <c r="O50" s="111">
        <v>5.41</v>
      </c>
      <c r="P50" s="140">
        <v>5.62</v>
      </c>
      <c r="Q50" s="111">
        <v>4.8</v>
      </c>
      <c r="R50" s="111">
        <v>4.3899999999999997</v>
      </c>
      <c r="S50" s="111">
        <v>5.0999999999999996</v>
      </c>
      <c r="T50" s="111">
        <v>5.03</v>
      </c>
      <c r="U50" s="111">
        <v>5.14</v>
      </c>
      <c r="V50" s="140">
        <v>4.8499999999999996</v>
      </c>
      <c r="W50" s="111">
        <v>4.84</v>
      </c>
      <c r="X50" s="140">
        <v>5.2</v>
      </c>
      <c r="Y50" s="111">
        <v>4.82</v>
      </c>
      <c r="Z50" s="111">
        <v>4.8</v>
      </c>
      <c r="AA50" s="111">
        <v>4.8499999999999996</v>
      </c>
      <c r="AB50" s="140"/>
      <c r="AC50" s="111"/>
      <c r="AD50" s="111"/>
      <c r="AE50" s="140"/>
      <c r="AF50" s="140"/>
      <c r="AG50" s="140"/>
      <c r="AH50" s="140"/>
      <c r="AI50" s="140"/>
      <c r="AJ50" s="140"/>
      <c r="AK50" s="140"/>
      <c r="AL50" s="140"/>
      <c r="AM50" s="140"/>
      <c r="AN50" s="176"/>
      <c r="AO50" s="176"/>
      <c r="AP50" s="176"/>
      <c r="AQ50" s="73"/>
      <c r="AR50" s="176"/>
      <c r="AS50" s="176"/>
      <c r="AT50" s="176"/>
      <c r="AU50" s="176"/>
      <c r="AV50" s="177"/>
      <c r="AW50" s="176"/>
      <c r="AX50" s="111"/>
      <c r="AY50" s="177"/>
      <c r="AZ50" s="176"/>
      <c r="BA50" s="176"/>
      <c r="BB50" s="176"/>
      <c r="BC50" s="176"/>
      <c r="BD50" s="176"/>
      <c r="BE50" s="211"/>
    </row>
    <row r="51" spans="3:57" x14ac:dyDescent="0.2">
      <c r="C51" s="102"/>
      <c r="D51" s="179"/>
      <c r="E51" s="180"/>
      <c r="F51" s="180"/>
      <c r="G51" s="180"/>
      <c r="H51" s="180"/>
      <c r="I51" s="180"/>
      <c r="J51" s="180"/>
      <c r="K51" s="180"/>
      <c r="L51" s="180"/>
      <c r="M51" s="180"/>
      <c r="N51" s="180"/>
      <c r="O51" s="180"/>
      <c r="P51" s="171"/>
      <c r="Q51" s="171"/>
      <c r="R51" s="171"/>
      <c r="S51" s="171"/>
      <c r="T51" s="171"/>
      <c r="U51" s="171"/>
      <c r="V51" s="171"/>
      <c r="W51" s="171"/>
      <c r="X51" s="171"/>
      <c r="Y51" s="171"/>
      <c r="Z51" s="171"/>
      <c r="AA51" s="171"/>
      <c r="AB51" s="171"/>
      <c r="AC51" s="171"/>
      <c r="AD51" s="171"/>
      <c r="AE51" s="171"/>
      <c r="AF51" s="171"/>
      <c r="AG51" s="171"/>
      <c r="AH51" s="171"/>
      <c r="AI51" s="171"/>
      <c r="AJ51" s="171"/>
      <c r="AK51" s="171"/>
      <c r="AL51" s="171"/>
      <c r="AM51" s="171"/>
      <c r="AN51" s="171"/>
      <c r="AO51" s="171"/>
      <c r="AP51" s="171"/>
      <c r="AQ51" s="171"/>
      <c r="AR51" s="171"/>
      <c r="AS51" s="171"/>
      <c r="AT51" s="171"/>
      <c r="AU51" s="171"/>
      <c r="AV51" s="171"/>
      <c r="AW51" s="171"/>
      <c r="AX51" s="171"/>
      <c r="AY51" s="171"/>
      <c r="AZ51" s="171"/>
      <c r="BA51" s="171"/>
      <c r="BB51" s="171"/>
      <c r="BC51" s="171"/>
      <c r="BD51" s="171"/>
    </row>
    <row r="52" spans="3:57" x14ac:dyDescent="0.2">
      <c r="C52" s="181" t="s">
        <v>191</v>
      </c>
      <c r="D52" s="138" t="s">
        <v>176</v>
      </c>
    </row>
    <row r="53" spans="3:57" x14ac:dyDescent="0.2">
      <c r="C53" s="202" t="s">
        <v>192</v>
      </c>
      <c r="D53" s="173" t="s">
        <v>193</v>
      </c>
      <c r="L53" s="183"/>
    </row>
    <row r="54" spans="3:57" ht="12.75" customHeight="1" x14ac:dyDescent="0.2"/>
    <row r="55" spans="3:57" ht="17.25" customHeight="1" x14ac:dyDescent="0.2">
      <c r="C55" s="155"/>
    </row>
    <row r="56" spans="3:57" ht="15.75" customHeight="1" x14ac:dyDescent="0.2">
      <c r="C56" s="129"/>
    </row>
    <row r="57" spans="3:57" ht="15.75" customHeight="1" x14ac:dyDescent="0.2">
      <c r="C57" s="1" t="s">
        <v>1</v>
      </c>
      <c r="E57" s="2">
        <v>2024</v>
      </c>
      <c r="F57" s="2"/>
      <c r="G57" s="2"/>
      <c r="H57" s="2"/>
      <c r="I57" s="2"/>
      <c r="J57" s="2"/>
      <c r="K57" s="2"/>
      <c r="L57" s="2"/>
      <c r="M57" s="2"/>
    </row>
    <row r="58" spans="3:57" x14ac:dyDescent="0.2">
      <c r="C58" s="156" t="s">
        <v>2</v>
      </c>
      <c r="D58" s="156" t="s">
        <v>3</v>
      </c>
      <c r="E58" s="4" t="s">
        <v>15</v>
      </c>
      <c r="F58" s="4" t="s">
        <v>16</v>
      </c>
      <c r="G58" s="4" t="s">
        <v>17</v>
      </c>
      <c r="H58" s="4" t="s">
        <v>18</v>
      </c>
      <c r="I58" s="4" t="s">
        <v>19</v>
      </c>
      <c r="J58" s="4" t="s">
        <v>20</v>
      </c>
      <c r="K58" s="4" t="s">
        <v>21</v>
      </c>
      <c r="L58" s="4" t="s">
        <v>22</v>
      </c>
      <c r="M58" s="4" t="s">
        <v>23</v>
      </c>
      <c r="N58" s="4" t="s">
        <v>24</v>
      </c>
      <c r="O58" s="4" t="s">
        <v>25</v>
      </c>
      <c r="P58" s="4" t="s">
        <v>26</v>
      </c>
      <c r="Q58" s="4" t="s">
        <v>27</v>
      </c>
      <c r="R58" s="4" t="s">
        <v>28</v>
      </c>
      <c r="S58" s="4" t="s">
        <v>29</v>
      </c>
      <c r="T58" s="4" t="s">
        <v>30</v>
      </c>
      <c r="U58" s="4" t="s">
        <v>31</v>
      </c>
      <c r="V58" s="4" t="s">
        <v>32</v>
      </c>
      <c r="W58" s="4" t="s">
        <v>33</v>
      </c>
      <c r="X58" s="4" t="s">
        <v>34</v>
      </c>
      <c r="Y58" s="4" t="s">
        <v>35</v>
      </c>
      <c r="Z58" s="4" t="s">
        <v>36</v>
      </c>
      <c r="AA58" s="4" t="s">
        <v>37</v>
      </c>
      <c r="AB58" s="4" t="s">
        <v>38</v>
      </c>
      <c r="AC58" s="4" t="s">
        <v>39</v>
      </c>
      <c r="AD58" s="4" t="s">
        <v>40</v>
      </c>
      <c r="AE58" s="4" t="s">
        <v>41</v>
      </c>
      <c r="AF58" s="4" t="s">
        <v>42</v>
      </c>
      <c r="AG58" s="4" t="s">
        <v>43</v>
      </c>
      <c r="AH58" s="4" t="s">
        <v>44</v>
      </c>
      <c r="AI58" s="4" t="s">
        <v>45</v>
      </c>
      <c r="AJ58" s="4" t="s">
        <v>46</v>
      </c>
      <c r="AK58" s="4" t="s">
        <v>47</v>
      </c>
      <c r="AL58" s="4" t="s">
        <v>48</v>
      </c>
      <c r="AM58" s="4" t="s">
        <v>49</v>
      </c>
      <c r="AN58" s="4" t="s">
        <v>50</v>
      </c>
      <c r="AO58" s="4" t="s">
        <v>51</v>
      </c>
      <c r="AP58" s="4" t="s">
        <v>52</v>
      </c>
      <c r="AQ58" s="4" t="s">
        <v>53</v>
      </c>
      <c r="AR58" s="4" t="s">
        <v>54</v>
      </c>
      <c r="AS58" s="4" t="s">
        <v>55</v>
      </c>
      <c r="AT58" s="4" t="s">
        <v>4</v>
      </c>
      <c r="AU58" s="4" t="s">
        <v>5</v>
      </c>
      <c r="AV58" s="4" t="s">
        <v>6</v>
      </c>
      <c r="AW58" s="4" t="s">
        <v>7</v>
      </c>
      <c r="AX58" s="4" t="s">
        <v>8</v>
      </c>
      <c r="AY58" s="4" t="s">
        <v>9</v>
      </c>
      <c r="AZ58" s="4" t="s">
        <v>10</v>
      </c>
      <c r="BA58" s="4" t="s">
        <v>11</v>
      </c>
      <c r="BB58" s="4" t="s">
        <v>12</v>
      </c>
      <c r="BC58" s="4" t="s">
        <v>13</v>
      </c>
      <c r="BD58" s="4" t="s">
        <v>14</v>
      </c>
      <c r="BE58" s="209"/>
    </row>
    <row r="59" spans="3:57" x14ac:dyDescent="0.2">
      <c r="C59" s="157" t="s">
        <v>196</v>
      </c>
      <c r="D59" s="158" t="s">
        <v>58</v>
      </c>
      <c r="E59" s="146"/>
      <c r="F59" s="140"/>
      <c r="G59" s="146"/>
      <c r="H59" s="146"/>
      <c r="I59" s="146"/>
      <c r="J59" s="140"/>
      <c r="K59" s="146"/>
      <c r="L59" s="146"/>
      <c r="M59" s="146"/>
      <c r="N59" s="146"/>
      <c r="O59" s="145"/>
      <c r="P59" s="145"/>
      <c r="Q59" s="146"/>
      <c r="R59" s="146"/>
      <c r="S59" s="146"/>
      <c r="T59" s="140"/>
      <c r="U59" s="140"/>
      <c r="V59" s="140"/>
      <c r="W59" s="140"/>
      <c r="X59" s="146"/>
      <c r="Y59" s="146"/>
      <c r="Z59" s="140"/>
      <c r="AA59" s="111"/>
      <c r="AB59" s="140"/>
      <c r="AC59" s="145"/>
      <c r="AD59" s="145"/>
      <c r="AE59" s="146"/>
      <c r="AF59" s="146"/>
      <c r="AG59" s="140"/>
      <c r="AH59" s="146"/>
      <c r="AI59" s="140"/>
      <c r="AJ59" s="194"/>
      <c r="AK59" s="140"/>
      <c r="AL59" s="140"/>
      <c r="AM59" s="140"/>
      <c r="AN59" s="140"/>
      <c r="AO59" s="140"/>
      <c r="AP59" s="140"/>
      <c r="AQ59" s="140"/>
      <c r="AR59" s="140"/>
      <c r="AS59" s="140"/>
      <c r="AT59" s="140"/>
      <c r="AU59" s="146"/>
      <c r="AV59" s="140"/>
      <c r="AW59" s="140"/>
      <c r="AX59" s="140"/>
      <c r="AY59" s="140"/>
      <c r="AZ59" s="43"/>
      <c r="BA59" s="140"/>
      <c r="BB59" s="194"/>
      <c r="BC59" s="194"/>
      <c r="BD59" s="194"/>
      <c r="BE59" s="212"/>
    </row>
    <row r="60" spans="3:57" x14ac:dyDescent="0.2">
      <c r="C60" s="157" t="s">
        <v>197</v>
      </c>
      <c r="D60" s="158" t="s">
        <v>58</v>
      </c>
      <c r="E60" s="146"/>
      <c r="F60" s="140"/>
      <c r="G60" s="146"/>
      <c r="H60" s="146"/>
      <c r="I60" s="146"/>
      <c r="J60" s="140"/>
      <c r="K60" s="146"/>
      <c r="L60" s="146"/>
      <c r="M60" s="146"/>
      <c r="N60" s="146"/>
      <c r="O60" s="145"/>
      <c r="P60" s="145"/>
      <c r="Q60" s="146"/>
      <c r="R60" s="146"/>
      <c r="S60" s="146"/>
      <c r="T60" s="140"/>
      <c r="U60" s="140"/>
      <c r="V60" s="140"/>
      <c r="W60" s="140"/>
      <c r="X60" s="146"/>
      <c r="Y60" s="146"/>
      <c r="Z60" s="140"/>
      <c r="AA60" s="111"/>
      <c r="AB60" s="140"/>
      <c r="AC60" s="145"/>
      <c r="AD60" s="145"/>
      <c r="AE60" s="146"/>
      <c r="AF60" s="146"/>
      <c r="AG60" s="140"/>
      <c r="AH60" s="146"/>
      <c r="AI60" s="140"/>
      <c r="AJ60" s="194"/>
      <c r="AK60" s="140"/>
      <c r="AL60" s="140"/>
      <c r="AM60" s="140"/>
      <c r="AN60" s="140"/>
      <c r="AO60" s="140"/>
      <c r="AP60" s="140"/>
      <c r="AQ60" s="140"/>
      <c r="AR60" s="140"/>
      <c r="AS60" s="140"/>
      <c r="AT60" s="140"/>
      <c r="AU60" s="146"/>
      <c r="AV60" s="140"/>
      <c r="AW60" s="140"/>
      <c r="AX60" s="140"/>
      <c r="AY60" s="140"/>
      <c r="AZ60" s="43"/>
      <c r="BA60" s="140"/>
      <c r="BB60" s="194"/>
      <c r="BC60" s="194"/>
      <c r="BD60" s="194"/>
      <c r="BE60" s="212"/>
    </row>
    <row r="61" spans="3:57" x14ac:dyDescent="0.2">
      <c r="C61" s="157" t="s">
        <v>198</v>
      </c>
      <c r="D61" s="158" t="s">
        <v>58</v>
      </c>
      <c r="E61" s="146"/>
      <c r="F61" s="140"/>
      <c r="G61" s="146"/>
      <c r="H61" s="146"/>
      <c r="I61" s="146"/>
      <c r="J61" s="140"/>
      <c r="K61" s="146"/>
      <c r="L61" s="146"/>
      <c r="M61" s="146"/>
      <c r="N61" s="146"/>
      <c r="O61" s="145"/>
      <c r="P61" s="145"/>
      <c r="Q61" s="146"/>
      <c r="R61" s="146"/>
      <c r="S61" s="146"/>
      <c r="T61" s="140"/>
      <c r="U61" s="140"/>
      <c r="V61" s="140"/>
      <c r="W61" s="140"/>
      <c r="X61" s="146"/>
      <c r="Y61" s="146"/>
      <c r="Z61" s="140"/>
      <c r="AA61" s="111"/>
      <c r="AB61" s="140"/>
      <c r="AC61" s="145"/>
      <c r="AD61" s="145"/>
      <c r="AE61" s="146"/>
      <c r="AF61" s="146"/>
      <c r="AG61" s="140"/>
      <c r="AH61" s="146"/>
      <c r="AI61" s="140"/>
      <c r="AJ61" s="194"/>
      <c r="AK61" s="140"/>
      <c r="AL61" s="140"/>
      <c r="AM61" s="140"/>
      <c r="AN61" s="140"/>
      <c r="AO61" s="140"/>
      <c r="AP61" s="140"/>
      <c r="AQ61" s="140"/>
      <c r="AR61" s="140"/>
      <c r="AS61" s="140"/>
      <c r="AT61" s="140"/>
      <c r="AU61" s="146"/>
      <c r="AV61" s="140"/>
      <c r="AW61" s="140"/>
      <c r="AX61" s="140"/>
      <c r="AY61" s="140"/>
      <c r="AZ61" s="43"/>
      <c r="BA61" s="140"/>
      <c r="BB61" s="194"/>
      <c r="BC61" s="194"/>
      <c r="BD61" s="194"/>
      <c r="BE61" s="212"/>
    </row>
    <row r="62" spans="3:57" x14ac:dyDescent="0.2">
      <c r="C62" s="157" t="s">
        <v>199</v>
      </c>
      <c r="D62" s="158" t="s">
        <v>58</v>
      </c>
      <c r="E62" s="146"/>
      <c r="F62" s="140"/>
      <c r="G62" s="146"/>
      <c r="H62" s="146"/>
      <c r="I62" s="146"/>
      <c r="J62" s="140"/>
      <c r="K62" s="146"/>
      <c r="L62" s="146"/>
      <c r="M62" s="146"/>
      <c r="N62" s="146"/>
      <c r="O62" s="145"/>
      <c r="P62" s="145"/>
      <c r="Q62" s="146"/>
      <c r="R62" s="146"/>
      <c r="S62" s="146"/>
      <c r="T62" s="140"/>
      <c r="U62" s="140"/>
      <c r="V62" s="140"/>
      <c r="W62" s="140"/>
      <c r="X62" s="146"/>
      <c r="Y62" s="146"/>
      <c r="Z62" s="140"/>
      <c r="AA62" s="111"/>
      <c r="AB62" s="140"/>
      <c r="AC62" s="145"/>
      <c r="AD62" s="145"/>
      <c r="AE62" s="146"/>
      <c r="AF62" s="146"/>
      <c r="AG62" s="140"/>
      <c r="AH62" s="146"/>
      <c r="AI62" s="140"/>
      <c r="AJ62" s="194"/>
      <c r="AK62" s="140"/>
      <c r="AL62" s="140"/>
      <c r="AM62" s="140"/>
      <c r="AN62" s="140"/>
      <c r="AO62" s="140"/>
      <c r="AP62" s="140"/>
      <c r="AQ62" s="140"/>
      <c r="AR62" s="140"/>
      <c r="AS62" s="140"/>
      <c r="AT62" s="140"/>
      <c r="AU62" s="146"/>
      <c r="AV62" s="140"/>
      <c r="AW62" s="140"/>
      <c r="AX62" s="140"/>
      <c r="AY62" s="140"/>
      <c r="AZ62" s="43"/>
      <c r="BA62" s="140"/>
      <c r="BB62" s="194"/>
      <c r="BC62" s="194"/>
      <c r="BD62" s="194"/>
      <c r="BE62" s="212"/>
    </row>
    <row r="63" spans="3:57" x14ac:dyDescent="0.2">
      <c r="C63" s="157" t="s">
        <v>200</v>
      </c>
      <c r="D63" s="158" t="s">
        <v>58</v>
      </c>
      <c r="E63" s="146"/>
      <c r="F63" s="140"/>
      <c r="G63" s="146"/>
      <c r="H63" s="146"/>
      <c r="I63" s="146"/>
      <c r="J63" s="140"/>
      <c r="K63" s="146"/>
      <c r="L63" s="146"/>
      <c r="M63" s="146"/>
      <c r="N63" s="146"/>
      <c r="O63" s="145"/>
      <c r="P63" s="145"/>
      <c r="Q63" s="146"/>
      <c r="R63" s="146"/>
      <c r="S63" s="146"/>
      <c r="T63" s="140"/>
      <c r="U63" s="140"/>
      <c r="V63" s="140"/>
      <c r="W63" s="140"/>
      <c r="X63" s="146"/>
      <c r="Y63" s="146"/>
      <c r="Z63" s="140"/>
      <c r="AA63" s="111"/>
      <c r="AB63" s="140"/>
      <c r="AC63" s="145"/>
      <c r="AD63" s="145"/>
      <c r="AE63" s="146"/>
      <c r="AF63" s="146"/>
      <c r="AG63" s="140"/>
      <c r="AH63" s="146"/>
      <c r="AI63" s="140"/>
      <c r="AJ63" s="194"/>
      <c r="AK63" s="140"/>
      <c r="AL63" s="140"/>
      <c r="AM63" s="140"/>
      <c r="AN63" s="140"/>
      <c r="AO63" s="140"/>
      <c r="AP63" s="140"/>
      <c r="AQ63" s="140"/>
      <c r="AR63" s="140"/>
      <c r="AS63" s="140"/>
      <c r="AT63" s="140"/>
      <c r="AU63" s="146"/>
      <c r="AV63" s="140"/>
      <c r="AW63" s="140"/>
      <c r="AX63" s="140"/>
      <c r="AY63" s="140"/>
      <c r="AZ63" s="194"/>
      <c r="BA63" s="140"/>
      <c r="BB63" s="194"/>
      <c r="BC63" s="194"/>
      <c r="BD63" s="194"/>
      <c r="BE63" s="212"/>
    </row>
    <row r="64" spans="3:57" x14ac:dyDescent="0.2">
      <c r="C64" s="157" t="s">
        <v>201</v>
      </c>
      <c r="D64" s="158" t="s">
        <v>76</v>
      </c>
      <c r="E64" s="146"/>
      <c r="F64" s="140"/>
      <c r="G64" s="146"/>
      <c r="H64" s="146"/>
      <c r="I64" s="146"/>
      <c r="J64" s="140"/>
      <c r="K64" s="146"/>
      <c r="L64" s="146"/>
      <c r="M64" s="146"/>
      <c r="N64" s="146"/>
      <c r="O64" s="145"/>
      <c r="P64" s="145"/>
      <c r="Q64" s="146"/>
      <c r="R64" s="146"/>
      <c r="S64" s="146"/>
      <c r="T64" s="140"/>
      <c r="U64" s="140"/>
      <c r="V64" s="140"/>
      <c r="W64" s="140"/>
      <c r="X64" s="146"/>
      <c r="Y64" s="146"/>
      <c r="Z64" s="140"/>
      <c r="AA64" s="111"/>
      <c r="AB64" s="140"/>
      <c r="AC64" s="145"/>
      <c r="AD64" s="145"/>
      <c r="AE64" s="146"/>
      <c r="AF64" s="146"/>
      <c r="AG64" s="140"/>
      <c r="AH64" s="146"/>
      <c r="AI64" s="140"/>
      <c r="AJ64" s="194"/>
      <c r="AK64" s="140"/>
      <c r="AL64" s="140"/>
      <c r="AM64" s="140"/>
      <c r="AN64" s="140"/>
      <c r="AO64" s="140"/>
      <c r="AP64" s="140"/>
      <c r="AQ64" s="140"/>
      <c r="AR64" s="140"/>
      <c r="AS64" s="140"/>
      <c r="AT64" s="140"/>
      <c r="AU64" s="146"/>
      <c r="AV64" s="140"/>
      <c r="AW64" s="140"/>
      <c r="AX64" s="140"/>
      <c r="AY64" s="140"/>
      <c r="AZ64" s="194"/>
      <c r="BA64" s="140"/>
      <c r="BB64" s="194"/>
      <c r="BC64" s="194"/>
      <c r="BD64" s="194"/>
      <c r="BE64" s="212"/>
    </row>
    <row r="65" spans="3:57" x14ac:dyDescent="0.2">
      <c r="C65" s="157" t="s">
        <v>63</v>
      </c>
      <c r="D65" s="158" t="s">
        <v>58</v>
      </c>
      <c r="E65" s="146">
        <v>21.409059801848102</v>
      </c>
      <c r="F65" s="140">
        <v>15.540237185578807</v>
      </c>
      <c r="G65" s="146">
        <v>9.1353523152142646</v>
      </c>
      <c r="H65" s="146">
        <v>7.8977336819223316</v>
      </c>
      <c r="I65" s="146">
        <v>9.8985124634011239</v>
      </c>
      <c r="J65" s="140">
        <v>9.4295511561674257</v>
      </c>
      <c r="K65" s="146">
        <v>10.141278103978552</v>
      </c>
      <c r="L65" s="146">
        <v>9.4426788380487992</v>
      </c>
      <c r="M65" s="146">
        <v>9.6155677769171195</v>
      </c>
      <c r="N65" s="146">
        <v>10.518921830362604</v>
      </c>
      <c r="O65" s="146">
        <v>8.8105949962962082</v>
      </c>
      <c r="P65" s="146">
        <v>10.385671249357882</v>
      </c>
      <c r="Q65" s="146">
        <v>10.188037929142888</v>
      </c>
      <c r="R65" s="146">
        <v>11.280428813374385</v>
      </c>
      <c r="S65" s="146">
        <v>11.160891695299364</v>
      </c>
      <c r="T65" s="140">
        <v>11.492162165492848</v>
      </c>
      <c r="U65" s="140">
        <v>10.683218238691047</v>
      </c>
      <c r="V65" s="140">
        <v>12.534585035734615</v>
      </c>
      <c r="W65" s="140">
        <v>12.171772077762972</v>
      </c>
      <c r="X65" s="146">
        <v>10.86904716025767</v>
      </c>
      <c r="Y65" s="146">
        <v>9.5457194756665373</v>
      </c>
      <c r="Z65" s="140">
        <v>8.1406503948484534</v>
      </c>
      <c r="AA65" s="111">
        <v>8.36</v>
      </c>
      <c r="AB65" s="140">
        <v>9.2653530772288697</v>
      </c>
      <c r="AC65" s="146">
        <v>9.5489526018880344</v>
      </c>
      <c r="AD65" s="146"/>
      <c r="AE65" s="146"/>
      <c r="AF65" s="146"/>
      <c r="AG65" s="140"/>
      <c r="AH65" s="146"/>
      <c r="AI65" s="140"/>
      <c r="AJ65" s="145"/>
      <c r="AK65" s="140"/>
      <c r="AL65" s="140"/>
      <c r="AM65" s="140"/>
      <c r="AN65" s="140"/>
      <c r="AO65" s="140"/>
      <c r="AP65" s="140"/>
      <c r="AQ65" s="8"/>
      <c r="AR65" s="140"/>
      <c r="AS65" s="140"/>
      <c r="AT65" s="140"/>
      <c r="AU65" s="146"/>
      <c r="AV65" s="140"/>
      <c r="AW65" s="140"/>
      <c r="AX65" s="140"/>
      <c r="AY65" s="140"/>
      <c r="AZ65" s="146"/>
      <c r="BA65" s="140"/>
      <c r="BB65" s="145"/>
      <c r="BC65" s="146"/>
      <c r="BD65" s="145"/>
      <c r="BE65" s="212"/>
    </row>
    <row r="66" spans="3:57" x14ac:dyDescent="0.2">
      <c r="C66" s="157" t="s">
        <v>64</v>
      </c>
      <c r="D66" s="158" t="s">
        <v>58</v>
      </c>
      <c r="E66" s="146">
        <v>9.1828270554880511</v>
      </c>
      <c r="F66" s="140">
        <v>7.8670343430623326</v>
      </c>
      <c r="G66" s="146">
        <v>6.7752271505857902</v>
      </c>
      <c r="H66" s="146">
        <v>6.5356095575838618</v>
      </c>
      <c r="I66" s="146">
        <v>6.4845052284858227</v>
      </c>
      <c r="J66" s="140">
        <v>6.2412247296661958</v>
      </c>
      <c r="K66" s="146">
        <v>6.4456924045321022</v>
      </c>
      <c r="L66" s="146">
        <v>8.1449410340234891</v>
      </c>
      <c r="M66" s="146">
        <v>8.8038239041509261</v>
      </c>
      <c r="N66" s="146">
        <v>8.6217939335155638</v>
      </c>
      <c r="O66" s="146">
        <v>8.3334602455680962</v>
      </c>
      <c r="P66" s="146">
        <v>7.7812451628704382</v>
      </c>
      <c r="Q66" s="146">
        <v>8.2094355277154012</v>
      </c>
      <c r="R66" s="146">
        <v>9.0426333037806348</v>
      </c>
      <c r="S66" s="146">
        <v>8.5172491278034901</v>
      </c>
      <c r="T66" s="140">
        <v>8.2934766550522649</v>
      </c>
      <c r="U66" s="140">
        <v>8.2434222432304676</v>
      </c>
      <c r="V66" s="140">
        <v>9.0996023793906762</v>
      </c>
      <c r="W66" s="140">
        <v>8.0359922573322251</v>
      </c>
      <c r="X66" s="146">
        <v>8.3407167723603237</v>
      </c>
      <c r="Y66" s="146">
        <v>7.785427977519439</v>
      </c>
      <c r="Z66" s="140">
        <v>6.1588957885518667</v>
      </c>
      <c r="AA66" s="111">
        <v>6.63</v>
      </c>
      <c r="AB66" s="140">
        <v>7.6330032500507832</v>
      </c>
      <c r="AC66" s="146">
        <v>8.0117117434711496</v>
      </c>
      <c r="AD66" s="146"/>
      <c r="AE66" s="146"/>
      <c r="AF66" s="146"/>
      <c r="AG66" s="184"/>
      <c r="AH66" s="146"/>
      <c r="AI66" s="140"/>
      <c r="AJ66" s="145"/>
      <c r="AK66" s="140"/>
      <c r="AL66" s="140"/>
      <c r="AM66" s="140"/>
      <c r="AN66" s="140"/>
      <c r="AO66" s="140"/>
      <c r="AP66" s="140"/>
      <c r="AQ66" s="8"/>
      <c r="AR66" s="140"/>
      <c r="AS66" s="140"/>
      <c r="AT66" s="140"/>
      <c r="AU66" s="146"/>
      <c r="AV66" s="140"/>
      <c r="AW66" s="140"/>
      <c r="AX66" s="140"/>
      <c r="AY66" s="184"/>
      <c r="AZ66" s="146"/>
      <c r="BA66" s="140"/>
      <c r="BB66" s="145"/>
      <c r="BC66" s="146"/>
      <c r="BD66" s="145"/>
      <c r="BE66" s="213"/>
    </row>
    <row r="67" spans="3:57" x14ac:dyDescent="0.2">
      <c r="C67" s="157" t="s">
        <v>65</v>
      </c>
      <c r="D67" s="158" t="s">
        <v>58</v>
      </c>
      <c r="E67" s="146">
        <v>5.4025943733885731</v>
      </c>
      <c r="F67" s="140">
        <v>5.0687893194056794</v>
      </c>
      <c r="G67" s="146">
        <v>5.1790386759882976</v>
      </c>
      <c r="H67" s="146">
        <v>3.4677861913599237</v>
      </c>
      <c r="I67" s="146">
        <v>3.4801532254216352</v>
      </c>
      <c r="J67" s="140">
        <v>3.134055080638054</v>
      </c>
      <c r="K67" s="146">
        <v>3.4181933625968068</v>
      </c>
      <c r="L67" s="146">
        <v>2.9953127850431729</v>
      </c>
      <c r="M67" s="146">
        <v>4.5595610592698019</v>
      </c>
      <c r="N67" s="146">
        <v>3.2510215236537094</v>
      </c>
      <c r="O67" s="146">
        <v>3.0370145082623248</v>
      </c>
      <c r="P67" s="146">
        <v>2.4675739794101372</v>
      </c>
      <c r="Q67" s="146">
        <v>2.6412962099924608</v>
      </c>
      <c r="R67" s="146">
        <v>2.6274875421824606</v>
      </c>
      <c r="S67" s="146">
        <v>2.8195724769018233</v>
      </c>
      <c r="T67" s="140">
        <v>2.9730577922356782</v>
      </c>
      <c r="U67" s="140">
        <v>2.7333489583015029</v>
      </c>
      <c r="V67" s="140">
        <v>2.5770747323175129</v>
      </c>
      <c r="W67" s="140">
        <v>2.5265650352415201</v>
      </c>
      <c r="X67" s="146">
        <v>2.6759655389787773</v>
      </c>
      <c r="Y67" s="146">
        <v>2.5138099770005549</v>
      </c>
      <c r="Z67" s="140">
        <v>2.5636955251626605</v>
      </c>
      <c r="AA67" s="111">
        <v>2.29</v>
      </c>
      <c r="AB67" s="140">
        <v>2.5345480515941503</v>
      </c>
      <c r="AC67" s="146">
        <v>2.5103642835171596</v>
      </c>
      <c r="AD67" s="146"/>
      <c r="AE67" s="146"/>
      <c r="AF67" s="146"/>
      <c r="AG67" s="140"/>
      <c r="AH67" s="146"/>
      <c r="AI67" s="140"/>
      <c r="AJ67" s="145"/>
      <c r="AK67" s="140"/>
      <c r="AL67" s="140"/>
      <c r="AM67" s="140"/>
      <c r="AN67" s="140"/>
      <c r="AO67" s="140"/>
      <c r="AP67" s="140"/>
      <c r="AQ67" s="8"/>
      <c r="AR67" s="140"/>
      <c r="AS67" s="140"/>
      <c r="AT67" s="140"/>
      <c r="AU67" s="146"/>
      <c r="AV67" s="140"/>
      <c r="AW67" s="140"/>
      <c r="AX67" s="140"/>
      <c r="AY67" s="140"/>
      <c r="AZ67" s="146"/>
      <c r="BA67" s="140"/>
      <c r="BB67" s="145"/>
      <c r="BC67" s="146"/>
      <c r="BD67" s="145"/>
      <c r="BE67" s="212"/>
    </row>
    <row r="68" spans="3:57" x14ac:dyDescent="0.2">
      <c r="C68" s="157" t="s">
        <v>66</v>
      </c>
      <c r="D68" s="158" t="s">
        <v>58</v>
      </c>
      <c r="E68" s="146">
        <v>5.8853347386172006</v>
      </c>
      <c r="F68" s="140">
        <v>5.1323799115408359</v>
      </c>
      <c r="G68" s="146">
        <v>4.967797103271681</v>
      </c>
      <c r="H68" s="146">
        <v>4.7686392900120342</v>
      </c>
      <c r="I68" s="146">
        <v>5.9277218189897791</v>
      </c>
      <c r="J68" s="140">
        <v>4.7001721553159594</v>
      </c>
      <c r="K68" s="146">
        <v>6.3392079646297566</v>
      </c>
      <c r="L68" s="146">
        <v>4.7231493721496838</v>
      </c>
      <c r="M68" s="146">
        <v>6.3848916382069296</v>
      </c>
      <c r="N68" s="146">
        <v>5.3114931839006658</v>
      </c>
      <c r="O68" s="146">
        <v>4.9055119825708058</v>
      </c>
      <c r="P68" s="146">
        <v>4.38258721165053</v>
      </c>
      <c r="Q68" s="146">
        <v>7.7168376031451151</v>
      </c>
      <c r="R68" s="146">
        <v>4.5527870747405759</v>
      </c>
      <c r="S68" s="146">
        <v>4.9739651514107379</v>
      </c>
      <c r="T68" s="140">
        <v>3.4301269062851065</v>
      </c>
      <c r="U68" s="140">
        <v>3.5660099468189874</v>
      </c>
      <c r="V68" s="140">
        <v>3.0301992840315095</v>
      </c>
      <c r="W68" s="140">
        <v>3.5802911945790372</v>
      </c>
      <c r="X68" s="146">
        <v>3.3241747795294478</v>
      </c>
      <c r="Y68" s="146">
        <v>3.4878451885331296</v>
      </c>
      <c r="Z68" s="140">
        <v>3.108770280954126</v>
      </c>
      <c r="AA68" s="111">
        <v>2.92</v>
      </c>
      <c r="AB68" s="140">
        <v>3.1935727951492794</v>
      </c>
      <c r="AC68" s="146">
        <v>3.5650041623309057</v>
      </c>
      <c r="AD68" s="146"/>
      <c r="AE68" s="146"/>
      <c r="AF68" s="146"/>
      <c r="AG68" s="140"/>
      <c r="AH68" s="146"/>
      <c r="AI68" s="140"/>
      <c r="AJ68" s="145"/>
      <c r="AK68" s="140"/>
      <c r="AL68" s="140"/>
      <c r="AM68" s="140"/>
      <c r="AN68" s="140"/>
      <c r="AO68" s="140"/>
      <c r="AP68" s="140"/>
      <c r="AQ68" s="8"/>
      <c r="AR68" s="140"/>
      <c r="AS68" s="140"/>
      <c r="AT68" s="140"/>
      <c r="AU68" s="146"/>
      <c r="AV68" s="140"/>
      <c r="AW68" s="140"/>
      <c r="AX68" s="140"/>
      <c r="AY68" s="140"/>
      <c r="AZ68" s="146"/>
      <c r="BA68" s="140"/>
      <c r="BB68" s="145"/>
      <c r="BC68" s="146"/>
      <c r="BD68" s="145"/>
      <c r="BE68" s="212"/>
    </row>
    <row r="69" spans="3:57" x14ac:dyDescent="0.2">
      <c r="C69" s="157" t="s">
        <v>116</v>
      </c>
      <c r="D69" s="158" t="s">
        <v>58</v>
      </c>
      <c r="E69" s="146">
        <v>6.0422810366374051</v>
      </c>
      <c r="F69" s="140">
        <v>13.50246308739024</v>
      </c>
      <c r="G69" s="146">
        <v>11.4422773047121</v>
      </c>
      <c r="H69" s="146">
        <v>9.6951183543825152</v>
      </c>
      <c r="I69" s="146">
        <v>8.8183035736835471</v>
      </c>
      <c r="J69" s="140">
        <v>9.2615792214091073</v>
      </c>
      <c r="K69" s="146">
        <v>9.5134917770479177</v>
      </c>
      <c r="L69" s="146">
        <v>9.7454553972227274</v>
      </c>
      <c r="M69" s="146">
        <v>9.467228097459822</v>
      </c>
      <c r="N69" s="146">
        <v>10.210455535271873</v>
      </c>
      <c r="O69" s="146">
        <v>9.3813410363567264</v>
      </c>
      <c r="P69" s="146">
        <v>8.15729788108235</v>
      </c>
      <c r="Q69" s="146">
        <v>7.3243488289818153</v>
      </c>
      <c r="R69" s="146">
        <v>8.1805064789184421</v>
      </c>
      <c r="S69" s="146">
        <v>8.9520466456599621</v>
      </c>
      <c r="T69" s="140">
        <v>9.5003418615283017</v>
      </c>
      <c r="U69" s="140">
        <v>9.5090978465679665</v>
      </c>
      <c r="V69" s="140">
        <v>8.1676962718789152</v>
      </c>
      <c r="W69" s="140">
        <v>8.1948077081834576</v>
      </c>
      <c r="X69" s="146">
        <v>8.2505224966942432</v>
      </c>
      <c r="Y69" s="146">
        <v>7.4930121859881371</v>
      </c>
      <c r="Z69" s="140">
        <v>7.6819612821666556</v>
      </c>
      <c r="AA69" s="111">
        <v>7.84</v>
      </c>
      <c r="AB69" s="140">
        <v>8.0622516858573867</v>
      </c>
      <c r="AC69" s="146">
        <v>7.8838570585266128</v>
      </c>
      <c r="AD69" s="146"/>
      <c r="AE69" s="146"/>
      <c r="AF69" s="146"/>
      <c r="AG69" s="140"/>
      <c r="AH69" s="146"/>
      <c r="AI69" s="140"/>
      <c r="AJ69" s="145"/>
      <c r="AK69" s="140"/>
      <c r="AL69" s="140"/>
      <c r="AM69" s="140"/>
      <c r="AN69" s="140"/>
      <c r="AO69" s="140"/>
      <c r="AP69" s="140"/>
      <c r="AQ69" s="8"/>
      <c r="AR69" s="140"/>
      <c r="AS69" s="140"/>
      <c r="AT69" s="140"/>
      <c r="AU69" s="146"/>
      <c r="AV69" s="140"/>
      <c r="AW69" s="140"/>
      <c r="AX69" s="140"/>
      <c r="AY69" s="140"/>
      <c r="AZ69" s="146"/>
      <c r="BA69" s="140"/>
      <c r="BB69" s="145"/>
      <c r="BC69" s="146"/>
      <c r="BD69" s="145"/>
      <c r="BE69" s="212"/>
    </row>
    <row r="70" spans="3:57" x14ac:dyDescent="0.2">
      <c r="C70" s="157" t="s">
        <v>68</v>
      </c>
      <c r="D70" s="158" t="s">
        <v>58</v>
      </c>
      <c r="E70" s="146">
        <v>4.7466848276902196</v>
      </c>
      <c r="F70" s="140">
        <v>4.3150680641774271</v>
      </c>
      <c r="G70" s="146">
        <v>4.4195456826301633</v>
      </c>
      <c r="H70" s="146">
        <v>4.4112831868830833</v>
      </c>
      <c r="I70" s="146">
        <v>4.3129569946733941</v>
      </c>
      <c r="J70" s="140">
        <v>4.2566209483395534</v>
      </c>
      <c r="K70" s="146">
        <v>4.5344805785211344</v>
      </c>
      <c r="L70" s="146">
        <v>4.4982278936455664</v>
      </c>
      <c r="M70" s="146">
        <v>4.9215280965718966</v>
      </c>
      <c r="N70" s="146">
        <v>4.6216037593548762</v>
      </c>
      <c r="O70" s="146">
        <v>3.9735133136544842</v>
      </c>
      <c r="P70" s="146">
        <v>3.871485274127775</v>
      </c>
      <c r="Q70" s="146">
        <v>3.9866526419997523</v>
      </c>
      <c r="R70" s="146">
        <v>3.389875695350594</v>
      </c>
      <c r="S70" s="146">
        <v>3.4323166202414113</v>
      </c>
      <c r="T70" s="140">
        <v>3.5618690541367428</v>
      </c>
      <c r="U70" s="140">
        <v>3.6588294773884393</v>
      </c>
      <c r="V70" s="140">
        <v>3.7041408286608899</v>
      </c>
      <c r="W70" s="140">
        <v>3.8426600956519623</v>
      </c>
      <c r="X70" s="146">
        <v>3.3946569121040491</v>
      </c>
      <c r="Y70" s="146">
        <v>3.9832111080752126</v>
      </c>
      <c r="Z70" s="140">
        <v>3.7993671537561058</v>
      </c>
      <c r="AA70" s="111">
        <v>3.91</v>
      </c>
      <c r="AB70" s="140">
        <v>4.0515372480877669</v>
      </c>
      <c r="AC70" s="146">
        <v>3.217535502157014</v>
      </c>
      <c r="AD70" s="146"/>
      <c r="AE70" s="146"/>
      <c r="AF70" s="146"/>
      <c r="AG70" s="140"/>
      <c r="AH70" s="146"/>
      <c r="AI70" s="140"/>
      <c r="AJ70" s="145"/>
      <c r="AK70" s="140"/>
      <c r="AL70" s="140"/>
      <c r="AM70" s="140"/>
      <c r="AN70" s="140"/>
      <c r="AO70" s="140"/>
      <c r="AP70" s="140"/>
      <c r="AQ70" s="8"/>
      <c r="AR70" s="140"/>
      <c r="AS70" s="140"/>
      <c r="AT70" s="140"/>
      <c r="AU70" s="146"/>
      <c r="AV70" s="140"/>
      <c r="AW70" s="140"/>
      <c r="AX70" s="140"/>
      <c r="AY70" s="140"/>
      <c r="AZ70" s="146"/>
      <c r="BA70" s="140"/>
      <c r="BB70" s="145"/>
      <c r="BC70" s="146"/>
      <c r="BD70" s="145"/>
      <c r="BE70" s="212"/>
    </row>
    <row r="71" spans="3:57" x14ac:dyDescent="0.2">
      <c r="C71" s="157" t="s">
        <v>69</v>
      </c>
      <c r="D71" s="158" t="s">
        <v>58</v>
      </c>
      <c r="E71" s="146">
        <v>3.8922682992348419</v>
      </c>
      <c r="F71" s="140">
        <v>3.366721842601319</v>
      </c>
      <c r="G71" s="146">
        <v>3.7457020109919923</v>
      </c>
      <c r="H71" s="146">
        <v>3.8544580479735324</v>
      </c>
      <c r="I71" s="146">
        <v>3.8927050539233283</v>
      </c>
      <c r="J71" s="140">
        <v>3.7449995158913909</v>
      </c>
      <c r="K71" s="146">
        <v>3.1306242871052996</v>
      </c>
      <c r="L71" s="146">
        <v>3.4483623535125503</v>
      </c>
      <c r="M71" s="146">
        <v>3.5307102599458657</v>
      </c>
      <c r="N71" s="146">
        <v>3.3379092231820136</v>
      </c>
      <c r="O71" s="146">
        <v>2.7008226085647626</v>
      </c>
      <c r="P71" s="146">
        <v>2.1680312518637801</v>
      </c>
      <c r="Q71" s="146">
        <v>2.746194501492063</v>
      </c>
      <c r="R71" s="146">
        <v>4.1736881891875788</v>
      </c>
      <c r="S71" s="146">
        <v>3.5967443854995582</v>
      </c>
      <c r="T71" s="140">
        <v>2.5131601809954747</v>
      </c>
      <c r="U71" s="140">
        <v>2.2943477784616673</v>
      </c>
      <c r="V71" s="140">
        <v>2.117155561787063</v>
      </c>
      <c r="W71" s="140">
        <v>2.2441546289489764</v>
      </c>
      <c r="X71" s="146">
        <v>2.0552006891865657</v>
      </c>
      <c r="Y71" s="146">
        <v>2.0406309433095688</v>
      </c>
      <c r="Z71" s="140">
        <v>2.0363899385923476</v>
      </c>
      <c r="AA71" s="111">
        <v>2.29</v>
      </c>
      <c r="AB71" s="140">
        <v>2.537162093472455</v>
      </c>
      <c r="AC71" s="146">
        <v>2.4365024956774217</v>
      </c>
      <c r="AD71" s="146"/>
      <c r="AE71" s="146"/>
      <c r="AF71" s="146"/>
      <c r="AG71" s="140"/>
      <c r="AH71" s="146"/>
      <c r="AI71" s="140"/>
      <c r="AJ71" s="145"/>
      <c r="AK71" s="184"/>
      <c r="AL71" s="140"/>
      <c r="AM71" s="140"/>
      <c r="AN71" s="140"/>
      <c r="AO71" s="140"/>
      <c r="AP71" s="140"/>
      <c r="AQ71" s="8"/>
      <c r="AR71" s="140"/>
      <c r="AS71" s="140"/>
      <c r="AT71" s="140"/>
      <c r="AU71" s="146"/>
      <c r="AV71" s="140"/>
      <c r="AW71" s="140"/>
      <c r="AX71" s="140"/>
      <c r="AY71" s="140"/>
      <c r="AZ71" s="146"/>
      <c r="BA71" s="140"/>
      <c r="BB71" s="145"/>
      <c r="BC71" s="146"/>
      <c r="BD71" s="145"/>
      <c r="BE71" s="212"/>
    </row>
    <row r="72" spans="3:57" x14ac:dyDescent="0.2">
      <c r="C72" s="157" t="s">
        <v>70</v>
      </c>
      <c r="D72" s="158" t="s">
        <v>58</v>
      </c>
      <c r="E72" s="146">
        <v>4.0723789588642161</v>
      </c>
      <c r="F72" s="140">
        <v>4.0704613342183871</v>
      </c>
      <c r="G72" s="146">
        <v>4.1736678601516424</v>
      </c>
      <c r="H72" s="146">
        <v>4.3409025875812448</v>
      </c>
      <c r="I72" s="146">
        <v>4.1919350360910599</v>
      </c>
      <c r="J72" s="140">
        <v>4.1876235294117645</v>
      </c>
      <c r="K72" s="146">
        <v>4.6413218128193412</v>
      </c>
      <c r="L72" s="146">
        <v>4.6999209486166009</v>
      </c>
      <c r="M72" s="146">
        <v>4.4597047062442323</v>
      </c>
      <c r="N72" s="146">
        <v>4.7060749432248299</v>
      </c>
      <c r="O72" s="146">
        <v>3.2749865683128347</v>
      </c>
      <c r="P72" s="146">
        <v>2.1467492076304886</v>
      </c>
      <c r="Q72" s="146">
        <v>2.4496864729721555</v>
      </c>
      <c r="R72" s="146">
        <v>2.7092157732437796</v>
      </c>
      <c r="S72" s="146">
        <v>2.9360481558945062</v>
      </c>
      <c r="T72" s="140">
        <v>2.8377480255099883</v>
      </c>
      <c r="U72" s="140">
        <v>3.6497278131191995</v>
      </c>
      <c r="V72" s="140">
        <v>4.2761523039224087</v>
      </c>
      <c r="W72" s="140">
        <v>5.0061488348784762</v>
      </c>
      <c r="X72" s="146">
        <v>5.2323315793374343</v>
      </c>
      <c r="Y72" s="146">
        <v>4.3700073679298574</v>
      </c>
      <c r="Z72" s="140">
        <v>5.072819033886085</v>
      </c>
      <c r="AA72" s="111">
        <v>5.0599999999999996</v>
      </c>
      <c r="AB72" s="140">
        <v>5.0067118528465162</v>
      </c>
      <c r="AC72" s="146">
        <v>5.1753472442443078</v>
      </c>
      <c r="AD72" s="146"/>
      <c r="AE72" s="146"/>
      <c r="AF72" s="146"/>
      <c r="AG72" s="140"/>
      <c r="AH72" s="146"/>
      <c r="AI72" s="140"/>
      <c r="AJ72" s="145"/>
      <c r="AK72" s="140"/>
      <c r="AL72" s="140"/>
      <c r="AM72" s="140"/>
      <c r="AN72" s="140"/>
      <c r="AO72" s="140"/>
      <c r="AP72" s="140"/>
      <c r="AQ72" s="8"/>
      <c r="AR72" s="140"/>
      <c r="AS72" s="140"/>
      <c r="AT72" s="140"/>
      <c r="AU72" s="146"/>
      <c r="AV72" s="140"/>
      <c r="AW72" s="140"/>
      <c r="AX72" s="140"/>
      <c r="AY72" s="140"/>
      <c r="AZ72" s="146"/>
      <c r="BA72" s="140"/>
      <c r="BB72" s="145"/>
      <c r="BC72" s="146"/>
      <c r="BD72" s="145"/>
      <c r="BE72" s="212"/>
    </row>
    <row r="73" spans="3:57" x14ac:dyDescent="0.2">
      <c r="C73" s="157" t="s">
        <v>101</v>
      </c>
      <c r="D73" s="158" t="s">
        <v>58</v>
      </c>
      <c r="E73" s="146">
        <v>8.5271982784386395</v>
      </c>
      <c r="F73" s="140">
        <v>8.2832207714242845</v>
      </c>
      <c r="G73" s="146">
        <v>7.698393375327341</v>
      </c>
      <c r="H73" s="146">
        <v>6.065339887303681</v>
      </c>
      <c r="I73" s="146">
        <v>6.0401976935749593</v>
      </c>
      <c r="J73" s="140">
        <v>6.3841611144760755</v>
      </c>
      <c r="K73" s="146">
        <v>8.945272473218445</v>
      </c>
      <c r="L73" s="146">
        <v>6.8610894281350747</v>
      </c>
      <c r="M73" s="146">
        <v>7.1258741258741258</v>
      </c>
      <c r="N73" s="146">
        <v>8.4788913096102654</v>
      </c>
      <c r="O73" s="146">
        <v>7.2955814663329468</v>
      </c>
      <c r="P73" s="146">
        <v>6.3477361477572556</v>
      </c>
      <c r="Q73" s="146">
        <v>7.1861667308432802</v>
      </c>
      <c r="R73" s="146">
        <v>7.2877124746138229</v>
      </c>
      <c r="S73" s="146">
        <v>8.0483017406210848</v>
      </c>
      <c r="T73" s="140">
        <v>7.9769011193117949</v>
      </c>
      <c r="U73" s="140">
        <v>7.7809700912798592</v>
      </c>
      <c r="V73" s="140">
        <v>6.7599894225983075</v>
      </c>
      <c r="W73" s="140">
        <v>7.6945165313225052</v>
      </c>
      <c r="X73" s="146">
        <v>8.1137472924187719</v>
      </c>
      <c r="Y73" s="146">
        <v>8.1095125653567202</v>
      </c>
      <c r="Z73" s="140">
        <v>8.9838730300327079</v>
      </c>
      <c r="AA73" s="111">
        <v>11.74</v>
      </c>
      <c r="AB73" s="140">
        <v>9.3335684535805452</v>
      </c>
      <c r="AC73" s="146">
        <v>8.7540372851235428</v>
      </c>
      <c r="AD73" s="146"/>
      <c r="AE73" s="146"/>
      <c r="AF73" s="146"/>
      <c r="AG73" s="140"/>
      <c r="AH73" s="146"/>
      <c r="AI73" s="140"/>
      <c r="AJ73" s="145"/>
      <c r="AK73" s="140"/>
      <c r="AL73" s="140"/>
      <c r="AM73" s="140"/>
      <c r="AN73" s="140"/>
      <c r="AO73" s="140"/>
      <c r="AP73" s="140"/>
      <c r="AQ73" s="8"/>
      <c r="AR73" s="140"/>
      <c r="AS73" s="140"/>
      <c r="AT73" s="140"/>
      <c r="AU73" s="146"/>
      <c r="AV73" s="140"/>
      <c r="AW73" s="140"/>
      <c r="AX73" s="140"/>
      <c r="AY73" s="140"/>
      <c r="AZ73" s="146"/>
      <c r="BA73" s="140"/>
      <c r="BB73" s="145"/>
      <c r="BC73" s="146"/>
      <c r="BD73" s="145"/>
      <c r="BE73" s="212"/>
    </row>
    <row r="74" spans="3:57" x14ac:dyDescent="0.2">
      <c r="C74" s="157" t="s">
        <v>71</v>
      </c>
      <c r="D74" s="158" t="s">
        <v>58</v>
      </c>
      <c r="E74" s="146">
        <v>5.066807031615534</v>
      </c>
      <c r="F74" s="140">
        <v>5.0835825712748788</v>
      </c>
      <c r="G74" s="146">
        <v>5.170519537538417</v>
      </c>
      <c r="H74" s="146">
        <v>5.1596680552366587</v>
      </c>
      <c r="I74" s="146">
        <v>5.149088111888112</v>
      </c>
      <c r="J74" s="140">
        <v>5.1408301000054646</v>
      </c>
      <c r="K74" s="146">
        <v>5.1575555794221888</v>
      </c>
      <c r="L74" s="146">
        <v>5.1576066790352506</v>
      </c>
      <c r="M74" s="146">
        <v>5.144725775109487</v>
      </c>
      <c r="N74" s="146">
        <v>5.1334676431352264</v>
      </c>
      <c r="O74" s="146">
        <v>5.1464581763376032</v>
      </c>
      <c r="P74" s="146">
        <v>5.1666952244962712</v>
      </c>
      <c r="Q74" s="146">
        <v>5.1560704104258122</v>
      </c>
      <c r="R74" s="146">
        <v>5.1246656275140792</v>
      </c>
      <c r="S74" s="146">
        <v>5.1910838863365667</v>
      </c>
      <c r="T74" s="140">
        <v>5.1756095011628211</v>
      </c>
      <c r="U74" s="140">
        <v>5.1255143800626568</v>
      </c>
      <c r="V74" s="140">
        <v>4.8834413396236194</v>
      </c>
      <c r="W74" s="140">
        <v>5.2248997402073298</v>
      </c>
      <c r="X74" s="146">
        <v>5.2219846977309299</v>
      </c>
      <c r="Y74" s="146">
        <v>5.213680674120174</v>
      </c>
      <c r="Z74" s="140">
        <v>5.2691959798994974</v>
      </c>
      <c r="AA74" s="111">
        <v>5.21</v>
      </c>
      <c r="AB74" s="140">
        <v>5.1930120284755752</v>
      </c>
      <c r="AC74" s="146">
        <v>5.1850824391520547</v>
      </c>
      <c r="AD74" s="146"/>
      <c r="AE74" s="146"/>
      <c r="AF74" s="146"/>
      <c r="AG74" s="140"/>
      <c r="AH74" s="146"/>
      <c r="AI74" s="140"/>
      <c r="AJ74" s="145"/>
      <c r="AK74" s="140"/>
      <c r="AL74" s="140"/>
      <c r="AM74" s="140"/>
      <c r="AN74" s="140"/>
      <c r="AO74" s="140"/>
      <c r="AP74" s="140"/>
      <c r="AQ74" s="8"/>
      <c r="AR74" s="140"/>
      <c r="AS74" s="140"/>
      <c r="AT74" s="140"/>
      <c r="AU74" s="146"/>
      <c r="AV74" s="140"/>
      <c r="AW74" s="140"/>
      <c r="AX74" s="140"/>
      <c r="AY74" s="140"/>
      <c r="AZ74" s="146"/>
      <c r="BA74" s="140"/>
      <c r="BB74" s="145"/>
      <c r="BC74" s="146"/>
      <c r="BD74" s="145"/>
      <c r="BE74" s="212"/>
    </row>
    <row r="75" spans="3:57" x14ac:dyDescent="0.2">
      <c r="C75" s="157" t="s">
        <v>102</v>
      </c>
      <c r="D75" s="158" t="s">
        <v>58</v>
      </c>
      <c r="E75" s="146">
        <v>5.4685969455545873</v>
      </c>
      <c r="F75" s="140">
        <v>5.8609006764499316</v>
      </c>
      <c r="G75" s="146">
        <v>5.9541147901946845</v>
      </c>
      <c r="H75" s="146">
        <v>6.1020067522219277</v>
      </c>
      <c r="I75" s="146">
        <v>6.3064993321058518</v>
      </c>
      <c r="J75" s="140">
        <v>6.1290851981472763</v>
      </c>
      <c r="K75" s="146">
        <v>6.2830666966586852</v>
      </c>
      <c r="L75" s="146">
        <v>6.2161094652469453</v>
      </c>
      <c r="M75" s="146">
        <v>6.3084349118708856</v>
      </c>
      <c r="N75" s="146">
        <v>6.4735978463090316</v>
      </c>
      <c r="O75" s="146">
        <v>6.4458186221930038</v>
      </c>
      <c r="P75" s="146">
        <v>6.4196968117280031</v>
      </c>
      <c r="Q75" s="146">
        <v>6.4461368698530768</v>
      </c>
      <c r="R75" s="146">
        <v>6.4173657306911283</v>
      </c>
      <c r="S75" s="146">
        <v>6.4265853650627918</v>
      </c>
      <c r="T75" s="140">
        <v>6.4793299341486348</v>
      </c>
      <c r="U75" s="140">
        <v>6.482124511446119</v>
      </c>
      <c r="V75" s="140">
        <v>6.3879106562964401</v>
      </c>
      <c r="W75" s="140">
        <v>6.461225353017813</v>
      </c>
      <c r="X75" s="146">
        <v>6.5522598593884167</v>
      </c>
      <c r="Y75" s="146">
        <v>6.4907239277960169</v>
      </c>
      <c r="Z75" s="140">
        <v>6.4794373540578603</v>
      </c>
      <c r="AA75" s="111">
        <v>6.49</v>
      </c>
      <c r="AB75" s="140">
        <v>6.3346782819342211</v>
      </c>
      <c r="AC75" s="146">
        <v>6.2974218476076071</v>
      </c>
      <c r="AD75" s="146"/>
      <c r="AE75" s="146"/>
      <c r="AF75" s="146"/>
      <c r="AG75" s="140"/>
      <c r="AH75" s="146"/>
      <c r="AI75" s="140"/>
      <c r="AJ75" s="145"/>
      <c r="AK75" s="140"/>
      <c r="AL75" s="140"/>
      <c r="AM75" s="140"/>
      <c r="AN75" s="140"/>
      <c r="AO75" s="140"/>
      <c r="AP75" s="140"/>
      <c r="AQ75" s="8"/>
      <c r="AR75" s="140"/>
      <c r="AS75" s="140"/>
      <c r="AT75" s="140"/>
      <c r="AU75" s="146"/>
      <c r="AV75" s="140"/>
      <c r="AW75" s="140"/>
      <c r="AX75" s="140"/>
      <c r="AY75" s="140"/>
      <c r="AZ75" s="146"/>
      <c r="BA75" s="140"/>
      <c r="BB75" s="145"/>
      <c r="BC75" s="146"/>
      <c r="BD75" s="145"/>
      <c r="BE75" s="212"/>
    </row>
    <row r="76" spans="3:57" x14ac:dyDescent="0.2">
      <c r="C76" s="157" t="s">
        <v>72</v>
      </c>
      <c r="D76" s="158" t="s">
        <v>58</v>
      </c>
      <c r="E76" s="146">
        <v>9.4452728949039315</v>
      </c>
      <c r="F76" s="140">
        <v>13.400559312434117</v>
      </c>
      <c r="G76" s="146">
        <v>12.371304911538289</v>
      </c>
      <c r="H76" s="146">
        <v>11.752448703821647</v>
      </c>
      <c r="I76" s="146">
        <v>11.653652268835488</v>
      </c>
      <c r="J76" s="140">
        <v>11.301773843788197</v>
      </c>
      <c r="K76" s="146">
        <v>11.979749447102281</v>
      </c>
      <c r="L76" s="146">
        <v>12.099970806183805</v>
      </c>
      <c r="M76" s="146">
        <v>12.285891870008756</v>
      </c>
      <c r="N76" s="146">
        <v>11.447671470837612</v>
      </c>
      <c r="O76" s="146">
        <v>10.884557586532265</v>
      </c>
      <c r="P76" s="146">
        <v>10.079572900236295</v>
      </c>
      <c r="Q76" s="146">
        <v>10.106780127651643</v>
      </c>
      <c r="R76" s="146">
        <v>13.07891024269242</v>
      </c>
      <c r="S76" s="146">
        <v>13.194059067226927</v>
      </c>
      <c r="T76" s="140">
        <v>13.230577520994549</v>
      </c>
      <c r="U76" s="140">
        <v>12.009352246619498</v>
      </c>
      <c r="V76" s="140">
        <v>12.058223312584222</v>
      </c>
      <c r="W76" s="140">
        <v>12.177103490122088</v>
      </c>
      <c r="X76" s="146">
        <v>12.441964345074261</v>
      </c>
      <c r="Y76" s="146">
        <v>12.489235702377501</v>
      </c>
      <c r="Z76" s="140">
        <v>12.089346600607852</v>
      </c>
      <c r="AA76" s="111">
        <v>10.37</v>
      </c>
      <c r="AB76" s="140">
        <v>8.8670454783213071</v>
      </c>
      <c r="AC76" s="146">
        <v>8.1824017578065433</v>
      </c>
      <c r="AD76" s="146"/>
      <c r="AE76" s="146"/>
      <c r="AF76" s="146"/>
      <c r="AG76" s="140"/>
      <c r="AH76" s="146"/>
      <c r="AI76" s="140"/>
      <c r="AJ76" s="145"/>
      <c r="AK76" s="140"/>
      <c r="AL76" s="140"/>
      <c r="AM76" s="140"/>
      <c r="AN76" s="140"/>
      <c r="AO76" s="140"/>
      <c r="AP76" s="140"/>
      <c r="AQ76" s="8"/>
      <c r="AR76" s="140"/>
      <c r="AS76" s="140"/>
      <c r="AT76" s="140"/>
      <c r="AU76" s="146"/>
      <c r="AV76" s="140"/>
      <c r="AW76" s="140"/>
      <c r="AX76" s="140"/>
      <c r="AY76" s="140"/>
      <c r="AZ76" s="146"/>
      <c r="BA76" s="140"/>
      <c r="BB76" s="145"/>
      <c r="BC76" s="146"/>
      <c r="BD76" s="145"/>
      <c r="BE76" s="212"/>
    </row>
    <row r="77" spans="3:57" x14ac:dyDescent="0.2">
      <c r="C77" s="157" t="s">
        <v>73</v>
      </c>
      <c r="D77" s="158" t="s">
        <v>58</v>
      </c>
      <c r="E77" s="146">
        <v>6.2736221933269194</v>
      </c>
      <c r="F77" s="140">
        <v>5.9531642975835348</v>
      </c>
      <c r="G77" s="146">
        <v>5.9614527575926965</v>
      </c>
      <c r="H77" s="146">
        <v>5.7671883796422412</v>
      </c>
      <c r="I77" s="146">
        <v>5.752125255167134</v>
      </c>
      <c r="J77" s="140">
        <v>6.0273601304305195</v>
      </c>
      <c r="K77" s="146">
        <v>5.8966348711554453</v>
      </c>
      <c r="L77" s="146">
        <v>5.7081985170382827</v>
      </c>
      <c r="M77" s="146">
        <v>5.6994966465889183</v>
      </c>
      <c r="N77" s="146">
        <v>5.8925725044272523</v>
      </c>
      <c r="O77" s="146">
        <v>5.8625765345473022</v>
      </c>
      <c r="P77" s="146">
        <v>5.8078333133684721</v>
      </c>
      <c r="Q77" s="146">
        <v>5.6696567206156843</v>
      </c>
      <c r="R77" s="146">
        <v>6.0314389397399708</v>
      </c>
      <c r="S77" s="146">
        <v>6.1143227683424906</v>
      </c>
      <c r="T77" s="140">
        <v>5.7517700650686079</v>
      </c>
      <c r="U77" s="140">
        <v>5.5914362072835422</v>
      </c>
      <c r="V77" s="140">
        <v>5.8123114382669501</v>
      </c>
      <c r="W77" s="140">
        <v>5.6779949499573448</v>
      </c>
      <c r="X77" s="146">
        <v>5.6687732875273156</v>
      </c>
      <c r="Y77" s="146">
        <v>5.6370285234481896</v>
      </c>
      <c r="Z77" s="140">
        <v>5.7314839424778761</v>
      </c>
      <c r="AA77" s="111">
        <v>5.75</v>
      </c>
      <c r="AB77" s="140">
        <v>5.8573946812649371</v>
      </c>
      <c r="AC77" s="146">
        <v>5.9277447654057278</v>
      </c>
      <c r="AD77" s="146"/>
      <c r="AE77" s="146"/>
      <c r="AF77" s="146"/>
      <c r="AG77" s="140"/>
      <c r="AH77" s="146"/>
      <c r="AI77" s="140"/>
      <c r="AJ77" s="145"/>
      <c r="AK77" s="140"/>
      <c r="AL77" s="140"/>
      <c r="AM77" s="140"/>
      <c r="AN77" s="140"/>
      <c r="AO77" s="140"/>
      <c r="AP77" s="140"/>
      <c r="AQ77" s="8"/>
      <c r="AR77" s="140"/>
      <c r="AS77" s="140"/>
      <c r="AT77" s="140"/>
      <c r="AU77" s="146"/>
      <c r="AV77" s="140"/>
      <c r="AW77" s="140"/>
      <c r="AX77" s="140"/>
      <c r="AY77" s="140"/>
      <c r="AZ77" s="146"/>
      <c r="BA77" s="140"/>
      <c r="BB77" s="145"/>
      <c r="BC77" s="146"/>
      <c r="BD77" s="145"/>
      <c r="BE77" s="212"/>
    </row>
    <row r="78" spans="3:57" x14ac:dyDescent="0.2">
      <c r="C78" s="157" t="s">
        <v>74</v>
      </c>
      <c r="D78" s="158" t="s">
        <v>58</v>
      </c>
      <c r="E78" s="146">
        <v>2.0825904178204353</v>
      </c>
      <c r="F78" s="140">
        <v>2.0772900669747671</v>
      </c>
      <c r="G78" s="146">
        <v>2.0482381535110403</v>
      </c>
      <c r="H78" s="146">
        <v>2.035338020301424</v>
      </c>
      <c r="I78" s="146">
        <v>2.0449378497774489</v>
      </c>
      <c r="J78" s="140">
        <v>2.0544338212115694</v>
      </c>
      <c r="K78" s="146">
        <v>2.0623719282138504</v>
      </c>
      <c r="L78" s="146">
        <v>2.0546769993632306</v>
      </c>
      <c r="M78" s="146">
        <v>2.0622328307135551</v>
      </c>
      <c r="N78" s="146">
        <v>2.0334024789867891</v>
      </c>
      <c r="O78" s="146">
        <v>2.0535639527442164</v>
      </c>
      <c r="P78" s="146">
        <v>2.0464440823781529</v>
      </c>
      <c r="Q78" s="146">
        <v>2.0202166511779498</v>
      </c>
      <c r="R78" s="146">
        <v>2.0414783544083948</v>
      </c>
      <c r="S78" s="146">
        <v>2.0381306823555492</v>
      </c>
      <c r="T78" s="140">
        <v>2.0493926341068636</v>
      </c>
      <c r="U78" s="184">
        <v>2.0335306092380736</v>
      </c>
      <c r="V78" s="140">
        <v>2.0608790034452604</v>
      </c>
      <c r="W78" s="140">
        <v>2.034236184445533</v>
      </c>
      <c r="X78" s="146">
        <v>2.0376072578097668</v>
      </c>
      <c r="Y78" s="146">
        <v>2.0350574040852814</v>
      </c>
      <c r="Z78" s="140">
        <v>2.041003425564873</v>
      </c>
      <c r="AA78" s="111">
        <v>2.0299999999999998</v>
      </c>
      <c r="AB78" s="140">
        <v>2.0371880314582325</v>
      </c>
      <c r="AC78" s="146">
        <v>2.0375862259491764</v>
      </c>
      <c r="AD78" s="146"/>
      <c r="AE78" s="146"/>
      <c r="AF78" s="146"/>
      <c r="AG78" s="140"/>
      <c r="AH78" s="146"/>
      <c r="AI78" s="140"/>
      <c r="AJ78" s="145"/>
      <c r="AK78" s="140"/>
      <c r="AL78" s="140"/>
      <c r="AM78" s="140"/>
      <c r="AN78" s="140"/>
      <c r="AO78" s="140"/>
      <c r="AP78" s="140"/>
      <c r="AQ78" s="8"/>
      <c r="AR78" s="140"/>
      <c r="AS78" s="140"/>
      <c r="AT78" s="140"/>
      <c r="AU78" s="146"/>
      <c r="AV78" s="140"/>
      <c r="AW78" s="140"/>
      <c r="AX78" s="140"/>
      <c r="AY78" s="140"/>
      <c r="AZ78" s="146"/>
      <c r="BA78" s="140"/>
      <c r="BB78" s="145"/>
      <c r="BC78" s="146"/>
      <c r="BD78" s="145"/>
      <c r="BE78" s="212"/>
    </row>
    <row r="79" spans="3:57" x14ac:dyDescent="0.2">
      <c r="C79" s="126" t="s">
        <v>78</v>
      </c>
      <c r="D79" s="158" t="s">
        <v>58</v>
      </c>
      <c r="E79" s="146">
        <v>0.4882562706339596</v>
      </c>
      <c r="F79" s="140">
        <v>0.47193976172416496</v>
      </c>
      <c r="G79" s="146">
        <v>0.48393064324726176</v>
      </c>
      <c r="H79" s="146">
        <v>0.49230513999718284</v>
      </c>
      <c r="I79" s="146">
        <v>0.50060741330922709</v>
      </c>
      <c r="J79" s="140">
        <v>0.49482051147273354</v>
      </c>
      <c r="K79" s="146">
        <v>0.50424183439448822</v>
      </c>
      <c r="L79" s="146">
        <v>0.50972438040834733</v>
      </c>
      <c r="M79" s="146">
        <v>0.51369494923456271</v>
      </c>
      <c r="N79" s="146">
        <v>0.49343283974895435</v>
      </c>
      <c r="O79" s="146">
        <v>0.51894904683461551</v>
      </c>
      <c r="P79" s="146">
        <v>0.51234367824130989</v>
      </c>
      <c r="Q79" s="198">
        <v>0.54575684805028457</v>
      </c>
      <c r="R79" s="146">
        <v>0.51210094670217576</v>
      </c>
      <c r="S79" s="198">
        <v>0.52219015333418117</v>
      </c>
      <c r="T79" s="184">
        <v>0.51888290205076737</v>
      </c>
      <c r="U79" s="140">
        <v>0.52392660922642542</v>
      </c>
      <c r="V79" s="140">
        <v>0.53963183292301198</v>
      </c>
      <c r="W79" s="140">
        <v>0.53659556468522485</v>
      </c>
      <c r="X79" s="146">
        <v>0.5707357073345225</v>
      </c>
      <c r="Y79" s="146">
        <v>0.61946335639541739</v>
      </c>
      <c r="Z79" s="140">
        <v>0.62486246029601178</v>
      </c>
      <c r="AA79" s="111">
        <v>0.64</v>
      </c>
      <c r="AB79" s="140">
        <v>0.64583817146752587</v>
      </c>
      <c r="AC79" s="146">
        <v>0.69167593310010089</v>
      </c>
      <c r="AD79" s="146"/>
      <c r="AE79" s="146"/>
      <c r="AF79" s="146"/>
      <c r="AG79" s="140"/>
      <c r="AH79" s="146"/>
      <c r="AI79" s="140"/>
      <c r="AJ79" s="145"/>
      <c r="AK79" s="140"/>
      <c r="AL79" s="140"/>
      <c r="AM79" s="140"/>
      <c r="AN79" s="140"/>
      <c r="AO79" s="140"/>
      <c r="AP79" s="140"/>
      <c r="AQ79" s="8"/>
      <c r="AR79" s="140"/>
      <c r="AS79" s="140"/>
      <c r="AT79" s="140"/>
      <c r="AU79" s="146"/>
      <c r="AV79" s="140"/>
      <c r="AW79" s="140"/>
      <c r="AX79" s="140"/>
      <c r="AY79" s="140"/>
      <c r="AZ79" s="146"/>
      <c r="BA79" s="140"/>
      <c r="BB79" s="145"/>
      <c r="BC79" s="146"/>
      <c r="BD79" s="145"/>
      <c r="BE79" s="212"/>
    </row>
    <row r="80" spans="3:57" x14ac:dyDescent="0.2">
      <c r="C80" s="126" t="s">
        <v>79</v>
      </c>
      <c r="D80" s="158" t="s">
        <v>58</v>
      </c>
      <c r="E80" s="146">
        <v>0.89363722542726365</v>
      </c>
      <c r="F80" s="140">
        <v>0.8314040030802109</v>
      </c>
      <c r="G80" s="146">
        <v>0.93646241660670082</v>
      </c>
      <c r="H80" s="146">
        <v>0.68419982493141185</v>
      </c>
      <c r="I80" s="146">
        <v>0.74015495438201695</v>
      </c>
      <c r="J80" s="140">
        <v>0.78350630721035408</v>
      </c>
      <c r="K80" s="146">
        <v>0.73920432749773446</v>
      </c>
      <c r="L80" s="146">
        <v>0.78682148499210114</v>
      </c>
      <c r="M80" s="146">
        <v>0.76601343566309299</v>
      </c>
      <c r="N80" s="146">
        <v>0.82284063757644899</v>
      </c>
      <c r="O80" s="146">
        <v>0.83306894451275226</v>
      </c>
      <c r="P80" s="146">
        <v>0.83083415227818525</v>
      </c>
      <c r="Q80" s="146">
        <v>0.84880505835867359</v>
      </c>
      <c r="R80" s="146">
        <v>0.89763805867836588</v>
      </c>
      <c r="S80" s="146">
        <v>0.90412279103661863</v>
      </c>
      <c r="T80" s="140">
        <v>0.9010630856715699</v>
      </c>
      <c r="U80" s="140">
        <v>0.84085310158293791</v>
      </c>
      <c r="V80" s="140">
        <v>0.84419334864855167</v>
      </c>
      <c r="W80" s="140">
        <v>0.90918218673984896</v>
      </c>
      <c r="X80" s="146">
        <v>1.0285709260708602</v>
      </c>
      <c r="Y80" s="146">
        <v>0.92423735388624173</v>
      </c>
      <c r="Z80" s="140">
        <v>0.97550249115237864</v>
      </c>
      <c r="AA80" s="111">
        <v>0.93</v>
      </c>
      <c r="AB80" s="140">
        <v>0.96135358136103066</v>
      </c>
      <c r="AC80" s="153">
        <v>0.96065530607135774</v>
      </c>
      <c r="AD80" s="146"/>
      <c r="AE80" s="146"/>
      <c r="AF80" s="146"/>
      <c r="AG80" s="140"/>
      <c r="AH80" s="146"/>
      <c r="AI80" s="140"/>
      <c r="AJ80" s="145"/>
      <c r="AK80" s="140"/>
      <c r="AL80" s="140"/>
      <c r="AM80" s="140"/>
      <c r="AN80" s="140"/>
      <c r="AO80" s="140"/>
      <c r="AP80" s="140"/>
      <c r="AQ80" s="8"/>
      <c r="AR80" s="140"/>
      <c r="AS80" s="140"/>
      <c r="AT80" s="140"/>
      <c r="AU80" s="146"/>
      <c r="AV80" s="140"/>
      <c r="AW80" s="140"/>
      <c r="AX80" s="140"/>
      <c r="AY80" s="140"/>
      <c r="AZ80" s="146"/>
      <c r="BA80" s="140"/>
      <c r="BB80" s="145"/>
      <c r="BC80" s="146"/>
      <c r="BD80" s="145"/>
      <c r="BE80" s="212"/>
    </row>
    <row r="81" spans="3:57" x14ac:dyDescent="0.2">
      <c r="C81" s="126" t="s">
        <v>80</v>
      </c>
      <c r="D81" s="158" t="s">
        <v>58</v>
      </c>
      <c r="E81" s="146">
        <v>1.8965114336705078</v>
      </c>
      <c r="F81" s="140">
        <v>2.2446825604944198</v>
      </c>
      <c r="G81" s="146">
        <v>2.3668351538781116</v>
      </c>
      <c r="H81" s="146">
        <v>1.630475193796701</v>
      </c>
      <c r="I81" s="146">
        <v>1.03608704388837</v>
      </c>
      <c r="J81" s="140">
        <v>1.010013649561091</v>
      </c>
      <c r="K81" s="146">
        <v>0.73339969341076472</v>
      </c>
      <c r="L81" s="146">
        <v>0.68620164263566197</v>
      </c>
      <c r="M81" s="146">
        <v>0.64615395172251755</v>
      </c>
      <c r="N81" s="146">
        <v>0.92948532541388318</v>
      </c>
      <c r="O81" s="146">
        <v>0.91638202501984189</v>
      </c>
      <c r="P81" s="146">
        <v>0.71125354366575366</v>
      </c>
      <c r="Q81" s="146">
        <v>0.7215055204537123</v>
      </c>
      <c r="R81" s="146">
        <v>1.0353387166105958</v>
      </c>
      <c r="S81" s="146">
        <v>1.1026241822200831</v>
      </c>
      <c r="T81" s="140">
        <v>0.9299996816421604</v>
      </c>
      <c r="U81" s="140">
        <v>0.99367532835875727</v>
      </c>
      <c r="V81" s="140">
        <v>1.19166353195882</v>
      </c>
      <c r="W81" s="140">
        <v>1.1914954868479519</v>
      </c>
      <c r="X81" s="146">
        <v>1.0248618044623359</v>
      </c>
      <c r="Y81" s="146">
        <v>0.97017016836326497</v>
      </c>
      <c r="Z81" s="140">
        <v>0.94218497189659289</v>
      </c>
      <c r="AA81" s="111">
        <v>0.81</v>
      </c>
      <c r="AB81" s="140">
        <v>0.96151129256867973</v>
      </c>
      <c r="AC81" s="146">
        <v>0.97634523803394824</v>
      </c>
      <c r="AD81" s="146"/>
      <c r="AE81" s="146"/>
      <c r="AF81" s="146"/>
      <c r="AG81" s="140"/>
      <c r="AH81" s="146"/>
      <c r="AI81" s="140"/>
      <c r="AJ81" s="145"/>
      <c r="AK81" s="140"/>
      <c r="AL81" s="140"/>
      <c r="AM81" s="140"/>
      <c r="AN81" s="140"/>
      <c r="AO81" s="140"/>
      <c r="AP81" s="140"/>
      <c r="AQ81" s="8"/>
      <c r="AR81" s="140"/>
      <c r="AS81" s="184"/>
      <c r="AT81" s="140"/>
      <c r="AU81" s="146"/>
      <c r="AV81" s="140"/>
      <c r="AW81" s="140"/>
      <c r="AX81" s="140"/>
      <c r="AY81" s="140"/>
      <c r="AZ81" s="146"/>
      <c r="BA81" s="140"/>
      <c r="BB81" s="145"/>
      <c r="BC81" s="146"/>
      <c r="BD81" s="145"/>
      <c r="BE81" s="212"/>
    </row>
    <row r="82" spans="3:57" x14ac:dyDescent="0.2">
      <c r="C82" s="126" t="s">
        <v>122</v>
      </c>
      <c r="D82" s="158" t="s">
        <v>58</v>
      </c>
      <c r="E82" s="146">
        <v>0.73165543405833666</v>
      </c>
      <c r="F82" s="140">
        <v>0.67451425766433126</v>
      </c>
      <c r="G82" s="146">
        <v>0.70795646788344657</v>
      </c>
      <c r="H82" s="146">
        <v>0.69089284744855561</v>
      </c>
      <c r="I82" s="146">
        <v>0.70845528743370778</v>
      </c>
      <c r="J82" s="140">
        <v>0.71474336675635364</v>
      </c>
      <c r="K82" s="146">
        <v>0.71559214245584213</v>
      </c>
      <c r="L82" s="146">
        <v>0.70905145367201283</v>
      </c>
      <c r="M82" s="146">
        <v>0.72223700315109129</v>
      </c>
      <c r="N82" s="146">
        <v>0.70284197780020174</v>
      </c>
      <c r="O82" s="146">
        <v>0.69846876378346934</v>
      </c>
      <c r="P82" s="146">
        <v>0.71352995066002289</v>
      </c>
      <c r="Q82" s="146">
        <v>0.70449429858741108</v>
      </c>
      <c r="R82" s="146">
        <v>0.68018033594146055</v>
      </c>
      <c r="S82" s="146">
        <v>0.68983963190113706</v>
      </c>
      <c r="T82" s="140">
        <v>0.69181092227777141</v>
      </c>
      <c r="U82" s="140">
        <v>0.65555745721893177</v>
      </c>
      <c r="V82" s="140">
        <v>0.56209682925359938</v>
      </c>
      <c r="W82" s="140">
        <v>0.49827925152330249</v>
      </c>
      <c r="X82" s="146">
        <v>0.49529750175180587</v>
      </c>
      <c r="Y82" s="146">
        <v>0.46583807451510784</v>
      </c>
      <c r="Z82" s="140">
        <v>0.48955661751282453</v>
      </c>
      <c r="AA82" s="111">
        <v>0.48</v>
      </c>
      <c r="AB82" s="140">
        <v>0.47350273498823953</v>
      </c>
      <c r="AC82" s="146">
        <v>0.43056666771201074</v>
      </c>
      <c r="AD82" s="146"/>
      <c r="AE82" s="146"/>
      <c r="AF82" s="146"/>
      <c r="AG82" s="140"/>
      <c r="AH82" s="146"/>
      <c r="AI82" s="140"/>
      <c r="AJ82" s="145"/>
      <c r="AK82" s="140"/>
      <c r="AL82" s="140"/>
      <c r="AM82" s="140"/>
      <c r="AN82" s="140"/>
      <c r="AO82" s="140"/>
      <c r="AP82" s="140"/>
      <c r="AQ82" s="8"/>
      <c r="AR82" s="140"/>
      <c r="AS82" s="140"/>
      <c r="AT82" s="140"/>
      <c r="AU82" s="146"/>
      <c r="AV82" s="140"/>
      <c r="AW82" s="140"/>
      <c r="AX82" s="140"/>
      <c r="AY82" s="140"/>
      <c r="AZ82" s="146"/>
      <c r="BA82" s="140"/>
      <c r="BB82" s="145"/>
      <c r="BC82" s="146"/>
      <c r="BD82" s="145"/>
      <c r="BE82" s="212"/>
    </row>
    <row r="83" spans="3:57" x14ac:dyDescent="0.2">
      <c r="C83" s="126" t="s">
        <v>82</v>
      </c>
      <c r="D83" s="158" t="s">
        <v>58</v>
      </c>
      <c r="E83" s="146">
        <v>2.8111919704603316</v>
      </c>
      <c r="F83" s="140">
        <v>3.2489667719240498</v>
      </c>
      <c r="G83" s="146">
        <v>3.1497591029154695</v>
      </c>
      <c r="H83" s="146">
        <v>2.9560274473182022</v>
      </c>
      <c r="I83" s="146">
        <v>3.3168051777195373</v>
      </c>
      <c r="J83" s="140">
        <v>2.9847448351280259</v>
      </c>
      <c r="K83" s="146">
        <v>2.6947757614929406</v>
      </c>
      <c r="L83" s="146">
        <v>2.5125166725089825</v>
      </c>
      <c r="M83" s="146">
        <v>2.3887697232757668</v>
      </c>
      <c r="N83" s="146">
        <v>2.9010554137703304</v>
      </c>
      <c r="O83" s="146">
        <v>3.2375700143204029</v>
      </c>
      <c r="P83" s="146">
        <v>2.9577933976073898</v>
      </c>
      <c r="Q83" s="146">
        <v>3.1089708699725986</v>
      </c>
      <c r="R83" s="146">
        <v>3.1264660425298141</v>
      </c>
      <c r="S83" s="146">
        <v>3.2556253793609864</v>
      </c>
      <c r="T83" s="140">
        <v>2.9496166275341462</v>
      </c>
      <c r="U83" s="140">
        <v>3.467032018915849</v>
      </c>
      <c r="V83" s="140">
        <v>3.7579853075048599</v>
      </c>
      <c r="W83" s="140">
        <v>3.5701703223494898</v>
      </c>
      <c r="X83" s="146">
        <v>3.2294936705115953</v>
      </c>
      <c r="Y83" s="146">
        <v>2.9826797362612605</v>
      </c>
      <c r="Z83" s="140">
        <v>2.4310314316844877</v>
      </c>
      <c r="AA83" s="111">
        <v>2.41</v>
      </c>
      <c r="AB83" s="140">
        <v>2.5334229428069031</v>
      </c>
      <c r="AC83" s="146">
        <v>3.0626075129714838</v>
      </c>
      <c r="AD83" s="146"/>
      <c r="AE83" s="146"/>
      <c r="AF83" s="146"/>
      <c r="AG83" s="140"/>
      <c r="AH83" s="146"/>
      <c r="AI83" s="140"/>
      <c r="AJ83" s="145"/>
      <c r="AK83" s="140"/>
      <c r="AL83" s="140"/>
      <c r="AM83" s="140"/>
      <c r="AN83" s="140"/>
      <c r="AO83" s="140"/>
      <c r="AP83" s="140"/>
      <c r="AQ83" s="8"/>
      <c r="AR83" s="140"/>
      <c r="AS83" s="140"/>
      <c r="AT83" s="140"/>
      <c r="AU83" s="146"/>
      <c r="AV83" s="140"/>
      <c r="AW83" s="140"/>
      <c r="AX83" s="140"/>
      <c r="AY83" s="140"/>
      <c r="AZ83" s="146"/>
      <c r="BA83" s="140"/>
      <c r="BB83" s="145"/>
      <c r="BC83" s="146"/>
      <c r="BD83" s="145"/>
      <c r="BE83" s="212"/>
    </row>
    <row r="84" spans="3:57" x14ac:dyDescent="0.2">
      <c r="C84" s="126" t="s">
        <v>84</v>
      </c>
      <c r="D84" s="158" t="s">
        <v>85</v>
      </c>
      <c r="E84" s="146">
        <v>0.73325471494073879</v>
      </c>
      <c r="F84" s="140">
        <v>0.72296960265110222</v>
      </c>
      <c r="G84" s="146">
        <v>0.71314636550642008</v>
      </c>
      <c r="H84" s="146">
        <v>0.70451502636746177</v>
      </c>
      <c r="I84" s="146">
        <v>0.71478227385585669</v>
      </c>
      <c r="J84" s="140">
        <v>0.72319702513211348</v>
      </c>
      <c r="K84" s="146">
        <v>0.7502690372515235</v>
      </c>
      <c r="L84" s="146">
        <v>0.71303204370107576</v>
      </c>
      <c r="M84" s="146">
        <v>0.69586087077086989</v>
      </c>
      <c r="N84" s="146">
        <v>0.70925416254293527</v>
      </c>
      <c r="O84" s="146">
        <v>0.72894517121377511</v>
      </c>
      <c r="P84" s="146">
        <v>0.71554766018293425</v>
      </c>
      <c r="Q84" s="146">
        <v>0.72448822038814209</v>
      </c>
      <c r="R84" s="146">
        <v>0.70838388038522371</v>
      </c>
      <c r="S84" s="146">
        <v>0.69081067091508075</v>
      </c>
      <c r="T84" s="140">
        <v>0.75928389961344678</v>
      </c>
      <c r="U84" s="140">
        <v>0.71221527031913701</v>
      </c>
      <c r="V84" s="140">
        <v>0.70703584347913229</v>
      </c>
      <c r="W84" s="140">
        <v>0.80418203399100485</v>
      </c>
      <c r="X84" s="146">
        <v>0.79035751505903939</v>
      </c>
      <c r="Y84" s="146">
        <v>0.75273715971151045</v>
      </c>
      <c r="Z84" s="140">
        <v>0.73149259945458711</v>
      </c>
      <c r="AA84" s="111">
        <v>0.72</v>
      </c>
      <c r="AB84" s="140">
        <v>0.70334902806265653</v>
      </c>
      <c r="AC84" s="146">
        <v>0.6755150577947584</v>
      </c>
      <c r="AD84" s="146"/>
      <c r="AE84" s="146"/>
      <c r="AF84" s="146"/>
      <c r="AG84" s="140"/>
      <c r="AH84" s="146"/>
      <c r="AI84" s="140"/>
      <c r="AJ84" s="145"/>
      <c r="AK84" s="140"/>
      <c r="AL84" s="140"/>
      <c r="AM84" s="140"/>
      <c r="AN84" s="140"/>
      <c r="AO84" s="140"/>
      <c r="AP84" s="140"/>
      <c r="AQ84" s="8"/>
      <c r="AR84" s="140"/>
      <c r="AS84" s="140"/>
      <c r="AT84" s="140"/>
      <c r="AU84" s="146"/>
      <c r="AV84" s="140"/>
      <c r="AW84" s="140"/>
      <c r="AX84" s="140"/>
      <c r="AY84" s="140"/>
      <c r="AZ84" s="146"/>
      <c r="BA84" s="140"/>
      <c r="BB84" s="145"/>
      <c r="BC84" s="146"/>
      <c r="BD84" s="145"/>
      <c r="BE84" s="212"/>
    </row>
    <row r="85" spans="3:57" x14ac:dyDescent="0.2">
      <c r="C85" s="126" t="s">
        <v>118</v>
      </c>
      <c r="D85" s="158" t="s">
        <v>58</v>
      </c>
      <c r="E85" s="146">
        <v>1.6844451746317699</v>
      </c>
      <c r="F85" s="140">
        <v>1.7221709859638543</v>
      </c>
      <c r="G85" s="146">
        <v>1.5560306215416584</v>
      </c>
      <c r="H85" s="146">
        <v>1.4924924330761409</v>
      </c>
      <c r="I85" s="146">
        <v>1.4928222361992805</v>
      </c>
      <c r="J85" s="140">
        <v>1.5741797695006925</v>
      </c>
      <c r="K85" s="146">
        <v>1.7454181207275696</v>
      </c>
      <c r="L85" s="146">
        <v>1.6478281263112919</v>
      </c>
      <c r="M85" s="146">
        <v>1.6449569390948482</v>
      </c>
      <c r="N85" s="146">
        <v>1.7662244011508743</v>
      </c>
      <c r="O85" s="146">
        <v>2.3765539206501356</v>
      </c>
      <c r="P85" s="146">
        <v>2.5593727283016712</v>
      </c>
      <c r="Q85" s="146">
        <v>2.3311761753457385</v>
      </c>
      <c r="R85" s="146">
        <v>2.5066957770813829</v>
      </c>
      <c r="S85" s="146">
        <v>2.3018468680283264</v>
      </c>
      <c r="T85" s="140">
        <v>1.9210769713171338</v>
      </c>
      <c r="U85" s="140">
        <v>1.6906549515600851</v>
      </c>
      <c r="V85" s="140">
        <v>1.5204882234612282</v>
      </c>
      <c r="W85" s="140">
        <v>1.5291949551214483</v>
      </c>
      <c r="X85" s="146">
        <v>1.3282602677420432</v>
      </c>
      <c r="Y85" s="146">
        <v>1.1654229673434209</v>
      </c>
      <c r="Z85" s="140">
        <v>1.1954606573137148</v>
      </c>
      <c r="AA85" s="111">
        <v>1.1200000000000001</v>
      </c>
      <c r="AB85" s="140">
        <v>1.3076946337636106</v>
      </c>
      <c r="AC85" s="146">
        <v>1.3153604638662688</v>
      </c>
      <c r="AD85" s="146"/>
      <c r="AE85" s="146"/>
      <c r="AF85" s="146"/>
      <c r="AG85" s="140"/>
      <c r="AH85" s="146"/>
      <c r="AI85" s="140"/>
      <c r="AJ85" s="145"/>
      <c r="AK85" s="140"/>
      <c r="AL85" s="140"/>
      <c r="AM85" s="140"/>
      <c r="AN85" s="140"/>
      <c r="AO85" s="140"/>
      <c r="AP85" s="140"/>
      <c r="AQ85" s="8"/>
      <c r="AR85" s="140"/>
      <c r="AS85" s="140"/>
      <c r="AT85" s="140"/>
      <c r="AU85" s="146"/>
      <c r="AV85" s="140"/>
      <c r="AW85" s="140"/>
      <c r="AX85" s="140"/>
      <c r="AY85" s="140"/>
      <c r="AZ85" s="146"/>
      <c r="BA85" s="140"/>
      <c r="BB85" s="145"/>
      <c r="BC85" s="146"/>
      <c r="BD85" s="145"/>
      <c r="BE85" s="212"/>
    </row>
    <row r="86" spans="3:57" x14ac:dyDescent="0.2">
      <c r="C86" s="126" t="s">
        <v>104</v>
      </c>
      <c r="D86" s="158" t="s">
        <v>58</v>
      </c>
      <c r="E86" s="146">
        <v>2.0748457997498178</v>
      </c>
      <c r="F86" s="140">
        <v>1.9980088773128617</v>
      </c>
      <c r="G86" s="146">
        <v>1.3732217667995967</v>
      </c>
      <c r="H86" s="146">
        <v>1.1375610490081518</v>
      </c>
      <c r="I86" s="146">
        <v>1.0518593356550752</v>
      </c>
      <c r="J86" s="140">
        <v>1.0631782252473942</v>
      </c>
      <c r="K86" s="146">
        <v>1.1364774437698599</v>
      </c>
      <c r="L86" s="146">
        <v>1.1120615298621603</v>
      </c>
      <c r="M86" s="146">
        <v>1.1766428311238557</v>
      </c>
      <c r="N86" s="146">
        <v>1.1896078989875045</v>
      </c>
      <c r="O86" s="146">
        <v>1.3148971970769612</v>
      </c>
      <c r="P86" s="146">
        <v>1.3197560050973478</v>
      </c>
      <c r="Q86" s="146">
        <v>1.3285531920781879</v>
      </c>
      <c r="R86" s="146">
        <v>1.1905697151138885</v>
      </c>
      <c r="S86" s="146">
        <v>1.1327332067364422</v>
      </c>
      <c r="T86" s="140">
        <v>1.0391947518184239</v>
      </c>
      <c r="U86" s="140">
        <v>1.1054381773879065</v>
      </c>
      <c r="V86" s="140">
        <v>1.0690437844114011</v>
      </c>
      <c r="W86" s="140">
        <v>1.072986269822606</v>
      </c>
      <c r="X86" s="146">
        <v>1.0488002188222154</v>
      </c>
      <c r="Y86" s="146">
        <v>0.92146960425102109</v>
      </c>
      <c r="Z86" s="140">
        <v>0.84651958302573294</v>
      </c>
      <c r="AA86" s="111">
        <v>0.84</v>
      </c>
      <c r="AB86" s="140">
        <v>0.92677202144793491</v>
      </c>
      <c r="AC86" s="146">
        <v>1.0253367481595996</v>
      </c>
      <c r="AD86" s="146"/>
      <c r="AE86" s="146"/>
      <c r="AF86" s="146"/>
      <c r="AG86" s="140"/>
      <c r="AH86" s="146"/>
      <c r="AI86" s="140"/>
      <c r="AJ86" s="145"/>
      <c r="AK86" s="140"/>
      <c r="AL86" s="140"/>
      <c r="AM86" s="140"/>
      <c r="AN86" s="140"/>
      <c r="AO86" s="140"/>
      <c r="AP86" s="140"/>
      <c r="AQ86" s="8"/>
      <c r="AR86" s="140"/>
      <c r="AS86" s="140"/>
      <c r="AT86" s="140"/>
      <c r="AU86" s="146"/>
      <c r="AV86" s="140"/>
      <c r="AW86" s="140"/>
      <c r="AX86" s="140"/>
      <c r="AY86" s="140"/>
      <c r="AZ86" s="146"/>
      <c r="BA86" s="140"/>
      <c r="BB86" s="145"/>
      <c r="BC86" s="146"/>
      <c r="BD86" s="145"/>
      <c r="BE86" s="212"/>
    </row>
    <row r="87" spans="3:57" x14ac:dyDescent="0.2">
      <c r="C87" s="126" t="s">
        <v>87</v>
      </c>
      <c r="D87" s="158" t="s">
        <v>58</v>
      </c>
      <c r="E87" s="146">
        <v>0.66820138733393042</v>
      </c>
      <c r="F87" s="140">
        <v>0.69324650460516379</v>
      </c>
      <c r="G87" s="146">
        <v>0.75665398008651397</v>
      </c>
      <c r="H87" s="146">
        <v>0.77886891689591387</v>
      </c>
      <c r="I87" s="146">
        <v>0.74154652582732927</v>
      </c>
      <c r="J87" s="140">
        <v>0.77037063881938761</v>
      </c>
      <c r="K87" s="146">
        <v>0.78053454390214005</v>
      </c>
      <c r="L87" s="146">
        <v>0.76921949062670469</v>
      </c>
      <c r="M87" s="146">
        <v>0.77346682535386468</v>
      </c>
      <c r="N87" s="146">
        <v>0.7285451654873597</v>
      </c>
      <c r="O87" s="146">
        <v>0.7642385692579361</v>
      </c>
      <c r="P87" s="146">
        <v>0.75147616558753305</v>
      </c>
      <c r="Q87" s="146">
        <v>0.75925027437325754</v>
      </c>
      <c r="R87" s="146">
        <v>0.79442127338143798</v>
      </c>
      <c r="S87" s="146">
        <v>0.78324742281451976</v>
      </c>
      <c r="T87" s="140">
        <v>0.76714720982376738</v>
      </c>
      <c r="U87" s="140">
        <v>0.7645585845219447</v>
      </c>
      <c r="V87" s="140">
        <v>0.74493029326311966</v>
      </c>
      <c r="W87" s="140">
        <v>0.77379970256706421</v>
      </c>
      <c r="X87" s="146">
        <v>0.77606613538865366</v>
      </c>
      <c r="Y87" s="146">
        <v>0.74533081748289642</v>
      </c>
      <c r="Z87" s="140">
        <v>0.7591032508361204</v>
      </c>
      <c r="AA87" s="111">
        <v>0.79</v>
      </c>
      <c r="AB87" s="140">
        <v>0.77647054417998529</v>
      </c>
      <c r="AC87" s="146">
        <v>0.74470713808321987</v>
      </c>
      <c r="AD87" s="146"/>
      <c r="AE87" s="146"/>
      <c r="AF87" s="146"/>
      <c r="AG87" s="140"/>
      <c r="AH87" s="146"/>
      <c r="AI87" s="140"/>
      <c r="AJ87" s="145"/>
      <c r="AK87" s="140"/>
      <c r="AL87" s="140"/>
      <c r="AM87" s="140"/>
      <c r="AN87" s="140"/>
      <c r="AO87" s="140"/>
      <c r="AP87" s="140"/>
      <c r="AQ87" s="8"/>
      <c r="AR87" s="140"/>
      <c r="AS87" s="140"/>
      <c r="AT87" s="140"/>
      <c r="AU87" s="146"/>
      <c r="AV87" s="140"/>
      <c r="AW87" s="140"/>
      <c r="AX87" s="140"/>
      <c r="AY87" s="140"/>
      <c r="AZ87" s="146"/>
      <c r="BA87" s="140"/>
      <c r="BB87" s="145"/>
      <c r="BC87" s="146"/>
      <c r="BD87" s="145"/>
      <c r="BE87" s="212"/>
    </row>
    <row r="88" spans="3:57" x14ac:dyDescent="0.2">
      <c r="C88" s="126" t="s">
        <v>88</v>
      </c>
      <c r="D88" s="158" t="s">
        <v>58</v>
      </c>
      <c r="E88" s="140">
        <v>0.98001790653740206</v>
      </c>
      <c r="F88" s="140">
        <v>1.0029468272808653</v>
      </c>
      <c r="G88" s="140">
        <v>1.04731955174808</v>
      </c>
      <c r="H88" s="140">
        <v>1.0156503571540463</v>
      </c>
      <c r="I88" s="140">
        <v>0.96933869259481431</v>
      </c>
      <c r="J88" s="140">
        <v>0.98446992594767035</v>
      </c>
      <c r="K88" s="140">
        <v>0.90747998887604542</v>
      </c>
      <c r="L88" s="140">
        <v>0.84522831679288168</v>
      </c>
      <c r="M88" s="140">
        <v>0.83447238288917802</v>
      </c>
      <c r="N88" s="140">
        <v>0.82257151731402878</v>
      </c>
      <c r="O88" s="140">
        <v>0.85451141766171712</v>
      </c>
      <c r="P88" s="146">
        <v>0.77448268092725692</v>
      </c>
      <c r="Q88" s="140">
        <v>0.70854144272358133</v>
      </c>
      <c r="R88" s="146">
        <v>0.71442187005628821</v>
      </c>
      <c r="S88" s="140">
        <v>0.73543389178761476</v>
      </c>
      <c r="T88" s="140">
        <v>0.70098865311032643</v>
      </c>
      <c r="U88" s="140">
        <v>0.76247983241854544</v>
      </c>
      <c r="V88" s="140">
        <v>0.83991305556465856</v>
      </c>
      <c r="W88" s="140">
        <v>0.91676898649919847</v>
      </c>
      <c r="X88" s="146">
        <v>1.0259116173082166</v>
      </c>
      <c r="Y88" s="140">
        <v>1.0298226374704282</v>
      </c>
      <c r="Z88" s="140">
        <v>1.0218589124037414</v>
      </c>
      <c r="AA88" s="111">
        <v>1.03</v>
      </c>
      <c r="AB88" s="140">
        <v>0.98530336259578377</v>
      </c>
      <c r="AC88" s="140">
        <v>0.95646937016644551</v>
      </c>
      <c r="AD88" s="140"/>
      <c r="AE88" s="140"/>
      <c r="AF88" s="140"/>
      <c r="AG88" s="140"/>
      <c r="AH88" s="140"/>
      <c r="AI88" s="140"/>
      <c r="AJ88" s="194"/>
      <c r="AK88" s="140"/>
      <c r="AL88" s="140"/>
      <c r="AM88" s="140"/>
      <c r="AN88" s="140"/>
      <c r="AO88" s="140"/>
      <c r="AP88" s="140"/>
      <c r="AQ88" s="17"/>
      <c r="AR88" s="140"/>
      <c r="AS88" s="140"/>
      <c r="AT88" s="140"/>
      <c r="AU88" s="140"/>
      <c r="AV88" s="140"/>
      <c r="AW88" s="140"/>
      <c r="AX88" s="140"/>
      <c r="AY88" s="140"/>
      <c r="AZ88" s="140"/>
      <c r="BA88" s="140"/>
      <c r="BB88" s="194"/>
      <c r="BC88" s="140"/>
      <c r="BD88" s="194"/>
      <c r="BE88" s="212"/>
    </row>
    <row r="89" spans="3:57" x14ac:dyDescent="0.2">
      <c r="C89" s="166" t="s">
        <v>123</v>
      </c>
      <c r="D89" s="158" t="s">
        <v>58</v>
      </c>
      <c r="E89" s="140">
        <v>1.2009189779393636</v>
      </c>
      <c r="F89" s="140">
        <v>1.0738974766144036</v>
      </c>
      <c r="G89" s="140">
        <v>1.1289113941348776</v>
      </c>
      <c r="H89" s="140">
        <v>1.0974481148880666</v>
      </c>
      <c r="I89" s="140">
        <v>1.1356869327733801</v>
      </c>
      <c r="J89" s="140">
        <v>1.1662802434272748</v>
      </c>
      <c r="K89" s="140">
        <v>1.130244259726102</v>
      </c>
      <c r="L89" s="140">
        <v>0.96969593360810291</v>
      </c>
      <c r="M89" s="140">
        <v>0.99540242897472309</v>
      </c>
      <c r="N89" s="140">
        <v>0.97738400595003871</v>
      </c>
      <c r="O89" s="140">
        <v>1.0551227092561721</v>
      </c>
      <c r="P89" s="146">
        <v>1.0577880135932964</v>
      </c>
      <c r="Q89" s="140">
        <v>0.95772652058041607</v>
      </c>
      <c r="R89" s="146">
        <v>1.6722716053017699</v>
      </c>
      <c r="S89" s="140">
        <v>1.5748222929001701</v>
      </c>
      <c r="T89" s="140">
        <v>1.6609706677301597</v>
      </c>
      <c r="U89" s="140">
        <v>1.7117417000394588</v>
      </c>
      <c r="V89" s="140">
        <v>1.6689211420658538</v>
      </c>
      <c r="W89" s="140">
        <v>1.7147401494020711</v>
      </c>
      <c r="X89" s="146">
        <v>1.8575552844958909</v>
      </c>
      <c r="Y89" s="140">
        <v>2.100372632884731</v>
      </c>
      <c r="Z89" s="140">
        <v>1.9659273167903646</v>
      </c>
      <c r="AA89" s="111">
        <v>1.8</v>
      </c>
      <c r="AB89" s="140">
        <v>1.8790457468084039</v>
      </c>
      <c r="AC89" s="140">
        <v>1.5601413144973573</v>
      </c>
      <c r="AD89" s="140"/>
      <c r="AE89" s="140"/>
      <c r="AF89" s="140"/>
      <c r="AG89" s="140"/>
      <c r="AH89" s="140"/>
      <c r="AI89" s="140"/>
      <c r="AJ89" s="194"/>
      <c r="AK89" s="140"/>
      <c r="AL89" s="140"/>
      <c r="AM89" s="140"/>
      <c r="AN89" s="140"/>
      <c r="AO89" s="140"/>
      <c r="AP89" s="140"/>
      <c r="AQ89" s="17"/>
      <c r="AR89" s="140"/>
      <c r="AS89" s="140"/>
      <c r="AT89" s="140"/>
      <c r="AU89" s="140"/>
      <c r="AV89" s="140"/>
      <c r="AW89" s="140"/>
      <c r="AX89" s="140"/>
      <c r="AY89" s="140"/>
      <c r="AZ89" s="140"/>
      <c r="BA89" s="140"/>
      <c r="BB89" s="194"/>
      <c r="BC89" s="140"/>
      <c r="BD89" s="194"/>
      <c r="BE89" s="212"/>
    </row>
    <row r="90" spans="3:57" x14ac:dyDescent="0.2">
      <c r="C90" s="166" t="s">
        <v>100</v>
      </c>
      <c r="D90" s="158" t="s">
        <v>58</v>
      </c>
      <c r="E90" s="146">
        <v>1.0744281282064194</v>
      </c>
      <c r="F90" s="140">
        <v>1.0624520243859981</v>
      </c>
      <c r="G90" s="146">
        <v>1.0751649140534605</v>
      </c>
      <c r="H90" s="146">
        <v>1.0913025324150596</v>
      </c>
      <c r="I90" s="146">
        <v>1.0829351199490225</v>
      </c>
      <c r="J90" s="140">
        <v>0.94854245634658396</v>
      </c>
      <c r="K90" s="146">
        <v>0.92474171283037188</v>
      </c>
      <c r="L90" s="146">
        <v>0.75108735180740416</v>
      </c>
      <c r="M90" s="146">
        <v>0.75722435286380396</v>
      </c>
      <c r="N90" s="146">
        <v>0.81336479192880951</v>
      </c>
      <c r="O90" s="146">
        <v>0.85207175964720949</v>
      </c>
      <c r="P90" s="146">
        <v>0.82230019039903801</v>
      </c>
      <c r="Q90" s="146">
        <v>0.81521829771106902</v>
      </c>
      <c r="R90" s="146">
        <v>0.77094805651252973</v>
      </c>
      <c r="S90" s="146">
        <v>0.79911985636938643</v>
      </c>
      <c r="T90" s="140">
        <v>0.80410687076295262</v>
      </c>
      <c r="U90" s="140">
        <v>0.88427099828979183</v>
      </c>
      <c r="V90" s="140">
        <v>0.82026497804325615</v>
      </c>
      <c r="W90" s="140">
        <v>0.81752383649863591</v>
      </c>
      <c r="X90" s="146">
        <v>0.83950457952195745</v>
      </c>
      <c r="Y90" s="146">
        <v>0.88119359033808375</v>
      </c>
      <c r="Z90" s="140">
        <v>0.72014542808920812</v>
      </c>
      <c r="AA90" s="111">
        <v>0.83</v>
      </c>
      <c r="AB90" s="140">
        <v>0.80411933224117527</v>
      </c>
      <c r="AC90" s="146">
        <v>0.78546792305748969</v>
      </c>
      <c r="AD90" s="146"/>
      <c r="AE90" s="146"/>
      <c r="AF90" s="146"/>
      <c r="AG90" s="140"/>
      <c r="AH90" s="146"/>
      <c r="AI90" s="140"/>
      <c r="AJ90" s="145"/>
      <c r="AK90" s="140"/>
      <c r="AL90" s="140"/>
      <c r="AM90" s="140"/>
      <c r="AN90" s="140"/>
      <c r="AO90" s="140"/>
      <c r="AP90" s="140"/>
      <c r="AQ90" s="8"/>
      <c r="AR90" s="140"/>
      <c r="AS90" s="140"/>
      <c r="AT90" s="140"/>
      <c r="AU90" s="146"/>
      <c r="AV90" s="140"/>
      <c r="AW90" s="140"/>
      <c r="AX90" s="140"/>
      <c r="AY90" s="140"/>
      <c r="AZ90" s="146"/>
      <c r="BA90" s="140"/>
      <c r="BB90" s="145"/>
      <c r="BC90" s="146"/>
      <c r="BD90" s="145"/>
      <c r="BE90" s="212"/>
    </row>
    <row r="91" spans="3:57" x14ac:dyDescent="0.2">
      <c r="C91" s="126" t="s">
        <v>89</v>
      </c>
      <c r="D91" s="158" t="s">
        <v>58</v>
      </c>
      <c r="E91" s="146">
        <v>1.2943583146099487</v>
      </c>
      <c r="F91" s="140">
        <v>1.3770342049815578</v>
      </c>
      <c r="G91" s="146">
        <v>1.2693017115302745</v>
      </c>
      <c r="H91" s="146">
        <v>1.3390200802354986</v>
      </c>
      <c r="I91" s="146">
        <v>1.3393484301170946</v>
      </c>
      <c r="J91" s="140">
        <v>1.2830238322594334</v>
      </c>
      <c r="K91" s="146">
        <v>1.3157809285125128</v>
      </c>
      <c r="L91" s="146">
        <v>1.2960698857904434</v>
      </c>
      <c r="M91" s="146">
        <v>1.2865794428746467</v>
      </c>
      <c r="N91" s="146">
        <v>1.2392572963439625</v>
      </c>
      <c r="O91" s="146">
        <v>1.2151521762223194</v>
      </c>
      <c r="P91" s="146">
        <v>1.1517637043771853</v>
      </c>
      <c r="Q91" s="146">
        <v>1.1278070391233825</v>
      </c>
      <c r="R91" s="146">
        <v>1.2101026215156403</v>
      </c>
      <c r="S91" s="146">
        <v>1.2461806995283309</v>
      </c>
      <c r="T91" s="140">
        <v>1.2601146615323515</v>
      </c>
      <c r="U91" s="140">
        <v>1.2094092356120574</v>
      </c>
      <c r="V91" s="140">
        <v>1.1603283730746365</v>
      </c>
      <c r="W91" s="140">
        <v>1.1706161753469193</v>
      </c>
      <c r="X91" s="146">
        <v>1.2177061565675156</v>
      </c>
      <c r="Y91" s="146">
        <v>1.3338831262652697</v>
      </c>
      <c r="Z91" s="140">
        <v>1.3044087180854178</v>
      </c>
      <c r="AA91" s="111">
        <v>1.3</v>
      </c>
      <c r="AB91" s="140">
        <v>1.2853700043765692</v>
      </c>
      <c r="AC91" s="146">
        <v>1.2466632078559243</v>
      </c>
      <c r="AD91" s="146"/>
      <c r="AE91" s="146"/>
      <c r="AF91" s="146"/>
      <c r="AG91" s="140"/>
      <c r="AH91" s="146"/>
      <c r="AI91" s="140"/>
      <c r="AJ91" s="145"/>
      <c r="AK91" s="140"/>
      <c r="AL91" s="140"/>
      <c r="AM91" s="140"/>
      <c r="AN91" s="140"/>
      <c r="AO91" s="140"/>
      <c r="AP91" s="140"/>
      <c r="AQ91" s="8"/>
      <c r="AR91" s="140"/>
      <c r="AS91" s="140"/>
      <c r="AT91" s="140"/>
      <c r="AU91" s="146"/>
      <c r="AV91" s="140"/>
      <c r="AW91" s="140"/>
      <c r="AX91" s="140"/>
      <c r="AY91" s="140"/>
      <c r="AZ91" s="146"/>
      <c r="BA91" s="140"/>
      <c r="BB91" s="145"/>
      <c r="BC91" s="146"/>
      <c r="BD91" s="145"/>
      <c r="BE91" s="212"/>
    </row>
    <row r="92" spans="3:57" x14ac:dyDescent="0.2">
      <c r="C92" s="126" t="s">
        <v>95</v>
      </c>
      <c r="D92" s="158" t="s">
        <v>58</v>
      </c>
      <c r="E92" s="146">
        <v>1.5094616678837633</v>
      </c>
      <c r="F92" s="140">
        <v>1.7171695845131003</v>
      </c>
      <c r="G92" s="146">
        <v>1.6033134994235301</v>
      </c>
      <c r="H92" s="146">
        <v>1.8633872805539748</v>
      </c>
      <c r="I92" s="146">
        <v>1.8399666419003842</v>
      </c>
      <c r="J92" s="140">
        <v>1.7022293317431327</v>
      </c>
      <c r="K92" s="146">
        <v>1.6925621997427245</v>
      </c>
      <c r="L92" s="146">
        <v>1.6367297877005014</v>
      </c>
      <c r="M92" s="146">
        <v>1.7237126998776027</v>
      </c>
      <c r="N92" s="146">
        <v>1.8360861886971176</v>
      </c>
      <c r="O92" s="146">
        <v>1.4971820231311217</v>
      </c>
      <c r="P92" s="146">
        <v>1.4824059174326074</v>
      </c>
      <c r="Q92" s="146">
        <v>1.5256301795580109</v>
      </c>
      <c r="R92" s="146">
        <v>1.5366321654204473</v>
      </c>
      <c r="S92" s="146">
        <v>1.5893020966575044</v>
      </c>
      <c r="T92" s="140">
        <v>1.5573393745736543</v>
      </c>
      <c r="U92" s="140">
        <v>1.6412613598250678</v>
      </c>
      <c r="V92" s="140">
        <v>1.6421137287389058</v>
      </c>
      <c r="W92" s="140">
        <v>1.7998938347138684</v>
      </c>
      <c r="X92" s="146">
        <v>1.855529450310198</v>
      </c>
      <c r="Y92" s="146">
        <v>1.9037991412831607</v>
      </c>
      <c r="Z92" s="140">
        <v>2.098096700998517</v>
      </c>
      <c r="AA92" s="111">
        <v>1.89</v>
      </c>
      <c r="AB92" s="140">
        <v>1.75209046659953</v>
      </c>
      <c r="AC92" s="146">
        <v>1.7517840954120638</v>
      </c>
      <c r="AD92" s="146"/>
      <c r="AE92" s="146"/>
      <c r="AF92" s="146"/>
      <c r="AG92" s="140"/>
      <c r="AH92" s="146"/>
      <c r="AI92" s="140"/>
      <c r="AJ92" s="145"/>
      <c r="AK92" s="140"/>
      <c r="AL92" s="140"/>
      <c r="AM92" s="140"/>
      <c r="AN92" s="140"/>
      <c r="AO92" s="140"/>
      <c r="AP92" s="140"/>
      <c r="AQ92" s="8"/>
      <c r="AR92" s="140"/>
      <c r="AS92" s="140"/>
      <c r="AT92" s="140"/>
      <c r="AU92" s="146"/>
      <c r="AV92" s="140"/>
      <c r="AW92" s="140"/>
      <c r="AX92" s="140"/>
      <c r="AY92" s="140"/>
      <c r="AZ92" s="146"/>
      <c r="BA92" s="140"/>
      <c r="BB92" s="145"/>
      <c r="BC92" s="146"/>
      <c r="BD92" s="145"/>
      <c r="BE92" s="212"/>
    </row>
    <row r="93" spans="3:57" x14ac:dyDescent="0.2">
      <c r="C93" s="100" t="s">
        <v>96</v>
      </c>
      <c r="D93" s="158" t="s">
        <v>58</v>
      </c>
      <c r="E93" s="140">
        <v>0.97668271617589097</v>
      </c>
      <c r="F93" s="140">
        <v>1.0056291980575576</v>
      </c>
      <c r="G93" s="140">
        <v>1.0021458234131337</v>
      </c>
      <c r="H93" s="140">
        <v>0.97650455294636007</v>
      </c>
      <c r="I93" s="140">
        <v>0.960467318327203</v>
      </c>
      <c r="J93" s="140">
        <v>0.95107151199277318</v>
      </c>
      <c r="K93" s="140">
        <v>0.91569167015689168</v>
      </c>
      <c r="L93" s="140">
        <v>0.9553520994009691</v>
      </c>
      <c r="M93" s="140">
        <v>1.0430974916036506</v>
      </c>
      <c r="N93" s="140">
        <v>1.1952541271151873</v>
      </c>
      <c r="O93" s="140">
        <v>1.359210421033423</v>
      </c>
      <c r="P93" s="146">
        <v>1.6400648146840306</v>
      </c>
      <c r="Q93" s="140">
        <v>1.7592058971392284</v>
      </c>
      <c r="R93" s="146">
        <v>1.9823587761824337</v>
      </c>
      <c r="S93" s="140">
        <v>2.0726177941381452</v>
      </c>
      <c r="T93" s="140">
        <v>2.1176517120061353</v>
      </c>
      <c r="U93" s="140">
        <v>1.897280800058224</v>
      </c>
      <c r="V93" s="140">
        <v>1.7585945512784182</v>
      </c>
      <c r="W93" s="140">
        <v>1.8811024984161298</v>
      </c>
      <c r="X93" s="146">
        <v>2.059465296869853</v>
      </c>
      <c r="Y93" s="140">
        <v>2.2594421527452648</v>
      </c>
      <c r="Z93" s="140">
        <v>2.3899250328388759</v>
      </c>
      <c r="AA93" s="111">
        <v>2.77</v>
      </c>
      <c r="AB93" s="140">
        <v>2.8251438747331745</v>
      </c>
      <c r="AC93" s="140">
        <v>2.7538084220616703</v>
      </c>
      <c r="AD93" s="140"/>
      <c r="AE93" s="140"/>
      <c r="AF93" s="140"/>
      <c r="AG93" s="140"/>
      <c r="AH93" s="140"/>
      <c r="AI93" s="140"/>
      <c r="AJ93" s="194"/>
      <c r="AK93" s="140"/>
      <c r="AL93" s="140"/>
      <c r="AM93" s="140"/>
      <c r="AN93" s="140"/>
      <c r="AO93" s="140"/>
      <c r="AP93" s="140"/>
      <c r="AQ93" s="17"/>
      <c r="AR93" s="140"/>
      <c r="AS93" s="140"/>
      <c r="AT93" s="140"/>
      <c r="AU93" s="140"/>
      <c r="AV93" s="140"/>
      <c r="AW93" s="140"/>
      <c r="AX93" s="140"/>
      <c r="AY93" s="140"/>
      <c r="AZ93" s="140"/>
      <c r="BA93" s="140"/>
      <c r="BB93" s="194"/>
      <c r="BC93" s="140"/>
      <c r="BD93" s="194"/>
      <c r="BE93" s="212"/>
    </row>
    <row r="94" spans="3:57" x14ac:dyDescent="0.2">
      <c r="C94" s="102"/>
      <c r="D94" s="168"/>
      <c r="E94" s="169"/>
      <c r="F94" s="169"/>
      <c r="G94" s="169"/>
      <c r="H94" s="169"/>
      <c r="J94" s="121"/>
      <c r="K94" s="169"/>
      <c r="L94" s="169"/>
      <c r="M94" s="169"/>
      <c r="N94" s="169"/>
      <c r="O94" s="169"/>
      <c r="P94" s="169"/>
      <c r="Q94" s="169"/>
      <c r="R94" s="169"/>
      <c r="S94" s="169"/>
      <c r="T94" s="169"/>
      <c r="U94" s="169"/>
      <c r="V94" s="169"/>
      <c r="W94" s="169"/>
      <c r="X94" s="169"/>
      <c r="Y94" s="169"/>
      <c r="Z94" s="169"/>
      <c r="AA94" s="169"/>
      <c r="AB94" s="169"/>
      <c r="AC94" s="169"/>
      <c r="AD94" s="169"/>
      <c r="AE94" s="169"/>
      <c r="AG94" s="169"/>
      <c r="AH94" s="169"/>
      <c r="AO94" s="169"/>
      <c r="AQ94" s="169"/>
      <c r="AR94" s="169"/>
      <c r="AS94" s="169"/>
      <c r="AT94" s="169"/>
      <c r="AU94" s="169"/>
      <c r="AV94" s="169"/>
      <c r="AW94" s="169"/>
      <c r="AX94" s="169"/>
      <c r="AY94" s="169"/>
      <c r="AZ94" s="169"/>
      <c r="BA94" s="169"/>
      <c r="BB94" s="169"/>
      <c r="BC94" s="169"/>
    </row>
    <row r="95" spans="3:57" x14ac:dyDescent="0.2">
      <c r="C95" s="100" t="s">
        <v>106</v>
      </c>
      <c r="D95" s="158" t="s">
        <v>58</v>
      </c>
      <c r="E95" s="176">
        <v>11.66</v>
      </c>
      <c r="F95" s="140">
        <v>11.4</v>
      </c>
      <c r="G95" s="140">
        <v>11.5</v>
      </c>
      <c r="H95" s="140">
        <v>11.52</v>
      </c>
      <c r="I95" s="140">
        <v>10.74</v>
      </c>
      <c r="J95" s="140">
        <v>11.59</v>
      </c>
      <c r="K95" s="140">
        <v>11.86</v>
      </c>
      <c r="L95" s="140">
        <v>11.81</v>
      </c>
      <c r="M95" s="140">
        <v>11.65</v>
      </c>
      <c r="N95" s="140">
        <v>11.74</v>
      </c>
      <c r="O95" s="140">
        <v>11.86</v>
      </c>
      <c r="P95" s="140">
        <v>11.77</v>
      </c>
      <c r="Q95" s="140">
        <v>11.96</v>
      </c>
      <c r="R95" s="140">
        <v>11.08</v>
      </c>
      <c r="S95" s="140">
        <v>11.11</v>
      </c>
      <c r="T95" s="140">
        <v>11.56</v>
      </c>
      <c r="U95" s="140">
        <v>11.71</v>
      </c>
      <c r="V95" s="140">
        <v>11.58</v>
      </c>
      <c r="W95" s="140">
        <v>11.58</v>
      </c>
      <c r="X95" s="140">
        <v>10.47</v>
      </c>
      <c r="Y95" s="140">
        <v>10.51</v>
      </c>
      <c r="Z95" s="140">
        <v>11.37</v>
      </c>
      <c r="AA95" s="140">
        <v>11.59</v>
      </c>
      <c r="AB95" s="140">
        <v>11.79</v>
      </c>
      <c r="AC95" s="140">
        <v>10.91</v>
      </c>
      <c r="AD95" s="140"/>
      <c r="AE95" s="140"/>
      <c r="AF95" s="140"/>
      <c r="AG95" s="140"/>
      <c r="AH95" s="140"/>
      <c r="AI95" s="140"/>
      <c r="AJ95" s="140"/>
      <c r="AK95" s="140"/>
      <c r="AL95" s="187"/>
      <c r="AM95" s="140"/>
      <c r="AN95" s="140"/>
      <c r="AO95" s="140"/>
      <c r="AP95" s="140"/>
      <c r="AQ95" s="140"/>
      <c r="AR95" s="140"/>
      <c r="AS95" s="140"/>
      <c r="AT95" s="140"/>
      <c r="AU95" s="140"/>
      <c r="AV95" s="140"/>
      <c r="AW95" s="140"/>
      <c r="AX95" s="140"/>
      <c r="AY95" s="140"/>
      <c r="AZ95" s="140"/>
      <c r="BA95" s="140"/>
      <c r="BB95" s="140"/>
      <c r="BC95" s="140"/>
      <c r="BD95" s="140"/>
      <c r="BE95" s="211"/>
    </row>
    <row r="96" spans="3:57" x14ac:dyDescent="0.2">
      <c r="D96" s="168"/>
      <c r="E96" s="169"/>
      <c r="F96" s="169"/>
      <c r="G96" s="169"/>
      <c r="H96" s="169"/>
      <c r="K96" s="169"/>
      <c r="L96" s="169"/>
      <c r="M96" s="169"/>
      <c r="N96" s="169"/>
      <c r="O96" s="169"/>
      <c r="P96" s="169"/>
      <c r="Q96" s="169"/>
      <c r="R96" s="169"/>
      <c r="S96" s="169"/>
      <c r="T96" s="169"/>
      <c r="V96" s="169"/>
      <c r="W96" s="169"/>
      <c r="X96" s="169"/>
      <c r="Y96" s="169"/>
      <c r="Z96" s="169"/>
      <c r="AA96" s="169"/>
      <c r="AB96" s="169"/>
      <c r="AC96" s="169"/>
      <c r="AD96" s="169"/>
      <c r="AE96" s="169"/>
      <c r="AF96" s="169"/>
      <c r="AG96" s="169"/>
      <c r="AH96" s="169"/>
      <c r="AI96" s="169"/>
      <c r="AJ96" s="169"/>
      <c r="AK96" s="169"/>
      <c r="AL96" s="169"/>
      <c r="AM96" s="169"/>
      <c r="AN96" s="169"/>
      <c r="AO96" s="169"/>
      <c r="AP96" s="169"/>
      <c r="AQ96" s="169"/>
      <c r="AR96" s="169"/>
      <c r="AS96" s="169"/>
      <c r="AT96" s="169"/>
      <c r="AU96" s="169"/>
      <c r="AV96" s="169"/>
      <c r="AW96" s="169"/>
      <c r="AX96" s="169"/>
      <c r="AY96" s="169"/>
      <c r="AZ96" s="169"/>
      <c r="BA96" s="169"/>
      <c r="BB96" s="169"/>
      <c r="BC96" s="169"/>
    </row>
    <row r="97" spans="3:56" x14ac:dyDescent="0.2">
      <c r="C97" s="235" t="s">
        <v>202</v>
      </c>
      <c r="D97" s="235"/>
      <c r="E97" s="235"/>
      <c r="F97" s="235"/>
    </row>
    <row r="100" spans="3:56" x14ac:dyDescent="0.2">
      <c r="C100" s="1"/>
      <c r="E100" s="2"/>
      <c r="F100" s="1"/>
      <c r="G100" s="1"/>
      <c r="H100" s="1"/>
      <c r="I100" s="1"/>
      <c r="J100" s="1"/>
      <c r="K100" s="1"/>
      <c r="L100" s="1"/>
      <c r="M100" s="1"/>
      <c r="U100" s="2"/>
    </row>
    <row r="101" spans="3:56" x14ac:dyDescent="0.2">
      <c r="C101" s="188"/>
      <c r="D101" s="188"/>
      <c r="E101" s="2"/>
      <c r="F101" s="2"/>
      <c r="G101" s="2"/>
      <c r="H101" s="2"/>
      <c r="I101" s="2"/>
      <c r="J101" s="2"/>
      <c r="K101" s="2"/>
      <c r="L101" s="2"/>
      <c r="M101" s="2"/>
      <c r="N101" s="2"/>
      <c r="O101" s="2"/>
      <c r="P101" s="2"/>
      <c r="Q101" s="2"/>
      <c r="R101" s="2"/>
      <c r="S101" s="2"/>
      <c r="T101" s="2"/>
      <c r="U101" s="169"/>
      <c r="V101" s="2"/>
      <c r="W101" s="2"/>
      <c r="X101" s="2"/>
      <c r="Y101" s="2"/>
      <c r="Z101" s="2"/>
      <c r="AA101" s="2"/>
      <c r="AB101" s="2"/>
      <c r="AC101" s="189"/>
      <c r="AD101" s="2"/>
      <c r="AE101" s="2"/>
      <c r="AF101" s="2"/>
      <c r="AG101" s="2"/>
      <c r="AH101" s="2"/>
      <c r="AI101" s="2"/>
      <c r="AJ101" s="2"/>
      <c r="AK101" s="2"/>
      <c r="AL101" s="2"/>
      <c r="AM101" s="2"/>
      <c r="AN101" s="2"/>
      <c r="AO101" s="2"/>
      <c r="AP101" s="2"/>
      <c r="AQ101" s="2"/>
      <c r="AR101" s="2"/>
      <c r="AS101" s="2"/>
      <c r="AT101" s="2"/>
      <c r="AU101" s="2"/>
      <c r="AV101" s="2"/>
      <c r="AW101" s="2"/>
      <c r="AX101" s="2"/>
      <c r="AY101" s="2"/>
      <c r="AZ101" s="2"/>
      <c r="BA101" s="2"/>
      <c r="BB101" s="2"/>
      <c r="BC101" s="2"/>
      <c r="BD101" s="2"/>
    </row>
    <row r="102" spans="3:56" x14ac:dyDescent="0.2">
      <c r="C102" s="190"/>
      <c r="D102" s="168"/>
      <c r="E102" s="169"/>
      <c r="F102" s="169"/>
      <c r="G102" s="169"/>
      <c r="H102" s="169"/>
      <c r="I102" s="169"/>
      <c r="J102" s="169"/>
      <c r="K102" s="169"/>
      <c r="L102" s="169"/>
      <c r="M102" s="169"/>
      <c r="N102" s="169"/>
      <c r="O102" s="169"/>
      <c r="P102" s="169"/>
      <c r="Q102" s="169"/>
      <c r="R102" s="169"/>
      <c r="S102" s="169"/>
      <c r="T102" s="169"/>
      <c r="U102" s="169"/>
      <c r="V102" s="169"/>
      <c r="W102" s="169"/>
      <c r="X102" s="169"/>
      <c r="Y102" s="169"/>
      <c r="Z102" s="169"/>
      <c r="AA102" s="169"/>
      <c r="AB102" s="169"/>
      <c r="AC102" s="169"/>
      <c r="AD102" s="169"/>
      <c r="AE102" s="169"/>
      <c r="AF102" s="169"/>
      <c r="AG102" s="169"/>
      <c r="AH102" s="169"/>
      <c r="AI102" s="169"/>
      <c r="AJ102" s="169"/>
      <c r="AK102" s="169"/>
      <c r="AL102" s="169"/>
      <c r="AM102" s="169"/>
      <c r="AN102" s="169"/>
      <c r="AO102" s="169"/>
      <c r="AP102" s="169"/>
      <c r="AQ102" s="169"/>
      <c r="AR102" s="169"/>
      <c r="AS102" s="169"/>
      <c r="AT102" s="169"/>
      <c r="AU102" s="169"/>
      <c r="AV102" s="169"/>
      <c r="AW102" s="169"/>
      <c r="AX102" s="169"/>
      <c r="AY102" s="169"/>
      <c r="AZ102" s="169"/>
      <c r="BA102" s="169"/>
      <c r="BB102" s="169"/>
      <c r="BC102" s="169"/>
      <c r="BD102" s="169"/>
    </row>
    <row r="103" spans="3:56" x14ac:dyDescent="0.2">
      <c r="C103" s="190"/>
      <c r="D103" s="168"/>
      <c r="E103" s="169"/>
      <c r="F103" s="169"/>
      <c r="G103" s="169"/>
      <c r="H103" s="169"/>
      <c r="I103" s="169"/>
      <c r="J103" s="169"/>
      <c r="K103" s="169"/>
      <c r="L103" s="169"/>
      <c r="M103" s="169"/>
      <c r="N103" s="169"/>
      <c r="O103" s="169"/>
      <c r="P103" s="169"/>
      <c r="Q103" s="169"/>
      <c r="R103" s="169"/>
      <c r="S103" s="169"/>
      <c r="T103" s="169"/>
      <c r="U103" s="169"/>
      <c r="V103" s="169"/>
      <c r="W103" s="169"/>
      <c r="X103" s="169"/>
      <c r="Y103" s="169"/>
      <c r="Z103" s="169"/>
      <c r="AA103" s="169"/>
      <c r="AB103" s="169"/>
      <c r="AC103" s="169"/>
      <c r="AD103" s="169"/>
      <c r="AE103" s="169"/>
      <c r="AF103" s="169"/>
      <c r="AG103" s="169"/>
      <c r="AH103" s="169"/>
      <c r="AI103" s="169"/>
      <c r="AJ103" s="169"/>
      <c r="AK103" s="169"/>
      <c r="AL103" s="169"/>
      <c r="AM103" s="169"/>
      <c r="AN103" s="169"/>
      <c r="AO103" s="169"/>
      <c r="AP103" s="169"/>
      <c r="AQ103" s="169"/>
      <c r="AR103" s="169"/>
      <c r="AS103" s="169"/>
      <c r="AT103" s="169"/>
      <c r="AU103" s="169"/>
      <c r="AV103" s="169"/>
      <c r="AW103" s="169"/>
      <c r="AX103" s="169"/>
      <c r="AY103" s="169"/>
      <c r="AZ103" s="169"/>
      <c r="BA103" s="169"/>
      <c r="BB103" s="169"/>
      <c r="BC103" s="169"/>
      <c r="BD103" s="169"/>
    </row>
    <row r="104" spans="3:56" x14ac:dyDescent="0.2">
      <c r="C104" s="190"/>
      <c r="D104" s="168"/>
      <c r="E104" s="169"/>
      <c r="F104" s="169"/>
      <c r="G104" s="169"/>
      <c r="H104" s="169"/>
      <c r="I104" s="169"/>
      <c r="J104" s="169"/>
      <c r="K104" s="169"/>
      <c r="L104" s="169"/>
      <c r="M104" s="169"/>
      <c r="N104" s="169"/>
      <c r="O104" s="169"/>
      <c r="P104" s="169"/>
      <c r="Q104" s="169"/>
      <c r="R104" s="169"/>
      <c r="S104" s="169"/>
      <c r="T104" s="169"/>
      <c r="U104" s="169"/>
      <c r="V104" s="169"/>
      <c r="W104" s="169"/>
      <c r="X104" s="169"/>
      <c r="Y104" s="169"/>
      <c r="Z104" s="169"/>
      <c r="AA104" s="169"/>
      <c r="AB104" s="169"/>
      <c r="AC104" s="169"/>
      <c r="AD104" s="169"/>
      <c r="AE104" s="169"/>
      <c r="AF104" s="169"/>
      <c r="AG104" s="169"/>
      <c r="AH104" s="169"/>
      <c r="AI104" s="169"/>
      <c r="AJ104" s="169"/>
      <c r="AK104" s="169"/>
      <c r="AL104" s="169"/>
      <c r="AM104" s="169"/>
      <c r="AN104" s="169"/>
      <c r="AO104" s="169"/>
      <c r="AP104" s="169"/>
      <c r="AQ104" s="169"/>
      <c r="AR104" s="169"/>
      <c r="AS104" s="169"/>
      <c r="AT104" s="169"/>
      <c r="AU104" s="169"/>
      <c r="AV104" s="169"/>
      <c r="AW104" s="169"/>
      <c r="AX104" s="169"/>
      <c r="AY104" s="169"/>
      <c r="AZ104" s="169"/>
      <c r="BA104" s="169"/>
      <c r="BB104" s="169"/>
      <c r="BC104" s="169"/>
      <c r="BD104" s="169"/>
    </row>
    <row r="105" spans="3:56" x14ac:dyDescent="0.2">
      <c r="C105" s="190"/>
      <c r="D105" s="168"/>
      <c r="E105" s="169"/>
      <c r="F105" s="169"/>
      <c r="G105" s="169"/>
      <c r="H105" s="169"/>
      <c r="I105" s="169"/>
      <c r="J105" s="169"/>
      <c r="K105" s="169"/>
      <c r="L105" s="169"/>
      <c r="M105" s="169"/>
      <c r="N105" s="169"/>
      <c r="O105" s="169"/>
      <c r="P105" s="169"/>
      <c r="Q105" s="169"/>
      <c r="R105" s="169"/>
      <c r="S105" s="169"/>
      <c r="T105" s="169"/>
      <c r="U105" s="169"/>
      <c r="V105" s="169"/>
      <c r="W105" s="169"/>
      <c r="X105" s="169"/>
      <c r="Y105" s="169"/>
      <c r="Z105" s="169"/>
      <c r="AA105" s="169"/>
      <c r="AB105" s="169"/>
      <c r="AC105" s="169"/>
      <c r="AD105" s="169"/>
      <c r="AE105" s="169"/>
      <c r="AF105" s="169"/>
      <c r="AG105" s="169"/>
      <c r="AH105" s="169"/>
      <c r="AI105" s="169"/>
      <c r="AJ105" s="169"/>
      <c r="AK105" s="169"/>
      <c r="AL105" s="169"/>
      <c r="AM105" s="169"/>
      <c r="AN105" s="169"/>
      <c r="AO105" s="169"/>
      <c r="AP105" s="169"/>
      <c r="AQ105" s="169"/>
      <c r="AR105" s="169"/>
      <c r="AS105" s="169"/>
      <c r="AT105" s="169"/>
      <c r="AU105" s="169"/>
      <c r="AV105" s="169"/>
      <c r="AW105" s="169"/>
      <c r="AX105" s="169"/>
      <c r="AY105" s="169"/>
      <c r="AZ105" s="169"/>
      <c r="BA105" s="169"/>
      <c r="BB105" s="169"/>
      <c r="BC105" s="169"/>
      <c r="BD105" s="169"/>
    </row>
    <row r="106" spans="3:56" x14ac:dyDescent="0.2">
      <c r="C106" s="190"/>
      <c r="D106" s="168"/>
      <c r="E106" s="169"/>
      <c r="F106" s="169"/>
      <c r="G106" s="169"/>
      <c r="H106" s="169"/>
      <c r="I106" s="169"/>
      <c r="J106" s="169"/>
      <c r="K106" s="169"/>
      <c r="L106" s="169"/>
      <c r="M106" s="169"/>
      <c r="N106" s="169"/>
      <c r="O106" s="169"/>
      <c r="P106" s="169"/>
      <c r="Q106" s="169"/>
      <c r="R106" s="169"/>
      <c r="S106" s="169"/>
      <c r="T106" s="169"/>
      <c r="U106" s="169"/>
      <c r="V106" s="169"/>
      <c r="W106" s="169"/>
      <c r="X106" s="169"/>
      <c r="Y106" s="169"/>
      <c r="Z106" s="169"/>
      <c r="AA106" s="169"/>
      <c r="AB106" s="169"/>
      <c r="AC106" s="169"/>
      <c r="AD106" s="169"/>
      <c r="AE106" s="169"/>
      <c r="AF106" s="169"/>
      <c r="AG106" s="169"/>
      <c r="AH106" s="169"/>
      <c r="AI106" s="169"/>
      <c r="AJ106" s="169"/>
      <c r="AK106" s="169"/>
      <c r="AL106" s="169"/>
      <c r="AM106" s="169"/>
      <c r="AN106" s="169"/>
      <c r="AO106" s="169"/>
      <c r="AP106" s="169"/>
      <c r="AQ106" s="169"/>
      <c r="AR106" s="169"/>
      <c r="AS106" s="169"/>
      <c r="AT106" s="169"/>
      <c r="AU106" s="169"/>
      <c r="AV106" s="169"/>
      <c r="AW106" s="169"/>
      <c r="AX106" s="169"/>
      <c r="AY106" s="169"/>
      <c r="AZ106" s="169"/>
      <c r="BA106" s="169"/>
      <c r="BB106" s="169"/>
      <c r="BC106" s="169"/>
      <c r="BD106" s="169"/>
    </row>
    <row r="107" spans="3:56" x14ac:dyDescent="0.2">
      <c r="C107" s="190"/>
      <c r="D107" s="168"/>
      <c r="E107" s="169"/>
      <c r="F107" s="169"/>
      <c r="G107" s="169"/>
      <c r="H107" s="169"/>
      <c r="I107" s="169"/>
      <c r="J107" s="169"/>
      <c r="K107" s="169"/>
      <c r="L107" s="169"/>
      <c r="M107" s="169"/>
      <c r="N107" s="169"/>
      <c r="O107" s="169"/>
      <c r="P107" s="169"/>
      <c r="Q107" s="169"/>
      <c r="R107" s="169"/>
      <c r="S107" s="169"/>
      <c r="T107" s="169"/>
      <c r="U107" s="169"/>
      <c r="V107" s="169"/>
      <c r="W107" s="169"/>
      <c r="X107" s="169"/>
      <c r="Y107" s="169"/>
      <c r="Z107" s="169"/>
      <c r="AA107" s="169"/>
      <c r="AB107" s="169"/>
      <c r="AC107" s="169"/>
      <c r="AD107" s="169"/>
      <c r="AE107" s="169"/>
      <c r="AF107" s="169"/>
      <c r="AG107" s="169"/>
      <c r="AH107" s="169"/>
      <c r="AI107" s="169"/>
      <c r="AJ107" s="169"/>
      <c r="AK107" s="169"/>
      <c r="AL107" s="169"/>
      <c r="AM107" s="169"/>
      <c r="AN107" s="169"/>
      <c r="AO107" s="169"/>
      <c r="AP107" s="169"/>
      <c r="AQ107" s="169"/>
      <c r="AR107" s="169"/>
      <c r="AS107" s="169"/>
      <c r="AT107" s="169"/>
      <c r="AU107" s="169"/>
      <c r="AV107" s="169"/>
      <c r="AW107" s="169"/>
      <c r="AX107" s="169"/>
      <c r="AY107" s="169"/>
      <c r="AZ107" s="169"/>
      <c r="BA107" s="169"/>
      <c r="BB107" s="169"/>
      <c r="BC107" s="169"/>
      <c r="BD107" s="169"/>
    </row>
    <row r="108" spans="3:56" x14ac:dyDescent="0.2">
      <c r="C108" s="190"/>
      <c r="D108" s="168"/>
      <c r="E108" s="169"/>
      <c r="F108" s="169"/>
      <c r="G108" s="169"/>
      <c r="H108" s="169"/>
      <c r="I108" s="169"/>
      <c r="J108" s="169"/>
      <c r="K108" s="169"/>
      <c r="L108" s="169"/>
      <c r="M108" s="169"/>
      <c r="N108" s="169"/>
      <c r="O108" s="169"/>
      <c r="P108" s="169"/>
      <c r="Q108" s="169"/>
      <c r="R108" s="169"/>
      <c r="S108" s="169"/>
      <c r="T108" s="169"/>
      <c r="U108" s="169"/>
      <c r="V108" s="169"/>
      <c r="W108" s="169"/>
      <c r="X108" s="169"/>
      <c r="Y108" s="169"/>
      <c r="Z108" s="169"/>
      <c r="AA108" s="169"/>
      <c r="AB108" s="169"/>
      <c r="AC108" s="169"/>
      <c r="AD108" s="169"/>
      <c r="AE108" s="169"/>
      <c r="AF108" s="169"/>
      <c r="AG108" s="169"/>
      <c r="AH108" s="169"/>
      <c r="AI108" s="169"/>
      <c r="AJ108" s="169"/>
      <c r="AK108" s="169"/>
      <c r="AL108" s="169"/>
      <c r="AM108" s="169"/>
      <c r="AN108" s="169"/>
      <c r="AO108" s="169"/>
      <c r="AP108" s="169"/>
      <c r="AQ108" s="169"/>
      <c r="AR108" s="169"/>
      <c r="AS108" s="169"/>
      <c r="AT108" s="169"/>
      <c r="AU108" s="169"/>
      <c r="AV108" s="169"/>
      <c r="AW108" s="169"/>
      <c r="AX108" s="169"/>
      <c r="AY108" s="169"/>
      <c r="AZ108" s="169"/>
      <c r="BA108" s="169"/>
      <c r="BB108" s="169"/>
      <c r="BC108" s="169"/>
      <c r="BD108" s="169"/>
    </row>
    <row r="109" spans="3:56" x14ac:dyDescent="0.2">
      <c r="C109" s="190"/>
      <c r="D109" s="168"/>
      <c r="E109" s="169"/>
      <c r="F109" s="169"/>
      <c r="G109" s="169"/>
      <c r="H109" s="169"/>
      <c r="I109" s="169"/>
      <c r="J109" s="169"/>
      <c r="K109" s="169"/>
      <c r="L109" s="169"/>
      <c r="M109" s="169"/>
      <c r="N109" s="169"/>
      <c r="O109" s="169"/>
      <c r="P109" s="169"/>
      <c r="Q109" s="169"/>
      <c r="R109" s="169"/>
      <c r="S109" s="169"/>
      <c r="T109" s="169"/>
      <c r="U109" s="169"/>
      <c r="V109" s="169"/>
      <c r="W109" s="169"/>
      <c r="X109" s="169"/>
      <c r="Y109" s="169"/>
      <c r="Z109" s="169"/>
      <c r="AA109" s="169"/>
      <c r="AB109" s="169"/>
      <c r="AC109" s="169"/>
      <c r="AD109" s="169"/>
      <c r="AE109" s="169"/>
      <c r="AF109" s="169"/>
      <c r="AG109" s="169"/>
      <c r="AH109" s="169"/>
      <c r="AI109" s="169"/>
      <c r="AJ109" s="169"/>
      <c r="AK109" s="169"/>
      <c r="AL109" s="169"/>
      <c r="AM109" s="169"/>
      <c r="AN109" s="169"/>
      <c r="AO109" s="169"/>
      <c r="AP109" s="169"/>
      <c r="AQ109" s="169"/>
      <c r="AR109" s="169"/>
      <c r="AS109" s="169"/>
      <c r="AT109" s="169"/>
      <c r="AU109" s="169"/>
      <c r="AV109" s="169"/>
      <c r="AW109" s="169"/>
      <c r="AX109" s="169"/>
      <c r="AY109" s="169"/>
      <c r="AZ109" s="169"/>
      <c r="BA109" s="169"/>
      <c r="BB109" s="169"/>
      <c r="BC109" s="169"/>
      <c r="BD109" s="169"/>
    </row>
    <row r="110" spans="3:56" x14ac:dyDescent="0.2">
      <c r="C110" s="190"/>
      <c r="D110" s="168"/>
      <c r="E110" s="169"/>
      <c r="F110" s="169"/>
      <c r="G110" s="169"/>
      <c r="H110" s="169"/>
      <c r="I110" s="169"/>
      <c r="J110" s="169"/>
      <c r="K110" s="169"/>
      <c r="L110" s="169"/>
      <c r="M110" s="169"/>
      <c r="N110" s="169"/>
      <c r="O110" s="169"/>
      <c r="P110" s="169"/>
      <c r="Q110" s="169"/>
      <c r="R110" s="169"/>
      <c r="S110" s="169"/>
      <c r="T110" s="169"/>
      <c r="U110" s="169"/>
      <c r="V110" s="169"/>
      <c r="W110" s="169"/>
      <c r="X110" s="169"/>
      <c r="Y110" s="169"/>
      <c r="Z110" s="169"/>
      <c r="AA110" s="169"/>
      <c r="AB110" s="169"/>
      <c r="AC110" s="169"/>
      <c r="AD110" s="169"/>
      <c r="AE110" s="169"/>
      <c r="AF110" s="169"/>
      <c r="AG110" s="169"/>
      <c r="AH110" s="169"/>
      <c r="AI110" s="169"/>
      <c r="AJ110" s="169"/>
      <c r="AK110" s="169"/>
      <c r="AL110" s="169"/>
      <c r="AM110" s="169"/>
      <c r="AN110" s="169"/>
      <c r="AO110" s="169"/>
      <c r="AP110" s="169"/>
      <c r="AQ110" s="169"/>
      <c r="AR110" s="169"/>
      <c r="AS110" s="169"/>
      <c r="AT110" s="169"/>
      <c r="AU110" s="169"/>
      <c r="AV110" s="169"/>
      <c r="AW110" s="169"/>
      <c r="AX110" s="169"/>
      <c r="AY110" s="169"/>
      <c r="AZ110" s="169"/>
      <c r="BA110" s="169"/>
      <c r="BB110" s="169"/>
      <c r="BC110" s="169"/>
      <c r="BD110" s="169"/>
    </row>
    <row r="111" spans="3:56" x14ac:dyDescent="0.2">
      <c r="C111" s="190"/>
      <c r="D111" s="168"/>
      <c r="E111" s="169"/>
      <c r="F111" s="169"/>
      <c r="G111" s="169"/>
      <c r="H111" s="169"/>
      <c r="I111" s="169"/>
      <c r="J111" s="169"/>
      <c r="K111" s="169"/>
      <c r="L111" s="169"/>
      <c r="M111" s="169"/>
      <c r="N111" s="169"/>
      <c r="O111" s="169"/>
      <c r="P111" s="169"/>
      <c r="Q111" s="169"/>
      <c r="R111" s="169"/>
      <c r="S111" s="169"/>
      <c r="T111" s="169"/>
      <c r="U111" s="169"/>
      <c r="V111" s="169"/>
      <c r="W111" s="169"/>
      <c r="X111" s="169"/>
      <c r="Y111" s="169"/>
      <c r="Z111" s="169"/>
      <c r="AA111" s="169"/>
      <c r="AB111" s="169"/>
      <c r="AC111" s="169"/>
      <c r="AD111" s="169"/>
      <c r="AE111" s="169"/>
      <c r="AF111" s="169"/>
      <c r="AG111" s="169"/>
      <c r="AH111" s="169"/>
      <c r="AI111" s="169"/>
      <c r="AJ111" s="169"/>
      <c r="AK111" s="169"/>
      <c r="AL111" s="169"/>
      <c r="AM111" s="169"/>
      <c r="AN111" s="169"/>
      <c r="AO111" s="169"/>
      <c r="AP111" s="169"/>
      <c r="AQ111" s="169"/>
      <c r="AR111" s="169"/>
      <c r="AS111" s="169"/>
      <c r="AT111" s="169"/>
      <c r="AU111" s="169"/>
      <c r="AV111" s="169"/>
      <c r="AW111" s="169"/>
      <c r="AX111" s="169"/>
      <c r="AY111" s="169"/>
      <c r="AZ111" s="169"/>
      <c r="BA111" s="169"/>
      <c r="BB111" s="169"/>
      <c r="BC111" s="169"/>
      <c r="BD111" s="169"/>
    </row>
    <row r="112" spans="3:56" x14ac:dyDescent="0.2">
      <c r="C112" s="190"/>
      <c r="D112" s="168"/>
      <c r="E112" s="169"/>
      <c r="F112" s="169"/>
      <c r="G112" s="169"/>
      <c r="H112" s="169"/>
      <c r="I112" s="169"/>
      <c r="J112" s="169"/>
      <c r="K112" s="169"/>
      <c r="L112" s="169"/>
      <c r="M112" s="169"/>
      <c r="N112" s="169"/>
      <c r="O112" s="169"/>
      <c r="P112" s="169"/>
      <c r="Q112" s="169"/>
      <c r="R112" s="169"/>
      <c r="S112" s="169"/>
      <c r="T112" s="169"/>
      <c r="U112" s="169"/>
      <c r="V112" s="169"/>
      <c r="W112" s="169"/>
      <c r="X112" s="169"/>
      <c r="Y112" s="169"/>
      <c r="Z112" s="169"/>
      <c r="AA112" s="169"/>
      <c r="AB112" s="169"/>
      <c r="AC112" s="169"/>
      <c r="AD112" s="169"/>
      <c r="AE112" s="169"/>
      <c r="AF112" s="169"/>
      <c r="AG112" s="169"/>
      <c r="AH112" s="169"/>
      <c r="AI112" s="169"/>
      <c r="AJ112" s="169"/>
      <c r="AK112" s="169"/>
      <c r="AL112" s="169"/>
      <c r="AM112" s="169"/>
      <c r="AN112" s="169"/>
      <c r="AO112" s="169"/>
      <c r="AP112" s="169"/>
      <c r="AQ112" s="169"/>
      <c r="AR112" s="169"/>
      <c r="AS112" s="169"/>
      <c r="AT112" s="169"/>
      <c r="AU112" s="169"/>
      <c r="AV112" s="169"/>
      <c r="AW112" s="169"/>
      <c r="AX112" s="169"/>
      <c r="AY112" s="169"/>
      <c r="AZ112" s="169"/>
      <c r="BA112" s="169"/>
      <c r="BB112" s="169"/>
      <c r="BC112" s="169"/>
      <c r="BD112" s="169"/>
    </row>
    <row r="113" spans="3:56" x14ac:dyDescent="0.2">
      <c r="C113" s="190"/>
      <c r="D113" s="168"/>
      <c r="E113" s="169"/>
      <c r="F113" s="169"/>
      <c r="G113" s="169"/>
      <c r="H113" s="169"/>
      <c r="I113" s="169"/>
      <c r="J113" s="169"/>
      <c r="K113" s="169"/>
      <c r="L113" s="169"/>
      <c r="M113" s="169"/>
      <c r="N113" s="169"/>
      <c r="O113" s="169"/>
      <c r="P113" s="169"/>
      <c r="Q113" s="169"/>
      <c r="R113" s="169"/>
      <c r="S113" s="169"/>
      <c r="T113" s="169"/>
      <c r="U113" s="169"/>
      <c r="V113" s="169"/>
      <c r="W113" s="169"/>
      <c r="X113" s="169"/>
      <c r="Y113" s="169"/>
      <c r="Z113" s="169"/>
      <c r="AA113" s="169"/>
      <c r="AB113" s="169"/>
      <c r="AC113" s="169"/>
      <c r="AD113" s="169"/>
      <c r="AE113" s="169"/>
      <c r="AF113" s="169"/>
      <c r="AG113" s="169"/>
      <c r="AH113" s="169"/>
      <c r="AI113" s="169"/>
      <c r="AJ113" s="169"/>
      <c r="AK113" s="169"/>
      <c r="AL113" s="169"/>
      <c r="AM113" s="169"/>
      <c r="AN113" s="169"/>
      <c r="AO113" s="169"/>
      <c r="AP113" s="169"/>
      <c r="AQ113" s="169"/>
      <c r="AR113" s="169"/>
      <c r="AS113" s="169"/>
      <c r="AT113" s="169"/>
      <c r="AU113" s="169"/>
      <c r="AV113" s="169"/>
      <c r="AW113" s="169"/>
      <c r="AX113" s="169"/>
      <c r="AY113" s="169"/>
      <c r="AZ113" s="169"/>
      <c r="BA113" s="169"/>
      <c r="BB113" s="169"/>
      <c r="BC113" s="169"/>
      <c r="BD113" s="169"/>
    </row>
    <row r="114" spans="3:56" x14ac:dyDescent="0.2">
      <c r="C114" s="190"/>
      <c r="D114" s="168"/>
      <c r="E114" s="169"/>
      <c r="F114" s="169"/>
      <c r="G114" s="169"/>
      <c r="H114" s="169"/>
      <c r="I114" s="169"/>
      <c r="J114" s="169"/>
      <c r="K114" s="169"/>
      <c r="L114" s="169"/>
      <c r="M114" s="169"/>
      <c r="N114" s="169"/>
      <c r="O114" s="169"/>
      <c r="P114" s="169"/>
      <c r="Q114" s="169"/>
      <c r="R114" s="169"/>
      <c r="S114" s="169"/>
      <c r="T114" s="169"/>
      <c r="U114" s="169"/>
      <c r="V114" s="169"/>
      <c r="W114" s="169"/>
      <c r="X114" s="169"/>
      <c r="Y114" s="169"/>
      <c r="Z114" s="169"/>
      <c r="AA114" s="169"/>
      <c r="AB114" s="169"/>
      <c r="AC114" s="169"/>
      <c r="AD114" s="169"/>
      <c r="AE114" s="169"/>
      <c r="AF114" s="169"/>
      <c r="AG114" s="169"/>
      <c r="AH114" s="169"/>
      <c r="AI114" s="170"/>
      <c r="AJ114" s="170"/>
      <c r="AK114" s="170"/>
      <c r="AL114" s="170"/>
      <c r="AM114" s="170"/>
      <c r="AN114" s="170"/>
      <c r="AO114" s="169"/>
      <c r="AP114" s="169"/>
      <c r="AQ114" s="169"/>
      <c r="AR114" s="169"/>
      <c r="AS114" s="169"/>
      <c r="AT114" s="169"/>
      <c r="AU114" s="169"/>
      <c r="AV114" s="169"/>
      <c r="AW114" s="169"/>
      <c r="AX114" s="169"/>
      <c r="AY114" s="169"/>
      <c r="AZ114" s="169"/>
      <c r="BA114" s="169"/>
      <c r="BB114" s="169"/>
      <c r="BC114" s="169"/>
      <c r="BD114" s="169"/>
    </row>
    <row r="115" spans="3:56" x14ac:dyDescent="0.2">
      <c r="C115" s="190"/>
      <c r="D115" s="168"/>
      <c r="E115" s="169"/>
      <c r="F115" s="169"/>
      <c r="G115" s="169"/>
      <c r="H115" s="169"/>
      <c r="I115" s="169"/>
      <c r="J115" s="169"/>
      <c r="K115" s="169"/>
      <c r="L115" s="169"/>
      <c r="M115" s="169"/>
      <c r="N115" s="169"/>
      <c r="O115" s="169"/>
      <c r="P115" s="169"/>
      <c r="Q115" s="169"/>
      <c r="R115" s="169"/>
      <c r="S115" s="169"/>
      <c r="T115" s="169"/>
      <c r="U115" s="169"/>
      <c r="V115" s="169"/>
      <c r="W115" s="169"/>
      <c r="X115" s="169"/>
      <c r="Y115" s="169"/>
      <c r="Z115" s="169"/>
      <c r="AA115" s="169"/>
      <c r="AB115" s="169"/>
      <c r="AC115" s="169"/>
      <c r="AD115" s="169"/>
      <c r="AE115" s="169"/>
      <c r="AF115" s="169"/>
      <c r="AG115" s="169"/>
      <c r="AH115" s="169"/>
      <c r="AI115" s="169"/>
      <c r="AJ115" s="169"/>
      <c r="AK115" s="169"/>
      <c r="AL115" s="169"/>
      <c r="AM115" s="169"/>
      <c r="AN115" s="169"/>
      <c r="AO115" s="169"/>
      <c r="AP115" s="169"/>
      <c r="AQ115" s="169"/>
      <c r="AR115" s="169"/>
      <c r="AS115" s="169"/>
      <c r="AT115" s="169"/>
      <c r="AU115" s="169"/>
      <c r="AV115" s="169"/>
      <c r="AW115" s="169"/>
      <c r="AX115" s="169"/>
      <c r="AY115" s="169"/>
      <c r="AZ115" s="169"/>
      <c r="BA115" s="169"/>
      <c r="BB115" s="169"/>
      <c r="BC115" s="169"/>
      <c r="BD115" s="169"/>
    </row>
    <row r="116" spans="3:56" x14ac:dyDescent="0.2">
      <c r="C116" s="190"/>
      <c r="D116" s="168"/>
      <c r="E116" s="169"/>
      <c r="F116" s="169"/>
      <c r="G116" s="169"/>
      <c r="H116" s="169"/>
      <c r="I116" s="169"/>
      <c r="J116" s="169"/>
      <c r="K116" s="169"/>
      <c r="L116" s="169"/>
      <c r="M116" s="169"/>
      <c r="N116" s="169"/>
      <c r="O116" s="169"/>
      <c r="P116" s="169"/>
      <c r="Q116" s="169"/>
      <c r="R116" s="169"/>
      <c r="S116" s="169"/>
      <c r="T116" s="169"/>
      <c r="U116" s="169"/>
      <c r="V116" s="169"/>
      <c r="W116" s="169"/>
      <c r="X116" s="169"/>
      <c r="Y116" s="169"/>
      <c r="Z116" s="169"/>
      <c r="AA116" s="169"/>
      <c r="AB116" s="169"/>
      <c r="AC116" s="169"/>
      <c r="AD116" s="169"/>
      <c r="AE116" s="169"/>
      <c r="AF116" s="169"/>
      <c r="AG116" s="169"/>
      <c r="AH116" s="169"/>
      <c r="AI116" s="169"/>
      <c r="AJ116" s="169"/>
      <c r="AK116" s="169"/>
      <c r="AL116" s="169"/>
      <c r="AM116" s="169"/>
      <c r="AN116" s="169"/>
      <c r="AO116" s="169"/>
      <c r="AP116" s="169"/>
      <c r="AQ116" s="169"/>
      <c r="AR116" s="169"/>
      <c r="AS116" s="169"/>
      <c r="AT116" s="169"/>
      <c r="AU116" s="169"/>
      <c r="AV116" s="169"/>
      <c r="AW116" s="169"/>
      <c r="AX116" s="169"/>
      <c r="AY116" s="169"/>
      <c r="AZ116" s="169"/>
      <c r="BA116" s="169"/>
      <c r="BB116" s="169"/>
      <c r="BC116" s="169"/>
      <c r="BD116" s="169"/>
    </row>
    <row r="117" spans="3:56" x14ac:dyDescent="0.2">
      <c r="C117" s="190"/>
      <c r="D117" s="168"/>
      <c r="E117" s="169"/>
      <c r="F117" s="169"/>
      <c r="G117" s="169"/>
      <c r="H117" s="169"/>
      <c r="I117" s="169"/>
      <c r="J117" s="169"/>
      <c r="K117" s="169"/>
      <c r="L117" s="169"/>
      <c r="M117" s="169"/>
      <c r="N117" s="169"/>
      <c r="O117" s="169"/>
      <c r="P117" s="169"/>
      <c r="Q117" s="169"/>
      <c r="R117" s="169"/>
      <c r="S117" s="169"/>
      <c r="T117" s="169"/>
      <c r="U117" s="169"/>
      <c r="V117" s="169"/>
      <c r="W117" s="169"/>
      <c r="X117" s="169"/>
      <c r="Y117" s="169"/>
      <c r="Z117" s="169"/>
      <c r="AA117" s="169"/>
      <c r="AB117" s="169"/>
      <c r="AC117" s="169"/>
      <c r="AD117" s="169"/>
      <c r="AE117" s="169"/>
      <c r="AF117" s="169"/>
      <c r="AG117" s="169"/>
      <c r="AH117" s="169"/>
      <c r="AI117" s="169"/>
      <c r="AJ117" s="169"/>
      <c r="AK117" s="169"/>
      <c r="AL117" s="169"/>
      <c r="AM117" s="169"/>
      <c r="AN117" s="169"/>
      <c r="AO117" s="169"/>
      <c r="AP117" s="169"/>
      <c r="AQ117" s="169"/>
      <c r="AR117" s="169"/>
      <c r="AS117" s="169"/>
      <c r="AT117" s="169"/>
      <c r="AU117" s="169"/>
      <c r="AV117" s="169"/>
      <c r="AW117" s="169"/>
      <c r="AX117" s="169"/>
      <c r="AY117" s="169"/>
      <c r="AZ117" s="169"/>
      <c r="BA117" s="169"/>
      <c r="BB117" s="169"/>
      <c r="BC117" s="169"/>
      <c r="BD117" s="169"/>
    </row>
    <row r="118" spans="3:56" x14ac:dyDescent="0.2">
      <c r="C118" s="190"/>
      <c r="D118" s="168"/>
      <c r="E118" s="169"/>
      <c r="F118" s="169"/>
      <c r="G118" s="169"/>
      <c r="H118" s="169"/>
      <c r="I118" s="169"/>
      <c r="J118" s="169"/>
      <c r="K118" s="169"/>
      <c r="L118" s="169"/>
      <c r="M118" s="169"/>
      <c r="N118" s="169"/>
      <c r="O118" s="169"/>
      <c r="P118" s="169"/>
      <c r="Q118" s="169"/>
      <c r="R118" s="169"/>
      <c r="S118" s="169"/>
      <c r="T118" s="169"/>
      <c r="U118" s="169"/>
      <c r="V118" s="169"/>
      <c r="W118" s="169"/>
      <c r="X118" s="169"/>
      <c r="Y118" s="169"/>
      <c r="Z118" s="169"/>
      <c r="AA118" s="169"/>
      <c r="AB118" s="169"/>
      <c r="AC118" s="169"/>
      <c r="AD118" s="169"/>
      <c r="AE118" s="169"/>
      <c r="AF118" s="169"/>
      <c r="AG118" s="169"/>
      <c r="AH118" s="169"/>
      <c r="AI118" s="169"/>
      <c r="AJ118" s="169"/>
      <c r="AK118" s="169"/>
      <c r="AL118" s="169"/>
      <c r="AM118" s="169"/>
      <c r="AN118" s="169"/>
      <c r="AO118" s="169"/>
      <c r="AP118" s="169"/>
      <c r="AQ118" s="169"/>
      <c r="AR118" s="169"/>
      <c r="AS118" s="169"/>
      <c r="AT118" s="169"/>
      <c r="AU118" s="169"/>
      <c r="AV118" s="169"/>
      <c r="AW118" s="169"/>
      <c r="AX118" s="169"/>
      <c r="AY118" s="169"/>
      <c r="AZ118" s="169"/>
      <c r="BA118" s="169"/>
      <c r="BB118" s="169"/>
      <c r="BC118" s="169"/>
      <c r="BD118" s="169"/>
    </row>
    <row r="119" spans="3:56" x14ac:dyDescent="0.2">
      <c r="C119" s="129"/>
      <c r="D119" s="168"/>
      <c r="E119" s="192"/>
      <c r="F119" s="169"/>
      <c r="G119" s="169"/>
      <c r="H119" s="169"/>
      <c r="I119" s="169"/>
      <c r="J119" s="169"/>
      <c r="K119" s="169"/>
      <c r="L119" s="169"/>
      <c r="M119" s="169"/>
      <c r="N119" s="169"/>
      <c r="O119" s="169"/>
      <c r="P119" s="169"/>
      <c r="Q119" s="169"/>
      <c r="R119" s="169"/>
      <c r="S119" s="169"/>
      <c r="T119" s="169"/>
      <c r="U119" s="169"/>
      <c r="V119" s="169"/>
      <c r="W119" s="169"/>
      <c r="X119" s="169"/>
      <c r="Y119" s="169"/>
      <c r="Z119" s="169"/>
      <c r="AA119" s="169"/>
      <c r="AB119" s="169"/>
      <c r="AC119" s="169"/>
      <c r="AD119" s="169"/>
      <c r="AE119" s="169"/>
      <c r="AF119" s="169"/>
      <c r="AG119" s="169"/>
      <c r="AH119" s="169"/>
      <c r="AI119" s="169"/>
      <c r="AJ119" s="169"/>
      <c r="AK119" s="169"/>
      <c r="AL119" s="169"/>
      <c r="AM119" s="169"/>
      <c r="AN119" s="169"/>
      <c r="AO119" s="169"/>
      <c r="AP119" s="169"/>
      <c r="AQ119" s="169"/>
      <c r="AR119" s="169"/>
      <c r="AS119" s="169"/>
      <c r="AT119" s="169"/>
      <c r="AU119" s="169"/>
      <c r="AV119" s="169"/>
      <c r="AW119" s="169"/>
      <c r="AX119" s="169"/>
      <c r="AY119" s="169"/>
      <c r="AZ119" s="169"/>
      <c r="BA119" s="169"/>
      <c r="BB119" s="169"/>
      <c r="BC119" s="169"/>
      <c r="BD119" s="192"/>
    </row>
    <row r="120" spans="3:56" x14ac:dyDescent="0.2">
      <c r="C120" s="129"/>
      <c r="D120" s="168"/>
      <c r="E120" s="169"/>
      <c r="F120" s="169"/>
      <c r="G120" s="169"/>
      <c r="H120" s="169"/>
      <c r="I120" s="169"/>
      <c r="J120" s="169"/>
      <c r="K120" s="169"/>
      <c r="L120" s="169"/>
      <c r="M120" s="169"/>
      <c r="N120" s="169"/>
      <c r="O120" s="169"/>
      <c r="P120" s="169"/>
      <c r="Q120" s="169"/>
      <c r="R120" s="169"/>
      <c r="S120" s="169"/>
      <c r="T120" s="169"/>
      <c r="U120" s="169"/>
      <c r="V120" s="169"/>
      <c r="W120" s="169"/>
      <c r="X120" s="169"/>
      <c r="Y120" s="169"/>
      <c r="Z120" s="169"/>
      <c r="AA120" s="169"/>
      <c r="AB120" s="169"/>
      <c r="AC120" s="169"/>
      <c r="AD120" s="169"/>
      <c r="AE120" s="169"/>
      <c r="AF120" s="169"/>
      <c r="AG120" s="169"/>
      <c r="AH120" s="169"/>
      <c r="AI120" s="169"/>
      <c r="AJ120" s="169"/>
      <c r="AK120" s="169"/>
      <c r="AL120" s="169"/>
      <c r="AM120" s="169"/>
      <c r="AN120" s="169"/>
      <c r="AO120" s="169"/>
      <c r="AP120" s="169"/>
      <c r="AQ120" s="169"/>
      <c r="AR120" s="169"/>
      <c r="AS120" s="169"/>
      <c r="AT120" s="169"/>
      <c r="AU120" s="169"/>
      <c r="AV120" s="169"/>
      <c r="AW120" s="169"/>
      <c r="AX120" s="169"/>
      <c r="AY120" s="169"/>
      <c r="AZ120" s="169"/>
      <c r="BA120" s="169"/>
      <c r="BB120" s="169"/>
      <c r="BC120" s="169"/>
      <c r="BD120" s="169"/>
    </row>
    <row r="121" spans="3:56" x14ac:dyDescent="0.2">
      <c r="C121" s="129"/>
      <c r="D121" s="168"/>
      <c r="E121" s="169"/>
      <c r="F121" s="169"/>
      <c r="G121" s="169"/>
      <c r="H121" s="169"/>
      <c r="I121" s="169"/>
      <c r="J121" s="169"/>
      <c r="K121" s="169"/>
      <c r="L121" s="169"/>
      <c r="M121" s="169"/>
      <c r="N121" s="169"/>
      <c r="O121" s="169"/>
      <c r="P121" s="169"/>
      <c r="Q121" s="169"/>
      <c r="R121" s="169"/>
      <c r="S121" s="169"/>
      <c r="T121" s="169"/>
      <c r="U121" s="169"/>
      <c r="V121" s="169"/>
      <c r="W121" s="169"/>
      <c r="X121" s="169"/>
      <c r="Y121" s="169"/>
      <c r="Z121" s="169"/>
      <c r="AA121" s="169"/>
      <c r="AB121" s="169"/>
      <c r="AC121" s="169"/>
      <c r="AD121" s="169"/>
      <c r="AE121" s="169"/>
      <c r="AF121" s="169"/>
      <c r="AG121" s="169"/>
      <c r="AH121" s="169"/>
      <c r="AI121" s="169"/>
      <c r="AJ121" s="169"/>
      <c r="AK121" s="169"/>
      <c r="AL121" s="169"/>
      <c r="AM121" s="169"/>
      <c r="AN121" s="169"/>
      <c r="AO121" s="169"/>
      <c r="AP121" s="169"/>
      <c r="AQ121" s="169"/>
      <c r="AR121" s="169"/>
      <c r="AS121" s="169"/>
      <c r="AT121" s="169"/>
      <c r="AU121" s="169"/>
      <c r="AV121" s="169"/>
      <c r="AW121" s="169"/>
      <c r="AX121" s="169"/>
      <c r="AY121" s="169"/>
      <c r="AZ121" s="169"/>
      <c r="BA121" s="169"/>
      <c r="BB121" s="169"/>
      <c r="BC121" s="169"/>
      <c r="BD121" s="169"/>
    </row>
    <row r="122" spans="3:56" x14ac:dyDescent="0.2">
      <c r="C122" s="129"/>
      <c r="D122" s="168"/>
      <c r="E122" s="169"/>
      <c r="F122" s="169"/>
      <c r="G122" s="169"/>
      <c r="H122" s="169"/>
      <c r="I122" s="169"/>
      <c r="J122" s="169"/>
      <c r="K122" s="169"/>
      <c r="L122" s="169"/>
      <c r="M122" s="169"/>
      <c r="N122" s="169"/>
      <c r="O122" s="169"/>
      <c r="P122" s="169"/>
      <c r="Q122" s="169"/>
      <c r="R122" s="169"/>
      <c r="S122" s="169"/>
      <c r="T122" s="169"/>
      <c r="U122" s="169"/>
      <c r="V122" s="169"/>
      <c r="W122" s="169"/>
      <c r="X122" s="169"/>
      <c r="Y122" s="169"/>
      <c r="Z122" s="169"/>
      <c r="AA122" s="169"/>
      <c r="AB122" s="169"/>
      <c r="AC122" s="169"/>
      <c r="AD122" s="169"/>
      <c r="AE122" s="169"/>
      <c r="AF122" s="169"/>
      <c r="AG122" s="169"/>
      <c r="AH122" s="169"/>
      <c r="AI122" s="169"/>
      <c r="AJ122" s="169"/>
      <c r="AK122" s="169"/>
      <c r="AL122" s="169"/>
      <c r="AM122" s="169"/>
      <c r="AN122" s="169"/>
      <c r="AO122" s="169"/>
      <c r="AP122" s="169"/>
      <c r="AQ122" s="169"/>
      <c r="AR122" s="169"/>
      <c r="AS122" s="169"/>
      <c r="AT122" s="169"/>
      <c r="AU122" s="169"/>
      <c r="AV122" s="169"/>
      <c r="AW122" s="169"/>
      <c r="AX122" s="169"/>
      <c r="AY122" s="169"/>
      <c r="AZ122" s="169"/>
      <c r="BA122" s="169"/>
      <c r="BB122" s="169"/>
      <c r="BC122" s="169"/>
      <c r="BD122" s="169"/>
    </row>
    <row r="123" spans="3:56" x14ac:dyDescent="0.2">
      <c r="C123" s="129"/>
      <c r="D123" s="168"/>
      <c r="E123" s="169"/>
      <c r="F123" s="169"/>
      <c r="G123" s="169"/>
      <c r="H123" s="169"/>
      <c r="I123" s="169"/>
      <c r="J123" s="169"/>
      <c r="K123" s="169"/>
      <c r="L123" s="169"/>
      <c r="M123" s="169"/>
      <c r="N123" s="169"/>
      <c r="O123" s="169"/>
      <c r="P123" s="169"/>
      <c r="Q123" s="169"/>
      <c r="R123" s="169"/>
      <c r="S123" s="169"/>
      <c r="T123" s="169"/>
      <c r="U123" s="169"/>
      <c r="V123" s="169"/>
      <c r="W123" s="169"/>
      <c r="X123" s="169"/>
      <c r="Y123" s="169"/>
      <c r="Z123" s="169"/>
      <c r="AA123" s="169"/>
      <c r="AB123" s="169"/>
      <c r="AC123" s="169"/>
      <c r="AD123" s="169"/>
      <c r="AE123" s="169"/>
      <c r="AF123" s="169"/>
      <c r="AG123" s="169"/>
      <c r="AH123" s="169"/>
      <c r="AI123" s="169"/>
      <c r="AJ123" s="169"/>
      <c r="AK123" s="169"/>
      <c r="AL123" s="169"/>
      <c r="AM123" s="169"/>
      <c r="AN123" s="169"/>
      <c r="AO123" s="169"/>
      <c r="AP123" s="169"/>
      <c r="AQ123" s="169"/>
      <c r="AR123" s="169"/>
      <c r="AS123" s="169"/>
      <c r="AT123" s="169"/>
      <c r="AU123" s="169"/>
      <c r="AV123" s="169"/>
      <c r="AW123" s="169"/>
      <c r="AX123" s="169"/>
      <c r="AY123" s="169"/>
      <c r="AZ123" s="169"/>
      <c r="BA123" s="169"/>
      <c r="BB123" s="169"/>
      <c r="BC123" s="169"/>
      <c r="BD123" s="169"/>
    </row>
    <row r="124" spans="3:56" x14ac:dyDescent="0.2">
      <c r="C124" s="129"/>
      <c r="D124" s="168"/>
      <c r="E124" s="169"/>
      <c r="F124" s="169"/>
      <c r="G124" s="169"/>
      <c r="H124" s="169"/>
      <c r="I124" s="169"/>
      <c r="J124" s="169"/>
      <c r="K124" s="169"/>
      <c r="L124" s="169"/>
      <c r="M124" s="169"/>
      <c r="N124" s="169"/>
      <c r="O124" s="169"/>
      <c r="P124" s="169"/>
      <c r="Q124" s="169"/>
      <c r="R124" s="169"/>
      <c r="S124" s="169"/>
      <c r="T124" s="169"/>
      <c r="U124" s="169"/>
      <c r="V124" s="169"/>
      <c r="W124" s="169"/>
      <c r="X124" s="169"/>
      <c r="Y124" s="169"/>
      <c r="Z124" s="169"/>
      <c r="AA124" s="169"/>
      <c r="AB124" s="169"/>
      <c r="AC124" s="169"/>
      <c r="AD124" s="169"/>
      <c r="AE124" s="169"/>
      <c r="AF124" s="169"/>
      <c r="AG124" s="169"/>
      <c r="AH124" s="169"/>
      <c r="AI124" s="169"/>
      <c r="AJ124" s="169"/>
      <c r="AK124" s="169"/>
      <c r="AL124" s="169"/>
      <c r="AM124" s="169"/>
      <c r="AN124" s="169"/>
      <c r="AO124" s="169"/>
      <c r="AP124" s="169"/>
      <c r="AQ124" s="169"/>
      <c r="AR124" s="169"/>
      <c r="AS124" s="169"/>
      <c r="AT124" s="169"/>
      <c r="AU124" s="169"/>
      <c r="AV124" s="169"/>
      <c r="AW124" s="169"/>
      <c r="AX124" s="169"/>
      <c r="AY124" s="169"/>
      <c r="AZ124" s="169"/>
      <c r="BA124" s="169"/>
      <c r="BB124" s="169"/>
      <c r="BC124" s="169"/>
      <c r="BD124" s="169"/>
    </row>
    <row r="125" spans="3:56" x14ac:dyDescent="0.2">
      <c r="C125" s="129"/>
      <c r="D125" s="168"/>
      <c r="E125" s="169"/>
      <c r="F125" s="169"/>
      <c r="G125" s="169"/>
      <c r="H125" s="169"/>
      <c r="I125" s="169"/>
      <c r="J125" s="169"/>
      <c r="K125" s="169"/>
      <c r="L125" s="169"/>
      <c r="M125" s="169"/>
      <c r="N125" s="169"/>
      <c r="O125" s="169"/>
      <c r="P125" s="169"/>
      <c r="Q125" s="169"/>
      <c r="R125" s="169"/>
      <c r="S125" s="169"/>
      <c r="T125" s="169"/>
      <c r="U125" s="169"/>
      <c r="V125" s="169"/>
      <c r="W125" s="169"/>
      <c r="X125" s="169"/>
      <c r="Y125" s="169"/>
      <c r="Z125" s="169"/>
      <c r="AA125" s="169"/>
      <c r="AB125" s="169"/>
      <c r="AC125" s="169"/>
      <c r="AD125" s="169"/>
      <c r="AE125" s="169"/>
      <c r="AF125" s="169"/>
      <c r="AG125" s="169"/>
      <c r="AH125" s="169"/>
      <c r="AI125" s="169"/>
      <c r="AJ125" s="169"/>
      <c r="AK125" s="169"/>
      <c r="AL125" s="169"/>
      <c r="AM125" s="169"/>
      <c r="AN125" s="169"/>
      <c r="AO125" s="169"/>
      <c r="AP125" s="169"/>
      <c r="AQ125" s="169"/>
      <c r="AR125" s="169"/>
      <c r="AS125" s="169"/>
      <c r="AT125" s="169"/>
      <c r="AU125" s="169"/>
      <c r="AV125" s="169"/>
      <c r="AW125" s="169"/>
      <c r="AX125" s="169"/>
      <c r="AY125" s="169"/>
      <c r="AZ125" s="169"/>
      <c r="BA125" s="169"/>
      <c r="BB125" s="169"/>
      <c r="BC125" s="169"/>
      <c r="BD125" s="169"/>
    </row>
    <row r="126" spans="3:56" x14ac:dyDescent="0.2">
      <c r="C126" s="129"/>
      <c r="D126" s="168"/>
      <c r="E126" s="169"/>
      <c r="F126" s="169"/>
      <c r="G126" s="169"/>
      <c r="H126" s="169"/>
      <c r="I126" s="169"/>
      <c r="J126" s="169"/>
      <c r="K126" s="169"/>
      <c r="L126" s="169"/>
      <c r="M126" s="169"/>
      <c r="N126" s="169"/>
      <c r="O126" s="169"/>
      <c r="P126" s="169"/>
      <c r="Q126" s="169"/>
      <c r="R126" s="169"/>
      <c r="S126" s="169"/>
      <c r="T126" s="169"/>
      <c r="U126" s="169"/>
      <c r="V126" s="169"/>
      <c r="W126" s="169"/>
      <c r="X126" s="169"/>
      <c r="Y126" s="169"/>
      <c r="Z126" s="169"/>
      <c r="AA126" s="169"/>
      <c r="AB126" s="169"/>
      <c r="AC126" s="169"/>
      <c r="AD126" s="169"/>
      <c r="AE126" s="169"/>
      <c r="AF126" s="169"/>
      <c r="AG126" s="169"/>
      <c r="AH126" s="169"/>
      <c r="AI126" s="169"/>
      <c r="AJ126" s="169"/>
      <c r="AK126" s="169"/>
      <c r="AL126" s="169"/>
      <c r="AM126" s="169"/>
      <c r="AN126" s="169"/>
      <c r="AO126" s="169"/>
      <c r="AP126" s="169"/>
      <c r="AQ126" s="169"/>
      <c r="AR126" s="169"/>
      <c r="AS126" s="169"/>
      <c r="AT126" s="169"/>
      <c r="AU126" s="169"/>
      <c r="AV126" s="169"/>
      <c r="AW126" s="169"/>
      <c r="AX126" s="169"/>
      <c r="AY126" s="169"/>
      <c r="AZ126" s="169"/>
      <c r="BA126" s="169"/>
      <c r="BB126" s="169"/>
      <c r="BC126" s="169"/>
      <c r="BD126" s="169"/>
    </row>
    <row r="127" spans="3:56" x14ac:dyDescent="0.2">
      <c r="C127" s="129"/>
      <c r="D127" s="168"/>
      <c r="E127" s="169"/>
      <c r="F127" s="169"/>
      <c r="G127" s="169"/>
      <c r="H127" s="169"/>
      <c r="I127" s="169"/>
      <c r="J127" s="169"/>
      <c r="K127" s="169"/>
      <c r="L127" s="169"/>
      <c r="M127" s="169"/>
      <c r="N127" s="169"/>
      <c r="O127" s="169"/>
      <c r="P127" s="169"/>
      <c r="Q127" s="169"/>
      <c r="R127" s="169"/>
      <c r="S127" s="169"/>
      <c r="T127" s="169"/>
      <c r="U127" s="169"/>
      <c r="V127" s="169"/>
      <c r="W127" s="169"/>
      <c r="X127" s="169"/>
      <c r="Y127" s="169"/>
      <c r="Z127" s="169"/>
      <c r="AA127" s="169"/>
      <c r="AB127" s="169"/>
      <c r="AC127" s="169"/>
      <c r="AD127" s="169"/>
      <c r="AE127" s="169"/>
      <c r="AF127" s="169"/>
      <c r="AG127" s="169"/>
      <c r="AH127" s="169"/>
      <c r="AI127" s="169"/>
      <c r="AJ127" s="169"/>
      <c r="AK127" s="169"/>
      <c r="AL127" s="169"/>
      <c r="AM127" s="169"/>
      <c r="AN127" s="169"/>
      <c r="AO127" s="169"/>
      <c r="AP127" s="169"/>
      <c r="AQ127" s="169"/>
      <c r="AR127" s="169"/>
      <c r="AS127" s="169"/>
      <c r="AT127" s="169"/>
      <c r="AU127" s="169"/>
      <c r="AV127" s="169"/>
      <c r="AW127" s="169"/>
      <c r="AX127" s="169"/>
      <c r="AY127" s="169"/>
      <c r="AZ127" s="169"/>
      <c r="BA127" s="169"/>
      <c r="BB127" s="169"/>
      <c r="BC127" s="169"/>
      <c r="BD127" s="169"/>
    </row>
    <row r="128" spans="3:56" x14ac:dyDescent="0.2">
      <c r="C128" s="129"/>
      <c r="D128" s="168"/>
      <c r="E128" s="169"/>
      <c r="F128" s="169"/>
      <c r="G128" s="169"/>
      <c r="H128" s="169"/>
      <c r="I128" s="169"/>
      <c r="J128" s="169"/>
      <c r="K128" s="169"/>
      <c r="L128" s="169"/>
      <c r="M128" s="169"/>
      <c r="N128" s="169"/>
      <c r="O128" s="169"/>
      <c r="P128" s="169"/>
      <c r="Q128" s="169"/>
      <c r="R128" s="169"/>
      <c r="S128" s="169"/>
      <c r="T128" s="169"/>
      <c r="U128" s="169"/>
      <c r="V128" s="169"/>
      <c r="W128" s="169"/>
      <c r="X128" s="169"/>
      <c r="Y128" s="169"/>
      <c r="Z128" s="169"/>
      <c r="AA128" s="169"/>
      <c r="AB128" s="169"/>
      <c r="AC128" s="169"/>
      <c r="AD128" s="169"/>
      <c r="AE128" s="169"/>
      <c r="AF128" s="169"/>
      <c r="AG128" s="169"/>
      <c r="AH128" s="169"/>
      <c r="AI128" s="169"/>
      <c r="AJ128" s="169"/>
      <c r="AK128" s="169"/>
      <c r="AL128" s="169"/>
      <c r="AM128" s="169"/>
      <c r="AN128" s="169"/>
      <c r="AO128" s="169"/>
      <c r="AP128" s="169"/>
      <c r="AQ128" s="169"/>
      <c r="AR128" s="169"/>
      <c r="AS128" s="169"/>
      <c r="AT128" s="169"/>
      <c r="AU128" s="169"/>
      <c r="AV128" s="169"/>
      <c r="AW128" s="169"/>
      <c r="AX128" s="169"/>
      <c r="AY128" s="169"/>
      <c r="AZ128" s="169"/>
      <c r="BA128" s="169"/>
      <c r="BB128" s="169"/>
      <c r="BC128" s="169"/>
      <c r="BD128" s="169"/>
    </row>
    <row r="129" spans="3:56" x14ac:dyDescent="0.2">
      <c r="C129" s="129"/>
      <c r="D129" s="168"/>
      <c r="E129" s="169"/>
      <c r="F129" s="169"/>
      <c r="G129" s="169"/>
      <c r="H129" s="169"/>
      <c r="I129" s="169"/>
      <c r="J129" s="169"/>
      <c r="K129" s="169"/>
      <c r="L129" s="169"/>
      <c r="M129" s="169"/>
      <c r="N129" s="169"/>
      <c r="O129" s="169"/>
      <c r="P129" s="169"/>
      <c r="Q129" s="169"/>
      <c r="R129" s="169"/>
      <c r="S129" s="169"/>
      <c r="T129" s="169"/>
      <c r="U129" s="169"/>
      <c r="V129" s="169"/>
      <c r="W129" s="169"/>
      <c r="X129" s="169"/>
      <c r="Y129" s="169"/>
      <c r="Z129" s="169"/>
      <c r="AA129" s="169"/>
      <c r="AB129" s="169"/>
      <c r="AC129" s="169"/>
      <c r="AD129" s="169"/>
      <c r="AE129" s="169"/>
      <c r="AF129" s="169"/>
      <c r="AG129" s="169"/>
      <c r="AH129" s="169"/>
      <c r="AI129" s="169"/>
      <c r="AJ129" s="169"/>
      <c r="AK129" s="169"/>
      <c r="AL129" s="169"/>
      <c r="AM129" s="169"/>
      <c r="AN129" s="169"/>
      <c r="AO129" s="169"/>
      <c r="AP129" s="169"/>
      <c r="AQ129" s="169"/>
      <c r="AR129" s="169"/>
      <c r="AS129" s="169"/>
      <c r="AT129" s="169"/>
      <c r="AU129" s="169"/>
      <c r="AV129" s="169"/>
      <c r="AW129" s="169"/>
      <c r="AX129" s="169"/>
      <c r="AY129" s="169"/>
      <c r="AZ129" s="169"/>
      <c r="BA129" s="169"/>
      <c r="BB129" s="169"/>
      <c r="BC129" s="169"/>
      <c r="BD129" s="169"/>
    </row>
    <row r="130" spans="3:56" x14ac:dyDescent="0.2">
      <c r="C130" s="129"/>
      <c r="D130" s="168"/>
      <c r="E130" s="169"/>
      <c r="F130" s="169"/>
      <c r="G130" s="169"/>
      <c r="H130" s="169"/>
      <c r="I130" s="169"/>
      <c r="J130" s="169"/>
      <c r="K130" s="169"/>
      <c r="L130" s="169"/>
      <c r="M130" s="169"/>
      <c r="N130" s="169"/>
      <c r="O130" s="169"/>
      <c r="P130" s="169"/>
      <c r="Q130" s="169"/>
      <c r="R130" s="169"/>
      <c r="S130" s="169"/>
      <c r="T130" s="169"/>
      <c r="U130" s="169"/>
      <c r="V130" s="169"/>
      <c r="W130" s="169"/>
      <c r="X130" s="169"/>
      <c r="Y130" s="169"/>
      <c r="Z130" s="169"/>
      <c r="AA130" s="169"/>
      <c r="AB130" s="169"/>
      <c r="AC130" s="169"/>
      <c r="AD130" s="169"/>
      <c r="AE130" s="169"/>
      <c r="AF130" s="169"/>
      <c r="AG130" s="169"/>
      <c r="AH130" s="169"/>
      <c r="AI130" s="169"/>
      <c r="AJ130" s="169"/>
      <c r="AK130" s="169"/>
      <c r="AL130" s="169"/>
      <c r="AM130" s="169"/>
      <c r="AN130" s="169"/>
      <c r="AO130" s="169"/>
      <c r="AP130" s="169"/>
      <c r="AQ130" s="169"/>
      <c r="AR130" s="169"/>
      <c r="AS130" s="169"/>
      <c r="AT130" s="169"/>
      <c r="AU130" s="169"/>
      <c r="AV130" s="169"/>
      <c r="AW130" s="169"/>
      <c r="AX130" s="169"/>
      <c r="AY130" s="169"/>
      <c r="AZ130" s="169"/>
      <c r="BA130" s="169"/>
      <c r="BB130" s="169"/>
      <c r="BC130" s="169"/>
      <c r="BD130" s="169"/>
    </row>
    <row r="131" spans="3:56" x14ac:dyDescent="0.2">
      <c r="D131" s="168"/>
      <c r="E131" s="169"/>
      <c r="F131" s="169"/>
      <c r="G131" s="169"/>
      <c r="H131" s="169"/>
      <c r="I131" s="169"/>
      <c r="J131" s="169"/>
      <c r="K131" s="169"/>
      <c r="L131" s="169"/>
      <c r="M131" s="169"/>
      <c r="N131" s="169"/>
      <c r="O131" s="169"/>
      <c r="P131" s="169"/>
      <c r="Q131" s="169"/>
      <c r="R131" s="169"/>
      <c r="S131" s="169"/>
      <c r="T131" s="169"/>
      <c r="V131" s="169"/>
      <c r="W131" s="169"/>
      <c r="X131" s="169"/>
      <c r="Y131" s="169"/>
      <c r="Z131" s="169"/>
      <c r="AA131" s="169"/>
      <c r="AB131" s="169"/>
      <c r="AC131" s="169"/>
      <c r="AD131" s="169"/>
      <c r="AE131" s="169"/>
      <c r="AF131" s="169"/>
      <c r="AG131" s="169"/>
      <c r="AH131" s="169"/>
      <c r="AI131" s="169"/>
      <c r="AJ131" s="169"/>
      <c r="AK131" s="169"/>
      <c r="AL131" s="169"/>
      <c r="AM131" s="169"/>
      <c r="AN131" s="169"/>
      <c r="AO131" s="169"/>
      <c r="AP131" s="169"/>
      <c r="AQ131" s="169"/>
      <c r="AR131" s="169"/>
      <c r="AS131" s="169"/>
      <c r="AT131" s="169"/>
      <c r="AU131" s="169"/>
      <c r="AV131" s="169"/>
      <c r="AW131" s="169"/>
      <c r="AX131" s="169"/>
      <c r="AY131" s="169"/>
      <c r="AZ131" s="169"/>
      <c r="BA131" s="169"/>
      <c r="BB131" s="169"/>
      <c r="BC131" s="169"/>
      <c r="BD131" s="169"/>
    </row>
    <row r="132" spans="3:56" x14ac:dyDescent="0.2">
      <c r="E132" s="169"/>
      <c r="F132" s="169"/>
      <c r="H132" s="169"/>
      <c r="J132" s="169"/>
      <c r="L132" s="169"/>
      <c r="O132" s="169"/>
    </row>
    <row r="133" spans="3:56" x14ac:dyDescent="0.2">
      <c r="E133" s="169"/>
      <c r="F133" s="169"/>
      <c r="H133" s="169"/>
    </row>
    <row r="134" spans="3:56" x14ac:dyDescent="0.2">
      <c r="E134" s="169"/>
      <c r="F134" s="169"/>
      <c r="U134" s="169"/>
    </row>
    <row r="135" spans="3:56" x14ac:dyDescent="0.2">
      <c r="D135" s="168"/>
      <c r="E135" s="169"/>
      <c r="F135" s="169"/>
      <c r="G135" s="169"/>
      <c r="H135" s="169"/>
      <c r="I135" s="169"/>
      <c r="J135" s="169"/>
      <c r="K135" s="169"/>
      <c r="L135" s="169"/>
      <c r="M135" s="169"/>
      <c r="N135" s="169"/>
      <c r="O135" s="169"/>
      <c r="P135" s="169"/>
      <c r="Q135" s="169"/>
      <c r="R135" s="169"/>
      <c r="S135" s="169"/>
      <c r="T135" s="169"/>
      <c r="V135" s="169"/>
      <c r="W135" s="169"/>
      <c r="X135" s="169"/>
      <c r="Y135" s="169"/>
      <c r="Z135" s="169"/>
      <c r="AA135" s="169"/>
      <c r="AB135" s="169"/>
      <c r="AC135" s="169"/>
      <c r="AD135" s="169"/>
      <c r="AE135" s="169"/>
      <c r="AF135" s="169"/>
      <c r="AG135" s="169"/>
      <c r="AH135" s="169"/>
      <c r="AI135" s="169"/>
      <c r="AJ135" s="169"/>
      <c r="AK135" s="169"/>
      <c r="AL135" s="191"/>
      <c r="AM135" s="169"/>
      <c r="AN135" s="169"/>
      <c r="AO135" s="169"/>
      <c r="AP135" s="169"/>
      <c r="AQ135" s="169"/>
      <c r="AR135" s="169"/>
      <c r="AS135" s="169"/>
      <c r="AT135" s="169"/>
      <c r="AU135" s="169"/>
      <c r="AV135" s="169"/>
      <c r="AW135" s="169"/>
      <c r="AX135" s="169"/>
      <c r="AY135" s="169"/>
      <c r="AZ135" s="169"/>
      <c r="BA135" s="169"/>
      <c r="BB135" s="169"/>
      <c r="BC135" s="169"/>
      <c r="BD135" s="169"/>
    </row>
  </sheetData>
  <mergeCells count="1">
    <mergeCell ref="C97:F97"/>
  </mergeCells>
  <pageMargins left="0.7" right="0.7" top="0.75" bottom="0.75" header="0.3" footer="0.3"/>
  <pageSetup paperSize="9" orientation="portrait" r:id="rId1"/>
  <drawing r:id="rId2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300-000000000000}">
  <dimension ref="A1"/>
  <sheetViews>
    <sheetView workbookViewId="0"/>
  </sheetViews>
  <sheetFormatPr baseColWidth="10" defaultRowHeight="12.75" x14ac:dyDescent="0.2"/>
  <sheetData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pageSetUpPr fitToPage="1"/>
  </sheetPr>
  <dimension ref="C2:BD122"/>
  <sheetViews>
    <sheetView workbookViewId="0">
      <selection activeCell="C2" sqref="C2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56" width="5.42578125" bestFit="1" customWidth="1"/>
  </cols>
  <sheetData>
    <row r="2" spans="3:56" ht="18" customHeight="1" x14ac:dyDescent="0.2">
      <c r="D2" s="30"/>
    </row>
    <row r="3" spans="3:56" ht="21" customHeight="1" x14ac:dyDescent="0.2">
      <c r="D3" s="30"/>
    </row>
    <row r="4" spans="3:56" ht="32.25" customHeight="1" x14ac:dyDescent="0.2">
      <c r="D4" s="214"/>
      <c r="E4" s="214"/>
      <c r="F4" s="214"/>
      <c r="G4" s="214"/>
    </row>
    <row r="5" spans="3:56" x14ac:dyDescent="0.2">
      <c r="E5" s="27"/>
    </row>
    <row r="6" spans="3:56" ht="24.95" customHeight="1" x14ac:dyDescent="0.2">
      <c r="C6" s="28" t="s">
        <v>98</v>
      </c>
    </row>
    <row r="7" spans="3:56" ht="24.95" customHeight="1" x14ac:dyDescent="0.2">
      <c r="C7" s="29" t="s">
        <v>99</v>
      </c>
    </row>
    <row r="11" spans="3:56" x14ac:dyDescent="0.2">
      <c r="C11" s="1" t="s">
        <v>0</v>
      </c>
    </row>
    <row r="12" spans="3:56" ht="15" customHeight="1" x14ac:dyDescent="0.2">
      <c r="E12" s="2">
        <v>2006</v>
      </c>
      <c r="F12" s="2"/>
      <c r="G12" s="2"/>
      <c r="H12" s="2"/>
      <c r="I12" s="2"/>
      <c r="J12" s="2"/>
      <c r="K12" s="2"/>
      <c r="L12" s="2"/>
      <c r="M12" s="2"/>
    </row>
    <row r="13" spans="3:56" x14ac:dyDescent="0.2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">
      <c r="C14" s="5" t="s">
        <v>57</v>
      </c>
      <c r="D14" s="6" t="s">
        <v>58</v>
      </c>
      <c r="E14" s="8">
        <v>3.58</v>
      </c>
      <c r="F14" s="8">
        <v>3.58</v>
      </c>
      <c r="G14" s="8">
        <v>3.6</v>
      </c>
      <c r="H14" s="8">
        <v>3.6</v>
      </c>
      <c r="I14" s="8">
        <v>3.6</v>
      </c>
      <c r="J14" s="8">
        <v>3.59</v>
      </c>
      <c r="K14" s="8">
        <v>3.58</v>
      </c>
      <c r="L14" s="8">
        <v>3.57</v>
      </c>
      <c r="M14" s="8">
        <v>3.56</v>
      </c>
      <c r="N14" s="8">
        <v>3.55</v>
      </c>
      <c r="O14" s="8">
        <v>3.56</v>
      </c>
      <c r="P14" s="8">
        <v>3.56</v>
      </c>
      <c r="Q14" s="8">
        <v>3.56</v>
      </c>
      <c r="R14" s="8">
        <v>3.54</v>
      </c>
      <c r="S14" s="8">
        <v>3.54</v>
      </c>
      <c r="T14" s="8">
        <v>3.58</v>
      </c>
      <c r="U14" s="8">
        <v>3.54</v>
      </c>
      <c r="V14" s="8">
        <v>3.54</v>
      </c>
      <c r="W14" s="8">
        <v>3.54</v>
      </c>
      <c r="X14" s="8">
        <v>3.51</v>
      </c>
      <c r="Y14" s="8">
        <v>3.48</v>
      </c>
      <c r="Z14" s="8">
        <v>3.47</v>
      </c>
      <c r="AA14" s="8">
        <v>3.47</v>
      </c>
      <c r="AB14" s="8">
        <v>3.47</v>
      </c>
      <c r="AC14" s="8">
        <v>3.48</v>
      </c>
      <c r="AD14" s="8">
        <v>3.48</v>
      </c>
      <c r="AE14" s="8">
        <v>3.48</v>
      </c>
      <c r="AF14" s="8">
        <v>3.41</v>
      </c>
      <c r="AG14" s="8">
        <v>3.26</v>
      </c>
      <c r="AH14" s="8">
        <v>3.26</v>
      </c>
      <c r="AI14" s="8">
        <v>3.27</v>
      </c>
      <c r="AJ14" s="8">
        <v>3.28</v>
      </c>
      <c r="AK14" s="8">
        <v>3.33</v>
      </c>
      <c r="AL14" s="8">
        <v>3.36</v>
      </c>
      <c r="AM14" s="8">
        <v>3.39</v>
      </c>
      <c r="AN14" s="8">
        <v>3.43</v>
      </c>
      <c r="AO14" s="8">
        <v>3.44</v>
      </c>
      <c r="AP14" s="8">
        <v>3.44</v>
      </c>
      <c r="AQ14" s="8">
        <v>3.45</v>
      </c>
      <c r="AR14" s="8">
        <v>3.56</v>
      </c>
      <c r="AS14" s="8">
        <v>3.47</v>
      </c>
      <c r="AT14" s="8">
        <v>3.47</v>
      </c>
      <c r="AU14" s="8">
        <v>3.48</v>
      </c>
      <c r="AV14" s="8">
        <v>3.5</v>
      </c>
      <c r="AW14" s="8">
        <v>3.51</v>
      </c>
      <c r="AX14" s="8">
        <v>3.55</v>
      </c>
      <c r="AY14" s="8">
        <v>3.58</v>
      </c>
      <c r="AZ14" s="33">
        <v>3.64</v>
      </c>
      <c r="BA14" s="8">
        <v>3.65</v>
      </c>
      <c r="BB14" s="8">
        <v>3.68</v>
      </c>
      <c r="BC14" s="8">
        <v>3.69</v>
      </c>
      <c r="BD14" s="8">
        <v>3.7</v>
      </c>
    </row>
    <row r="15" spans="3:56" x14ac:dyDescent="0.2">
      <c r="C15" s="5" t="s">
        <v>59</v>
      </c>
      <c r="D15" s="6" t="s">
        <v>58</v>
      </c>
      <c r="E15" s="8">
        <v>6.61</v>
      </c>
      <c r="F15" s="8">
        <v>6</v>
      </c>
      <c r="G15" s="8">
        <v>5.35</v>
      </c>
      <c r="H15" s="8">
        <v>5.07</v>
      </c>
      <c r="I15" s="8">
        <v>4.8499999999999996</v>
      </c>
      <c r="J15" s="8">
        <v>4.87</v>
      </c>
      <c r="K15" s="8">
        <v>4.87</v>
      </c>
      <c r="L15" s="8">
        <v>4.71</v>
      </c>
      <c r="M15" s="8">
        <v>4.55</v>
      </c>
      <c r="N15" s="8">
        <v>4.38</v>
      </c>
      <c r="O15" s="8">
        <v>4.2</v>
      </c>
      <c r="P15" s="8">
        <v>4.21</v>
      </c>
      <c r="Q15" s="8">
        <v>4.2699999999999996</v>
      </c>
      <c r="R15" s="8">
        <v>4.2699999999999996</v>
      </c>
      <c r="S15" s="8">
        <v>4.24</v>
      </c>
      <c r="T15" s="8">
        <v>4.1399999999999997</v>
      </c>
      <c r="U15" s="8">
        <v>4.17</v>
      </c>
      <c r="V15" s="8">
        <v>4.26</v>
      </c>
      <c r="W15" s="8">
        <v>4.46</v>
      </c>
      <c r="X15" s="8">
        <v>4.53</v>
      </c>
      <c r="Y15" s="8">
        <v>4.54</v>
      </c>
      <c r="Z15" s="8">
        <v>4.5599999999999996</v>
      </c>
      <c r="AA15" s="8">
        <v>4.63</v>
      </c>
      <c r="AB15" s="8">
        <v>4.84</v>
      </c>
      <c r="AC15" s="8">
        <v>5.01</v>
      </c>
      <c r="AD15" s="8">
        <v>5.32</v>
      </c>
      <c r="AE15" s="8">
        <v>5.51</v>
      </c>
      <c r="AF15" s="8">
        <v>5.52</v>
      </c>
      <c r="AG15" s="8">
        <v>5.51</v>
      </c>
      <c r="AH15" s="8">
        <v>5.5</v>
      </c>
      <c r="AI15" s="8">
        <v>5.56</v>
      </c>
      <c r="AJ15" s="8">
        <v>5.92</v>
      </c>
      <c r="AK15" s="8">
        <v>6.18</v>
      </c>
      <c r="AL15" s="8">
        <v>6.56</v>
      </c>
      <c r="AM15" s="8">
        <v>6.75</v>
      </c>
      <c r="AN15" s="8">
        <v>6.27</v>
      </c>
      <c r="AO15" s="8">
        <v>6.03</v>
      </c>
      <c r="AP15" s="8">
        <v>5.68</v>
      </c>
      <c r="AQ15" s="8">
        <v>5.75</v>
      </c>
      <c r="AR15" s="8">
        <v>5.76</v>
      </c>
      <c r="AS15" s="8">
        <v>5.76</v>
      </c>
      <c r="AT15" s="8">
        <v>5.72</v>
      </c>
      <c r="AU15" s="8">
        <v>5.57</v>
      </c>
      <c r="AV15" s="8">
        <v>5.3</v>
      </c>
      <c r="AW15" s="8">
        <v>5.1100000000000003</v>
      </c>
      <c r="AX15" s="8">
        <v>5.09</v>
      </c>
      <c r="AY15" s="8">
        <v>5.14</v>
      </c>
      <c r="AZ15" s="33">
        <v>5.15</v>
      </c>
      <c r="BA15" s="8">
        <v>5.14</v>
      </c>
      <c r="BB15" s="8">
        <v>5.26</v>
      </c>
      <c r="BC15" s="8">
        <v>5.08</v>
      </c>
      <c r="BD15" s="8">
        <v>4.8600000000000003</v>
      </c>
    </row>
    <row r="16" spans="3:56" x14ac:dyDescent="0.2">
      <c r="C16" s="5" t="s">
        <v>60</v>
      </c>
      <c r="D16" s="6" t="s">
        <v>58</v>
      </c>
      <c r="E16" s="8">
        <v>1.39</v>
      </c>
      <c r="F16" s="8">
        <v>1.39</v>
      </c>
      <c r="G16" s="8">
        <v>1.4</v>
      </c>
      <c r="H16" s="8">
        <v>1.42</v>
      </c>
      <c r="I16" s="8">
        <v>1.46</v>
      </c>
      <c r="J16" s="8">
        <v>1.49</v>
      </c>
      <c r="K16" s="8">
        <v>1.5</v>
      </c>
      <c r="L16" s="8">
        <v>1.5</v>
      </c>
      <c r="M16" s="8">
        <v>1.5</v>
      </c>
      <c r="N16" s="8">
        <v>1.5</v>
      </c>
      <c r="O16" s="8">
        <v>1.51</v>
      </c>
      <c r="P16" s="8">
        <v>1.52</v>
      </c>
      <c r="Q16" s="8">
        <v>1.52</v>
      </c>
      <c r="R16" s="8">
        <v>1.51</v>
      </c>
      <c r="S16" s="8">
        <v>1.5</v>
      </c>
      <c r="T16" s="8">
        <v>1.5</v>
      </c>
      <c r="U16" s="8">
        <v>1.51</v>
      </c>
      <c r="V16" s="8">
        <v>1.51</v>
      </c>
      <c r="W16" s="8">
        <v>1.52</v>
      </c>
      <c r="X16" s="8">
        <v>1.55</v>
      </c>
      <c r="Y16" s="8">
        <v>1.59</v>
      </c>
      <c r="Z16" s="8">
        <v>1.62</v>
      </c>
      <c r="AA16" s="8">
        <v>1.66</v>
      </c>
      <c r="AB16" s="8">
        <v>1.67</v>
      </c>
      <c r="AC16" s="8">
        <v>1.71</v>
      </c>
      <c r="AD16" s="8">
        <v>1.72</v>
      </c>
      <c r="AE16" s="8">
        <v>1.72</v>
      </c>
      <c r="AF16" s="8">
        <v>1.72</v>
      </c>
      <c r="AG16" s="8">
        <v>1.72</v>
      </c>
      <c r="AH16" s="8">
        <v>1.72</v>
      </c>
      <c r="AI16" s="8">
        <v>1.72</v>
      </c>
      <c r="AJ16" s="8">
        <v>1.72</v>
      </c>
      <c r="AK16" s="8">
        <v>1.72</v>
      </c>
      <c r="AL16" s="8">
        <v>1.72</v>
      </c>
      <c r="AM16" s="8">
        <v>1.71</v>
      </c>
      <c r="AN16" s="8">
        <v>1.66</v>
      </c>
      <c r="AO16" s="8">
        <v>1.59</v>
      </c>
      <c r="AP16" s="8">
        <v>1.53</v>
      </c>
      <c r="AQ16" s="8">
        <v>1.47</v>
      </c>
      <c r="AR16" s="8">
        <v>1.42</v>
      </c>
      <c r="AS16" s="8">
        <v>1.36</v>
      </c>
      <c r="AT16" s="8">
        <v>1.29</v>
      </c>
      <c r="AU16" s="8">
        <v>1.26</v>
      </c>
      <c r="AV16" s="8">
        <v>1.23</v>
      </c>
      <c r="AW16" s="8">
        <v>1.23</v>
      </c>
      <c r="AX16" s="8">
        <v>1.26</v>
      </c>
      <c r="AY16" s="8">
        <v>1.29</v>
      </c>
      <c r="AZ16" s="33">
        <v>1.29</v>
      </c>
      <c r="BA16" s="8">
        <v>1.29</v>
      </c>
      <c r="BB16" s="8">
        <v>1.28</v>
      </c>
      <c r="BC16" s="8">
        <v>1.24</v>
      </c>
      <c r="BD16" s="8">
        <v>1.22</v>
      </c>
    </row>
    <row r="17" spans="3:56" x14ac:dyDescent="0.2">
      <c r="C17" s="5" t="s">
        <v>61</v>
      </c>
      <c r="D17" s="6" t="s">
        <v>58</v>
      </c>
      <c r="E17" s="8">
        <v>1.47</v>
      </c>
      <c r="F17" s="8">
        <v>1.49</v>
      </c>
      <c r="G17" s="8">
        <v>1.45</v>
      </c>
      <c r="H17" s="8">
        <v>1.46</v>
      </c>
      <c r="I17" s="8">
        <v>1.46</v>
      </c>
      <c r="J17" s="8">
        <v>1.5</v>
      </c>
      <c r="K17" s="8">
        <v>1.54</v>
      </c>
      <c r="L17" s="8">
        <v>1.56</v>
      </c>
      <c r="M17" s="8">
        <v>1.4</v>
      </c>
      <c r="N17" s="8">
        <v>1.27</v>
      </c>
      <c r="O17" s="8">
        <v>1.24</v>
      </c>
      <c r="P17" s="8">
        <v>1.2</v>
      </c>
      <c r="Q17" s="8">
        <v>1.18</v>
      </c>
      <c r="R17" s="8">
        <v>1.1599999999999999</v>
      </c>
      <c r="S17" s="8">
        <v>1.24</v>
      </c>
      <c r="T17" s="8">
        <v>1.29</v>
      </c>
      <c r="U17" s="8">
        <v>1.3</v>
      </c>
      <c r="V17" s="8">
        <v>1.36</v>
      </c>
      <c r="W17" s="8">
        <v>1.41</v>
      </c>
      <c r="X17" s="8">
        <v>1.47</v>
      </c>
      <c r="Y17" s="8">
        <v>1.47</v>
      </c>
      <c r="Z17" s="8">
        <v>1.58</v>
      </c>
      <c r="AA17" s="8">
        <v>1.68</v>
      </c>
      <c r="AB17" s="8">
        <v>1.71</v>
      </c>
      <c r="AC17" s="8">
        <v>1.75</v>
      </c>
      <c r="AD17" s="8">
        <v>1.75</v>
      </c>
      <c r="AE17" s="8">
        <v>1.74</v>
      </c>
      <c r="AF17" s="8">
        <v>1.71</v>
      </c>
      <c r="AG17" s="8">
        <v>1.73</v>
      </c>
      <c r="AH17" s="8">
        <v>1.73</v>
      </c>
      <c r="AI17" s="8">
        <v>1.74</v>
      </c>
      <c r="AJ17" s="8">
        <v>1.74</v>
      </c>
      <c r="AK17" s="8">
        <v>1.75</v>
      </c>
      <c r="AL17" s="8">
        <v>1.74</v>
      </c>
      <c r="AM17" s="8">
        <v>1.7</v>
      </c>
      <c r="AN17" s="8">
        <v>1.66</v>
      </c>
      <c r="AO17" s="8">
        <v>1.61</v>
      </c>
      <c r="AP17" s="8">
        <v>1.53</v>
      </c>
      <c r="AQ17" s="8">
        <v>1.55</v>
      </c>
      <c r="AR17" s="8">
        <v>1.58</v>
      </c>
      <c r="AS17" s="8">
        <v>1.63</v>
      </c>
      <c r="AT17" s="8">
        <v>1.66</v>
      </c>
      <c r="AU17" s="8">
        <v>1.66</v>
      </c>
      <c r="AV17" s="8">
        <v>1.68</v>
      </c>
      <c r="AW17" s="8">
        <v>1.7</v>
      </c>
      <c r="AX17" s="8">
        <v>1.71</v>
      </c>
      <c r="AY17" s="8">
        <v>1.74</v>
      </c>
      <c r="AZ17" s="33">
        <v>1.74</v>
      </c>
      <c r="BA17" s="8">
        <v>1.73</v>
      </c>
      <c r="BB17" s="8">
        <v>1.72</v>
      </c>
      <c r="BC17" s="8">
        <v>1.77</v>
      </c>
      <c r="BD17" s="8">
        <v>1.74</v>
      </c>
    </row>
    <row r="18" spans="3:56" x14ac:dyDescent="0.2">
      <c r="C18" s="5" t="s">
        <v>62</v>
      </c>
      <c r="D18" s="6" t="s">
        <v>58</v>
      </c>
      <c r="E18" s="8">
        <v>2.74</v>
      </c>
      <c r="F18" s="8">
        <v>2.69</v>
      </c>
      <c r="G18" s="8">
        <v>2.65</v>
      </c>
      <c r="H18" s="8">
        <v>2.46</v>
      </c>
      <c r="I18" s="8">
        <v>2.74</v>
      </c>
      <c r="J18" s="8">
        <v>3</v>
      </c>
      <c r="K18" s="8">
        <v>3.01</v>
      </c>
      <c r="L18" s="8">
        <v>3.02</v>
      </c>
      <c r="M18" s="8">
        <v>3.2</v>
      </c>
      <c r="N18" s="8">
        <v>3.46</v>
      </c>
      <c r="O18" s="8">
        <v>3.75</v>
      </c>
      <c r="P18" s="8">
        <v>3.83</v>
      </c>
      <c r="Q18" s="8">
        <v>3.84</v>
      </c>
      <c r="R18" s="8">
        <v>3.84</v>
      </c>
      <c r="S18" s="8">
        <v>3.84</v>
      </c>
      <c r="T18" s="8">
        <v>3.83</v>
      </c>
      <c r="U18" s="8">
        <v>3.67</v>
      </c>
      <c r="V18" s="8">
        <v>3.41</v>
      </c>
      <c r="W18" s="8">
        <v>3.13</v>
      </c>
      <c r="X18" s="8">
        <v>3.09</v>
      </c>
      <c r="Y18" s="8">
        <v>2.74</v>
      </c>
      <c r="Z18" s="8">
        <v>2.74</v>
      </c>
      <c r="AA18" s="8">
        <v>2.68</v>
      </c>
      <c r="AB18" s="8">
        <v>3.18</v>
      </c>
      <c r="AC18" s="8">
        <v>2.83</v>
      </c>
      <c r="AD18" s="8">
        <v>2.83</v>
      </c>
      <c r="AE18" s="8">
        <v>2.83</v>
      </c>
      <c r="AF18" s="8">
        <v>2.83</v>
      </c>
      <c r="AG18" s="8">
        <v>2.85</v>
      </c>
      <c r="AH18" s="8">
        <v>2.85</v>
      </c>
      <c r="AI18" s="8">
        <v>2.87</v>
      </c>
      <c r="AJ18" s="8">
        <v>2.94</v>
      </c>
      <c r="AK18" s="8">
        <v>3.07</v>
      </c>
      <c r="AL18" s="8">
        <v>3.37</v>
      </c>
      <c r="AM18" s="8">
        <v>3.39</v>
      </c>
      <c r="AN18" s="8">
        <v>3.39</v>
      </c>
      <c r="AO18" s="8">
        <v>3.58</v>
      </c>
      <c r="AP18" s="8">
        <v>3.58</v>
      </c>
      <c r="AQ18" s="8">
        <v>3.67</v>
      </c>
      <c r="AR18" s="8">
        <v>3.67</v>
      </c>
      <c r="AS18" s="8">
        <v>3.78</v>
      </c>
      <c r="AT18" s="8">
        <v>3.79</v>
      </c>
      <c r="AU18" s="8">
        <v>3.95</v>
      </c>
      <c r="AV18" s="8">
        <v>3.95</v>
      </c>
      <c r="AW18" s="8">
        <v>3.93</v>
      </c>
      <c r="AX18" s="8">
        <v>3.9</v>
      </c>
      <c r="AY18" s="8">
        <v>3.77</v>
      </c>
      <c r="AZ18" s="33">
        <v>3.31</v>
      </c>
      <c r="BA18" s="8">
        <v>3.3</v>
      </c>
      <c r="BB18" s="8">
        <v>3.03</v>
      </c>
      <c r="BC18" s="8">
        <v>2.76</v>
      </c>
      <c r="BD18" s="8">
        <v>2.74</v>
      </c>
    </row>
    <row r="19" spans="3:56" x14ac:dyDescent="0.2">
      <c r="C19" s="5" t="s">
        <v>63</v>
      </c>
      <c r="D19" s="6" t="s">
        <v>58</v>
      </c>
      <c r="E19" s="7">
        <v>10.7</v>
      </c>
      <c r="F19" s="7">
        <v>10.6</v>
      </c>
      <c r="G19" s="7">
        <v>8.6</v>
      </c>
      <c r="H19" s="7">
        <v>7.46</v>
      </c>
      <c r="I19" s="7">
        <v>6.45</v>
      </c>
      <c r="J19" s="7">
        <v>4.93</v>
      </c>
      <c r="K19" s="7">
        <v>5.7</v>
      </c>
      <c r="L19" s="7">
        <v>6.3</v>
      </c>
      <c r="M19" s="7">
        <v>6.4</v>
      </c>
      <c r="N19" s="7">
        <v>7.18</v>
      </c>
      <c r="O19" s="7">
        <v>8.68</v>
      </c>
      <c r="P19" s="7">
        <v>6.74</v>
      </c>
      <c r="Q19" s="7">
        <v>6.8</v>
      </c>
      <c r="R19" s="7">
        <v>6.2</v>
      </c>
      <c r="S19" s="7">
        <v>7</v>
      </c>
      <c r="T19" s="7">
        <v>6.4</v>
      </c>
      <c r="U19" s="7">
        <v>6.9</v>
      </c>
      <c r="V19" s="7">
        <v>7.1</v>
      </c>
      <c r="W19" s="7">
        <v>7</v>
      </c>
      <c r="X19" s="7">
        <v>5.5</v>
      </c>
      <c r="Y19" s="7">
        <v>5.5</v>
      </c>
      <c r="Z19" s="7">
        <v>6.68</v>
      </c>
      <c r="AA19" s="7">
        <v>6.65</v>
      </c>
      <c r="AB19" s="7">
        <v>6.65</v>
      </c>
      <c r="AC19" s="7">
        <v>6.05</v>
      </c>
      <c r="AD19" s="7">
        <v>5.25</v>
      </c>
      <c r="AE19" s="7">
        <v>6</v>
      </c>
      <c r="AF19" s="7">
        <v>6.25</v>
      </c>
      <c r="AG19" s="7">
        <v>6</v>
      </c>
      <c r="AH19" s="7">
        <v>5.55</v>
      </c>
      <c r="AI19" s="7">
        <v>6.5</v>
      </c>
      <c r="AJ19" s="7">
        <v>6.65</v>
      </c>
      <c r="AK19" s="7">
        <v>7</v>
      </c>
      <c r="AL19" s="7">
        <v>8.3699999999999992</v>
      </c>
      <c r="AM19" s="7">
        <v>8.56</v>
      </c>
      <c r="AN19" s="7">
        <v>10.56</v>
      </c>
      <c r="AO19" s="8">
        <v>10.130000000000001</v>
      </c>
      <c r="AP19" s="7">
        <v>10</v>
      </c>
      <c r="AQ19" s="7">
        <v>8.65</v>
      </c>
      <c r="AR19" s="7">
        <v>7.47</v>
      </c>
      <c r="AS19" s="7">
        <v>6.27</v>
      </c>
      <c r="AT19" s="7">
        <v>6.9</v>
      </c>
      <c r="AU19" s="7">
        <v>7.07</v>
      </c>
      <c r="AV19" s="7">
        <v>8.57</v>
      </c>
      <c r="AW19" s="7">
        <v>9.1</v>
      </c>
      <c r="AX19" s="7">
        <v>9</v>
      </c>
      <c r="AY19" s="7">
        <v>8.5</v>
      </c>
      <c r="AZ19" s="34">
        <v>9.24</v>
      </c>
      <c r="BA19" s="7">
        <v>9.5</v>
      </c>
      <c r="BB19" s="8">
        <v>13.04</v>
      </c>
      <c r="BC19" s="7">
        <v>15.04</v>
      </c>
      <c r="BD19" s="7">
        <v>9.0399999999999991</v>
      </c>
    </row>
    <row r="20" spans="3:56" x14ac:dyDescent="0.2">
      <c r="C20" s="5" t="s">
        <v>64</v>
      </c>
      <c r="D20" s="6" t="s">
        <v>58</v>
      </c>
      <c r="E20" s="7">
        <v>3.4</v>
      </c>
      <c r="F20" s="7">
        <v>4.4000000000000004</v>
      </c>
      <c r="G20" s="7">
        <v>4</v>
      </c>
      <c r="H20" s="7">
        <v>4</v>
      </c>
      <c r="I20" s="7">
        <v>3.2</v>
      </c>
      <c r="J20" s="7">
        <v>2.7</v>
      </c>
      <c r="K20" s="7">
        <v>3.5</v>
      </c>
      <c r="L20" s="7">
        <v>4.5</v>
      </c>
      <c r="M20" s="7">
        <v>4.6500000000000004</v>
      </c>
      <c r="N20" s="7">
        <v>5.05</v>
      </c>
      <c r="O20" s="7">
        <v>5.45</v>
      </c>
      <c r="P20" s="7">
        <v>4.7</v>
      </c>
      <c r="Q20" s="7">
        <v>4.9000000000000004</v>
      </c>
      <c r="R20" s="7">
        <v>4.5999999999999996</v>
      </c>
      <c r="S20" s="7">
        <v>4.5999999999999996</v>
      </c>
      <c r="T20" s="7">
        <v>4.4000000000000004</v>
      </c>
      <c r="U20" s="7">
        <v>4.87</v>
      </c>
      <c r="V20" s="7">
        <v>4.9000000000000004</v>
      </c>
      <c r="W20" s="7">
        <v>4.5999999999999996</v>
      </c>
      <c r="X20" s="7">
        <v>3.5</v>
      </c>
      <c r="Y20" s="7">
        <v>3.9</v>
      </c>
      <c r="Z20" s="7">
        <v>4.3</v>
      </c>
      <c r="AA20" s="7">
        <v>4.3</v>
      </c>
      <c r="AB20" s="7">
        <v>4</v>
      </c>
      <c r="AC20" s="7">
        <v>4</v>
      </c>
      <c r="AD20" s="7">
        <v>2.9</v>
      </c>
      <c r="AE20" s="7">
        <v>3.56</v>
      </c>
      <c r="AF20" s="7">
        <v>3.56</v>
      </c>
      <c r="AG20" s="7">
        <v>3.18</v>
      </c>
      <c r="AH20" s="7">
        <v>2.64</v>
      </c>
      <c r="AI20" s="7">
        <v>2.4700000000000002</v>
      </c>
      <c r="AJ20" s="7">
        <v>2.27</v>
      </c>
      <c r="AK20" s="7">
        <v>2.4700000000000002</v>
      </c>
      <c r="AL20" s="7">
        <v>2.54</v>
      </c>
      <c r="AM20" s="7">
        <v>2.92</v>
      </c>
      <c r="AN20" s="7">
        <v>3.35</v>
      </c>
      <c r="AO20" s="8">
        <v>3.61</v>
      </c>
      <c r="AP20" s="7">
        <v>3.8</v>
      </c>
      <c r="AQ20" s="7">
        <v>3.2</v>
      </c>
      <c r="AR20" s="7">
        <v>2.74</v>
      </c>
      <c r="AS20" s="7">
        <v>2.1800000000000002</v>
      </c>
      <c r="AT20" s="7">
        <v>2.58</v>
      </c>
      <c r="AU20" s="7">
        <v>3.1</v>
      </c>
      <c r="AV20" s="7">
        <v>3.35</v>
      </c>
      <c r="AW20" s="7">
        <v>3.95</v>
      </c>
      <c r="AX20" s="7">
        <v>3.9</v>
      </c>
      <c r="AY20" s="7">
        <v>3.3</v>
      </c>
      <c r="AZ20" s="34">
        <v>4</v>
      </c>
      <c r="BA20" s="7">
        <v>4</v>
      </c>
      <c r="BB20" s="8">
        <v>7</v>
      </c>
      <c r="BC20" s="7">
        <v>7</v>
      </c>
      <c r="BD20" s="7">
        <v>4.92</v>
      </c>
    </row>
    <row r="21" spans="3:56" x14ac:dyDescent="0.2">
      <c r="C21" s="5" t="s">
        <v>65</v>
      </c>
      <c r="D21" s="6" t="s">
        <v>58</v>
      </c>
      <c r="E21" s="7">
        <v>0.45</v>
      </c>
      <c r="F21" s="7">
        <v>0.35</v>
      </c>
      <c r="G21" s="7">
        <v>0.48</v>
      </c>
      <c r="H21" s="7">
        <v>0.59</v>
      </c>
      <c r="I21" s="7">
        <v>0.55000000000000004</v>
      </c>
      <c r="J21" s="7">
        <v>0.4</v>
      </c>
      <c r="K21" s="7">
        <v>0.45</v>
      </c>
      <c r="L21" s="7">
        <v>0.79</v>
      </c>
      <c r="M21" s="7">
        <v>0.75</v>
      </c>
      <c r="N21" s="7">
        <v>0.65</v>
      </c>
      <c r="O21" s="7">
        <v>0.65</v>
      </c>
      <c r="P21" s="7">
        <v>0.65</v>
      </c>
      <c r="Q21" s="7">
        <v>0.65</v>
      </c>
      <c r="R21" s="7">
        <v>0.55000000000000004</v>
      </c>
      <c r="S21" s="7">
        <v>0.65</v>
      </c>
      <c r="T21" s="7">
        <v>0.75</v>
      </c>
      <c r="U21" s="7">
        <v>0.77</v>
      </c>
      <c r="V21" s="7">
        <v>0.6</v>
      </c>
      <c r="W21" s="7">
        <v>0.54</v>
      </c>
      <c r="X21" s="7">
        <v>0.54</v>
      </c>
      <c r="Y21" s="7">
        <v>0.85</v>
      </c>
      <c r="Z21" s="7">
        <v>1.1499999999999999</v>
      </c>
      <c r="AA21" s="7">
        <v>1</v>
      </c>
      <c r="AB21" s="7">
        <v>1</v>
      </c>
      <c r="AC21" s="7">
        <v>1</v>
      </c>
      <c r="AD21" s="7">
        <v>1.05</v>
      </c>
      <c r="AE21" s="7">
        <v>1.05</v>
      </c>
      <c r="AF21" s="7">
        <v>0.86</v>
      </c>
      <c r="AG21" s="7">
        <v>0.94</v>
      </c>
      <c r="AH21" s="7">
        <v>0.74</v>
      </c>
      <c r="AI21" s="7">
        <v>0.88</v>
      </c>
      <c r="AJ21" s="7">
        <v>1.08</v>
      </c>
      <c r="AK21" s="7">
        <v>1.32</v>
      </c>
      <c r="AL21" s="7">
        <v>1.1499999999999999</v>
      </c>
      <c r="AM21" s="7">
        <v>1</v>
      </c>
      <c r="AN21" s="7">
        <v>0.84</v>
      </c>
      <c r="AO21" s="8">
        <v>1</v>
      </c>
      <c r="AP21" s="7">
        <v>0.72</v>
      </c>
      <c r="AQ21" s="7">
        <v>0.82</v>
      </c>
      <c r="AR21" s="7">
        <v>0.79</v>
      </c>
      <c r="AS21" s="7">
        <v>0.73</v>
      </c>
      <c r="AT21" s="7">
        <v>1</v>
      </c>
      <c r="AU21" s="7">
        <v>1.05</v>
      </c>
      <c r="AV21" s="7">
        <v>1</v>
      </c>
      <c r="AW21" s="7">
        <v>1</v>
      </c>
      <c r="AX21" s="7">
        <v>1</v>
      </c>
      <c r="AY21" s="7">
        <v>0.9</v>
      </c>
      <c r="AZ21" s="34">
        <v>0.7</v>
      </c>
      <c r="BA21" s="7">
        <v>1</v>
      </c>
      <c r="BB21" s="8">
        <v>1.1499999999999999</v>
      </c>
      <c r="BC21" s="7">
        <v>1.3</v>
      </c>
      <c r="BD21" s="7">
        <v>0.8</v>
      </c>
    </row>
    <row r="22" spans="3:56" x14ac:dyDescent="0.2">
      <c r="C22" s="5" t="s">
        <v>66</v>
      </c>
      <c r="D22" s="6" t="s">
        <v>58</v>
      </c>
      <c r="E22" s="7">
        <v>3.7</v>
      </c>
      <c r="F22" s="7">
        <v>3.4</v>
      </c>
      <c r="G22" s="7">
        <v>3</v>
      </c>
      <c r="H22" s="7">
        <v>2.8</v>
      </c>
      <c r="I22" s="7">
        <v>2.2999999999999998</v>
      </c>
      <c r="J22" s="7">
        <v>2.2999999999999998</v>
      </c>
      <c r="K22" s="7">
        <v>2</v>
      </c>
      <c r="L22" s="7">
        <v>3.79</v>
      </c>
      <c r="M22" s="7">
        <v>3.9</v>
      </c>
      <c r="N22" s="7">
        <v>4.0999999999999996</v>
      </c>
      <c r="O22" s="7">
        <v>1.61</v>
      </c>
      <c r="P22" s="7">
        <v>2.5</v>
      </c>
      <c r="Q22" s="7">
        <v>2.8</v>
      </c>
      <c r="R22" s="7">
        <v>2.65</v>
      </c>
      <c r="S22" s="7">
        <v>3.85</v>
      </c>
      <c r="T22" s="7">
        <v>3.34</v>
      </c>
      <c r="U22" s="7">
        <v>2.34</v>
      </c>
      <c r="V22" s="7">
        <v>3.05</v>
      </c>
      <c r="W22" s="7">
        <v>2.8</v>
      </c>
      <c r="X22" s="7">
        <v>2.6</v>
      </c>
      <c r="Y22" s="7">
        <v>3.5</v>
      </c>
      <c r="Z22" s="7">
        <v>3.3</v>
      </c>
      <c r="AA22" s="7">
        <v>3.2</v>
      </c>
      <c r="AB22" s="7">
        <v>2.74</v>
      </c>
      <c r="AC22" s="7">
        <v>2.36</v>
      </c>
      <c r="AD22" s="7">
        <v>2.71</v>
      </c>
      <c r="AE22" s="7">
        <v>2.71</v>
      </c>
      <c r="AF22" s="7">
        <v>2.9</v>
      </c>
      <c r="AG22" s="7">
        <v>3.4</v>
      </c>
      <c r="AH22" s="7">
        <v>2.4</v>
      </c>
      <c r="AI22" s="7">
        <v>2.5</v>
      </c>
      <c r="AJ22" s="7">
        <v>4.4000000000000004</v>
      </c>
      <c r="AK22" s="7">
        <v>6.64</v>
      </c>
      <c r="AL22" s="7">
        <v>3.53</v>
      </c>
      <c r="AM22" s="7">
        <v>3.6</v>
      </c>
      <c r="AN22" s="7">
        <v>2.8</v>
      </c>
      <c r="AO22" s="8">
        <v>3.24</v>
      </c>
      <c r="AP22" s="7">
        <v>3</v>
      </c>
      <c r="AQ22" s="7">
        <v>4</v>
      </c>
      <c r="AR22" s="7">
        <v>3.3</v>
      </c>
      <c r="AS22" s="7">
        <v>3.3</v>
      </c>
      <c r="AT22" s="7">
        <v>2.9</v>
      </c>
      <c r="AU22" s="7">
        <v>3.2</v>
      </c>
      <c r="AV22" s="7">
        <v>2.8</v>
      </c>
      <c r="AW22" s="7">
        <v>3</v>
      </c>
      <c r="AX22" s="7">
        <v>2.6</v>
      </c>
      <c r="AY22" s="7">
        <v>2.5</v>
      </c>
      <c r="AZ22" s="34">
        <v>2.91</v>
      </c>
      <c r="BA22" s="7">
        <v>3.16</v>
      </c>
      <c r="BB22" s="8">
        <v>4.16</v>
      </c>
      <c r="BC22" s="7">
        <v>3.16</v>
      </c>
      <c r="BD22" s="7">
        <v>4.25</v>
      </c>
    </row>
    <row r="23" spans="3:56" x14ac:dyDescent="0.2">
      <c r="C23" s="5" t="s">
        <v>67</v>
      </c>
      <c r="D23" s="6" t="s">
        <v>58</v>
      </c>
      <c r="E23" s="7">
        <v>6.96</v>
      </c>
      <c r="F23" s="7">
        <v>7.96</v>
      </c>
      <c r="G23" s="7">
        <v>6.46</v>
      </c>
      <c r="H23" s="7">
        <v>6.46</v>
      </c>
      <c r="I23" s="7">
        <v>5.5</v>
      </c>
      <c r="J23" s="7">
        <v>4.3</v>
      </c>
      <c r="K23" s="7">
        <v>4.5999999999999996</v>
      </c>
      <c r="L23" s="7">
        <v>5.6</v>
      </c>
      <c r="M23" s="7">
        <v>6.7</v>
      </c>
      <c r="N23" s="7">
        <v>6.4</v>
      </c>
      <c r="O23" s="7">
        <v>5.9</v>
      </c>
      <c r="P23" s="7">
        <v>5.48</v>
      </c>
      <c r="Q23" s="7">
        <v>5.17</v>
      </c>
      <c r="R23" s="7">
        <v>6</v>
      </c>
      <c r="S23" s="7">
        <v>5.8</v>
      </c>
      <c r="T23" s="7">
        <v>5.2</v>
      </c>
      <c r="U23" s="7">
        <v>5</v>
      </c>
      <c r="V23" s="7">
        <v>4.8</v>
      </c>
      <c r="W23" s="7">
        <v>5</v>
      </c>
      <c r="X23" s="7">
        <v>3.83</v>
      </c>
      <c r="Y23" s="7">
        <v>4.33</v>
      </c>
      <c r="Z23" s="7">
        <v>5.4</v>
      </c>
      <c r="AA23" s="7">
        <v>6</v>
      </c>
      <c r="AB23" s="7">
        <v>5</v>
      </c>
      <c r="AC23" s="7">
        <v>4.4000000000000004</v>
      </c>
      <c r="AD23" s="7">
        <v>4</v>
      </c>
      <c r="AE23" s="7">
        <v>3.42</v>
      </c>
      <c r="AF23" s="7">
        <v>3.55</v>
      </c>
      <c r="AG23" s="7">
        <v>4</v>
      </c>
      <c r="AH23" s="7">
        <v>4.55</v>
      </c>
      <c r="AI23" s="7">
        <v>4.6500000000000004</v>
      </c>
      <c r="AJ23" s="7">
        <v>5.35</v>
      </c>
      <c r="AK23" s="7">
        <v>4.8499999999999996</v>
      </c>
      <c r="AL23" s="7">
        <v>5.21</v>
      </c>
      <c r="AM23" s="7">
        <v>5.71</v>
      </c>
      <c r="AN23" s="7">
        <v>5.31</v>
      </c>
      <c r="AO23" s="8">
        <v>6.09</v>
      </c>
      <c r="AP23" s="7">
        <v>6</v>
      </c>
      <c r="AQ23" s="7">
        <v>5.9</v>
      </c>
      <c r="AR23" s="7">
        <v>5.9</v>
      </c>
      <c r="AS23" s="7">
        <v>4.9000000000000004</v>
      </c>
      <c r="AT23" s="7">
        <v>5.4</v>
      </c>
      <c r="AU23" s="7">
        <v>5.6</v>
      </c>
      <c r="AV23" s="7">
        <v>5.8</v>
      </c>
      <c r="AW23" s="7">
        <v>5.9</v>
      </c>
      <c r="AX23" s="7">
        <v>6.3</v>
      </c>
      <c r="AY23" s="7">
        <v>6.2</v>
      </c>
      <c r="AZ23" s="34">
        <v>6.9</v>
      </c>
      <c r="BA23" s="7">
        <v>6.5</v>
      </c>
      <c r="BB23" s="8">
        <v>7.5</v>
      </c>
      <c r="BC23" s="7">
        <v>9</v>
      </c>
      <c r="BD23" s="7">
        <v>5</v>
      </c>
    </row>
    <row r="24" spans="3:56" x14ac:dyDescent="0.2">
      <c r="C24" s="5" t="s">
        <v>68</v>
      </c>
      <c r="D24" s="6" t="s">
        <v>58</v>
      </c>
      <c r="E24" s="7">
        <v>1.1499999999999999</v>
      </c>
      <c r="F24" s="7">
        <v>0.82</v>
      </c>
      <c r="G24" s="7">
        <v>1.02</v>
      </c>
      <c r="H24" s="7">
        <v>1.0900000000000001</v>
      </c>
      <c r="I24" s="7">
        <v>0.62</v>
      </c>
      <c r="J24" s="7">
        <v>0.62</v>
      </c>
      <c r="K24" s="7">
        <v>0.62</v>
      </c>
      <c r="L24" s="7">
        <v>1.42</v>
      </c>
      <c r="M24" s="7">
        <v>1.3</v>
      </c>
      <c r="N24" s="7">
        <v>1.5</v>
      </c>
      <c r="O24" s="7">
        <v>0.6</v>
      </c>
      <c r="P24" s="7">
        <v>0.9</v>
      </c>
      <c r="Q24" s="7">
        <v>0.75</v>
      </c>
      <c r="R24" s="7">
        <v>1.25</v>
      </c>
      <c r="S24" s="7">
        <v>0.8</v>
      </c>
      <c r="T24" s="7">
        <v>0.72</v>
      </c>
      <c r="U24" s="7">
        <v>0.76</v>
      </c>
      <c r="V24" s="7">
        <v>0.56000000000000005</v>
      </c>
      <c r="W24" s="7">
        <v>0.68</v>
      </c>
      <c r="X24" s="7">
        <v>0.6</v>
      </c>
      <c r="Y24" s="7">
        <v>0.5</v>
      </c>
      <c r="Z24" s="7">
        <v>0.56999999999999995</v>
      </c>
      <c r="AA24" s="7">
        <v>0.5</v>
      </c>
      <c r="AB24" s="7">
        <v>0.75</v>
      </c>
      <c r="AC24" s="7">
        <v>0.55000000000000004</v>
      </c>
      <c r="AD24" s="7">
        <v>0.46</v>
      </c>
      <c r="AE24" s="7">
        <v>0.37</v>
      </c>
      <c r="AF24" s="7">
        <v>0.37</v>
      </c>
      <c r="AG24" s="7">
        <v>0.37</v>
      </c>
      <c r="AH24" s="7">
        <v>0.37</v>
      </c>
      <c r="AI24" s="7">
        <v>0.6</v>
      </c>
      <c r="AJ24" s="7">
        <v>0.9</v>
      </c>
      <c r="AK24" s="7">
        <v>0.8</v>
      </c>
      <c r="AL24" s="7">
        <v>0.61</v>
      </c>
      <c r="AM24" s="7">
        <v>0.68</v>
      </c>
      <c r="AN24" s="7">
        <v>0.48</v>
      </c>
      <c r="AO24" s="8">
        <v>0.81</v>
      </c>
      <c r="AP24" s="7">
        <v>0.81</v>
      </c>
      <c r="AQ24" s="7">
        <v>0.91</v>
      </c>
      <c r="AR24" s="7">
        <v>0.72</v>
      </c>
      <c r="AS24" s="7">
        <v>0.72</v>
      </c>
      <c r="AT24" s="7">
        <v>0.97</v>
      </c>
      <c r="AU24" s="7">
        <v>1.23</v>
      </c>
      <c r="AV24" s="7">
        <v>1</v>
      </c>
      <c r="AW24" s="7">
        <v>1.2</v>
      </c>
      <c r="AX24" s="7">
        <v>1</v>
      </c>
      <c r="AY24" s="7">
        <v>1.23</v>
      </c>
      <c r="AZ24" s="34">
        <v>1.33</v>
      </c>
      <c r="BA24" s="7">
        <v>1.48</v>
      </c>
      <c r="BB24" s="8">
        <v>1.9</v>
      </c>
      <c r="BC24" s="7">
        <v>1.9</v>
      </c>
      <c r="BD24" s="7">
        <v>1.5</v>
      </c>
    </row>
    <row r="25" spans="3:56" x14ac:dyDescent="0.2">
      <c r="C25" s="5" t="s">
        <v>69</v>
      </c>
      <c r="D25" s="6" t="s">
        <v>58</v>
      </c>
      <c r="E25" s="7">
        <v>0.92</v>
      </c>
      <c r="F25" s="7">
        <v>0.92</v>
      </c>
      <c r="G25" s="7">
        <v>0.9</v>
      </c>
      <c r="H25" s="7">
        <v>0.89</v>
      </c>
      <c r="I25" s="7">
        <v>1.21</v>
      </c>
      <c r="J25" s="7">
        <v>0.7</v>
      </c>
      <c r="K25" s="7">
        <v>0.7</v>
      </c>
      <c r="L25" s="7">
        <v>1</v>
      </c>
      <c r="M25" s="7">
        <v>0.79</v>
      </c>
      <c r="N25" s="7">
        <v>0.84</v>
      </c>
      <c r="O25" s="7">
        <v>0.8</v>
      </c>
      <c r="P25" s="7">
        <v>0.88</v>
      </c>
      <c r="Q25" s="7">
        <v>1</v>
      </c>
      <c r="R25" s="7">
        <v>0.67</v>
      </c>
      <c r="S25" s="7">
        <v>0.67</v>
      </c>
      <c r="T25" s="7">
        <v>0.66</v>
      </c>
      <c r="U25" s="7">
        <v>0.6</v>
      </c>
      <c r="V25" s="7">
        <v>0.6</v>
      </c>
      <c r="W25" s="7">
        <v>0.59</v>
      </c>
      <c r="X25" s="7">
        <v>0.57999999999999996</v>
      </c>
      <c r="Y25" s="7">
        <v>1</v>
      </c>
      <c r="Z25" s="7">
        <v>0.85</v>
      </c>
      <c r="AA25" s="7">
        <v>0.85</v>
      </c>
      <c r="AB25" s="7">
        <v>0.7</v>
      </c>
      <c r="AC25" s="7">
        <v>0.63</v>
      </c>
      <c r="AD25" s="7">
        <v>0.63</v>
      </c>
      <c r="AE25" s="7">
        <v>0.71</v>
      </c>
      <c r="AF25" s="7">
        <v>0.72</v>
      </c>
      <c r="AG25" s="7">
        <v>1</v>
      </c>
      <c r="AH25" s="7">
        <v>1</v>
      </c>
      <c r="AI25" s="7">
        <v>1.03</v>
      </c>
      <c r="AJ25" s="7">
        <v>0.95</v>
      </c>
      <c r="AK25" s="7">
        <v>1</v>
      </c>
      <c r="AL25" s="7">
        <v>0.9</v>
      </c>
      <c r="AM25" s="7">
        <v>0.81</v>
      </c>
      <c r="AN25" s="7">
        <v>0.75</v>
      </c>
      <c r="AO25" s="8">
        <v>0.87</v>
      </c>
      <c r="AP25" s="7">
        <v>0.82</v>
      </c>
      <c r="AQ25" s="7">
        <v>0.86</v>
      </c>
      <c r="AR25" s="7">
        <v>0.76</v>
      </c>
      <c r="AS25" s="7">
        <v>0.79</v>
      </c>
      <c r="AT25" s="7">
        <v>0.82</v>
      </c>
      <c r="AU25" s="7">
        <v>1.06</v>
      </c>
      <c r="AV25" s="7">
        <v>0.91</v>
      </c>
      <c r="AW25" s="7">
        <v>1.42</v>
      </c>
      <c r="AX25" s="7">
        <v>1.3</v>
      </c>
      <c r="AY25" s="7">
        <v>1.35</v>
      </c>
      <c r="AZ25" s="34">
        <v>1.8</v>
      </c>
      <c r="BA25" s="7">
        <v>1.6</v>
      </c>
      <c r="BB25" s="8">
        <v>1.93</v>
      </c>
      <c r="BC25" s="7">
        <v>1.53</v>
      </c>
      <c r="BD25" s="7">
        <v>1.1299999999999999</v>
      </c>
    </row>
    <row r="26" spans="3:56" x14ac:dyDescent="0.2">
      <c r="C26" s="5" t="s">
        <v>70</v>
      </c>
      <c r="D26" s="6" t="s">
        <v>58</v>
      </c>
      <c r="E26" s="7">
        <v>1.55</v>
      </c>
      <c r="F26" s="7">
        <v>1.04</v>
      </c>
      <c r="G26" s="7">
        <v>0.77</v>
      </c>
      <c r="H26" s="7">
        <v>0.8</v>
      </c>
      <c r="I26" s="7">
        <v>0.85</v>
      </c>
      <c r="J26" s="7">
        <v>0.59</v>
      </c>
      <c r="K26" s="7">
        <v>0.54</v>
      </c>
      <c r="L26" s="7">
        <v>0.54</v>
      </c>
      <c r="M26" s="7">
        <v>0.56000000000000005</v>
      </c>
      <c r="N26" s="24">
        <v>0.44</v>
      </c>
      <c r="O26" s="24">
        <v>0.51</v>
      </c>
      <c r="P26" s="24">
        <v>0.44</v>
      </c>
      <c r="Q26" s="24">
        <v>0.4</v>
      </c>
      <c r="R26" s="24">
        <v>0.46</v>
      </c>
      <c r="S26" s="24">
        <v>0.49</v>
      </c>
      <c r="T26" s="24">
        <v>0.59</v>
      </c>
      <c r="U26" s="24">
        <v>0.84</v>
      </c>
      <c r="V26" s="24">
        <v>0.75</v>
      </c>
      <c r="W26" s="24">
        <v>0.99</v>
      </c>
      <c r="X26" s="24">
        <v>1.01</v>
      </c>
      <c r="Y26" s="24">
        <v>1.01</v>
      </c>
      <c r="Z26" s="24">
        <v>0.91</v>
      </c>
      <c r="AA26" s="24">
        <v>1.22</v>
      </c>
      <c r="AB26" s="24">
        <v>1.06</v>
      </c>
      <c r="AC26" s="24">
        <v>1.23</v>
      </c>
      <c r="AD26" s="24">
        <v>1.02</v>
      </c>
      <c r="AE26" s="24">
        <v>1.05</v>
      </c>
      <c r="AF26" s="24">
        <v>1.74</v>
      </c>
      <c r="AG26" s="24">
        <v>0.8</v>
      </c>
      <c r="AH26" s="24">
        <v>0.74</v>
      </c>
      <c r="AI26" s="24">
        <v>0.73</v>
      </c>
      <c r="AJ26" s="24">
        <v>1.36</v>
      </c>
      <c r="AK26" s="24">
        <v>2.3199999999999998</v>
      </c>
      <c r="AL26" s="24">
        <v>1.06</v>
      </c>
      <c r="AM26" s="24">
        <v>0.96</v>
      </c>
      <c r="AN26" s="24">
        <v>0.83</v>
      </c>
      <c r="AO26" s="8">
        <v>1.01</v>
      </c>
      <c r="AP26" s="24">
        <v>1.08</v>
      </c>
      <c r="AQ26" s="24">
        <v>1.36</v>
      </c>
      <c r="AR26" s="24">
        <v>0.78</v>
      </c>
      <c r="AS26" s="24">
        <v>0.65</v>
      </c>
      <c r="AT26" s="24">
        <v>1.29</v>
      </c>
      <c r="AU26" s="24">
        <v>1.75</v>
      </c>
      <c r="AV26" s="24">
        <v>0.68</v>
      </c>
      <c r="AW26" s="24">
        <v>0.53</v>
      </c>
      <c r="AX26" s="24">
        <v>0.73</v>
      </c>
      <c r="AY26" s="24">
        <v>0.5</v>
      </c>
      <c r="AZ26" s="35">
        <v>1.61</v>
      </c>
      <c r="BA26" s="24">
        <v>1.17</v>
      </c>
      <c r="BB26" s="8">
        <v>1.37</v>
      </c>
      <c r="BC26" s="24">
        <v>0.47</v>
      </c>
      <c r="BD26" s="24">
        <v>0.47</v>
      </c>
    </row>
    <row r="27" spans="3:56" x14ac:dyDescent="0.2">
      <c r="C27" s="5" t="s">
        <v>71</v>
      </c>
      <c r="D27" s="6" t="s">
        <v>58</v>
      </c>
      <c r="E27" s="7">
        <v>1.65</v>
      </c>
      <c r="F27" s="7">
        <v>1.65</v>
      </c>
      <c r="G27" s="7">
        <v>1.65</v>
      </c>
      <c r="H27" s="7">
        <v>1.65</v>
      </c>
      <c r="I27" s="7">
        <v>1.65</v>
      </c>
      <c r="J27" s="7">
        <v>1.65</v>
      </c>
      <c r="K27" s="7">
        <v>1.65</v>
      </c>
      <c r="L27" s="7">
        <v>1.65</v>
      </c>
      <c r="M27" s="7">
        <v>1.65</v>
      </c>
      <c r="N27" s="7">
        <v>1.65</v>
      </c>
      <c r="O27" s="7">
        <v>1.65</v>
      </c>
      <c r="P27" s="7">
        <v>1.65</v>
      </c>
      <c r="Q27" s="7">
        <v>1.65</v>
      </c>
      <c r="R27" s="7">
        <v>1.65</v>
      </c>
      <c r="S27" s="7">
        <v>1.65</v>
      </c>
      <c r="T27" s="7">
        <v>1.65</v>
      </c>
      <c r="U27" s="7">
        <v>1.65</v>
      </c>
      <c r="V27" s="7">
        <v>1.65</v>
      </c>
      <c r="W27" s="7">
        <v>1.65</v>
      </c>
      <c r="X27" s="7">
        <v>1.65</v>
      </c>
      <c r="Y27" s="7">
        <v>1.65</v>
      </c>
      <c r="Z27" s="7">
        <v>1.65</v>
      </c>
      <c r="AA27" s="7">
        <v>1.65</v>
      </c>
      <c r="AB27" s="7">
        <v>1.65</v>
      </c>
      <c r="AC27" s="7">
        <v>1.65</v>
      </c>
      <c r="AD27" s="7">
        <v>1.65</v>
      </c>
      <c r="AE27" s="7">
        <v>1.65</v>
      </c>
      <c r="AF27" s="7">
        <v>1.65</v>
      </c>
      <c r="AG27" s="7">
        <v>1.65</v>
      </c>
      <c r="AH27" s="7">
        <v>1.65</v>
      </c>
      <c r="AI27" s="7">
        <v>1.65</v>
      </c>
      <c r="AJ27" s="7">
        <v>1.65</v>
      </c>
      <c r="AK27" s="7">
        <v>1.65</v>
      </c>
      <c r="AL27" s="7">
        <v>1.65</v>
      </c>
      <c r="AM27" s="7">
        <v>1.65</v>
      </c>
      <c r="AN27" s="7">
        <v>1.65</v>
      </c>
      <c r="AO27" s="8">
        <v>1.65</v>
      </c>
      <c r="AP27" s="7">
        <v>1.65</v>
      </c>
      <c r="AQ27" s="7">
        <v>1.65</v>
      </c>
      <c r="AR27" s="7">
        <v>1.65</v>
      </c>
      <c r="AS27" s="7">
        <v>1.65</v>
      </c>
      <c r="AT27" s="7">
        <v>1.65</v>
      </c>
      <c r="AU27" s="7">
        <v>1.65</v>
      </c>
      <c r="AV27" s="7">
        <v>1.65</v>
      </c>
      <c r="AW27" s="7">
        <v>2.1</v>
      </c>
      <c r="AX27" s="7">
        <v>2.1</v>
      </c>
      <c r="AY27" s="7">
        <v>2.1</v>
      </c>
      <c r="AZ27" s="34">
        <v>2.1</v>
      </c>
      <c r="BA27" s="7">
        <v>2.1</v>
      </c>
      <c r="BB27" s="8">
        <v>2.1</v>
      </c>
      <c r="BC27" s="7">
        <v>2.1</v>
      </c>
      <c r="BD27" s="7">
        <v>2.1</v>
      </c>
    </row>
    <row r="28" spans="3:56" x14ac:dyDescent="0.2">
      <c r="C28" s="5" t="s">
        <v>72</v>
      </c>
      <c r="D28" s="6" t="s">
        <v>58</v>
      </c>
      <c r="E28" s="7">
        <v>3.14</v>
      </c>
      <c r="F28" s="7">
        <v>3.1</v>
      </c>
      <c r="G28" s="7">
        <v>3</v>
      </c>
      <c r="H28" s="7">
        <v>3.3</v>
      </c>
      <c r="I28" s="7">
        <v>3.3</v>
      </c>
      <c r="J28" s="7">
        <v>3.2</v>
      </c>
      <c r="K28" s="7">
        <v>3</v>
      </c>
      <c r="L28" s="7">
        <v>3</v>
      </c>
      <c r="M28" s="7">
        <v>3.2</v>
      </c>
      <c r="N28" s="7">
        <v>3.57</v>
      </c>
      <c r="O28" s="7">
        <v>3.44</v>
      </c>
      <c r="P28" s="7">
        <v>3.62</v>
      </c>
      <c r="Q28" s="7">
        <v>3.9</v>
      </c>
      <c r="R28" s="7">
        <v>4.1500000000000004</v>
      </c>
      <c r="S28" s="7">
        <v>4.55</v>
      </c>
      <c r="T28" s="7">
        <v>4.6100000000000003</v>
      </c>
      <c r="U28" s="7">
        <v>4.4400000000000004</v>
      </c>
      <c r="V28" s="7">
        <v>4.59</v>
      </c>
      <c r="W28" s="7">
        <v>4.8099999999999996</v>
      </c>
      <c r="X28" s="7">
        <v>4.7300000000000004</v>
      </c>
      <c r="Y28" s="7">
        <v>4.9000000000000004</v>
      </c>
      <c r="Z28" s="7">
        <v>5.4</v>
      </c>
      <c r="AA28" s="7">
        <v>5.3</v>
      </c>
      <c r="AB28" s="7">
        <v>5.12</v>
      </c>
      <c r="AC28" s="7">
        <v>5.48</v>
      </c>
      <c r="AD28" s="7">
        <v>5.53</v>
      </c>
      <c r="AE28" s="7">
        <v>5.55</v>
      </c>
      <c r="AF28" s="7">
        <v>4.75</v>
      </c>
      <c r="AG28" s="7">
        <v>5</v>
      </c>
      <c r="AH28" s="7">
        <v>5</v>
      </c>
      <c r="AI28" s="7">
        <v>4.9000000000000004</v>
      </c>
      <c r="AJ28" s="7">
        <v>4.95</v>
      </c>
      <c r="AK28" s="7">
        <v>4.83</v>
      </c>
      <c r="AL28" s="7">
        <v>4.7300000000000004</v>
      </c>
      <c r="AM28" s="7">
        <v>4.58</v>
      </c>
      <c r="AN28" s="7">
        <v>4.42</v>
      </c>
      <c r="AO28" s="8">
        <v>3.9</v>
      </c>
      <c r="AP28" s="7">
        <v>3.85</v>
      </c>
      <c r="AQ28" s="7">
        <v>3.85</v>
      </c>
      <c r="AR28" s="7">
        <v>3.55</v>
      </c>
      <c r="AS28" s="7">
        <v>3.25</v>
      </c>
      <c r="AT28" s="7">
        <v>3.35</v>
      </c>
      <c r="AU28" s="7">
        <v>3.29</v>
      </c>
      <c r="AV28" s="7">
        <v>3.24</v>
      </c>
      <c r="AW28" s="7">
        <v>3.24</v>
      </c>
      <c r="AX28" s="7">
        <v>3.12</v>
      </c>
      <c r="AY28" s="7">
        <v>3.16</v>
      </c>
      <c r="AZ28" s="34">
        <v>3.3</v>
      </c>
      <c r="BA28" s="7">
        <v>3.38</v>
      </c>
      <c r="BB28" s="8">
        <v>3.33</v>
      </c>
      <c r="BC28" s="7">
        <v>3.55</v>
      </c>
      <c r="BD28" s="7">
        <v>3.4</v>
      </c>
    </row>
    <row r="29" spans="3:56" x14ac:dyDescent="0.2">
      <c r="C29" s="5" t="s">
        <v>73</v>
      </c>
      <c r="D29" s="6" t="s">
        <v>58</v>
      </c>
      <c r="E29" s="7">
        <v>2.91</v>
      </c>
      <c r="F29" s="7">
        <v>2.68</v>
      </c>
      <c r="G29" s="7">
        <v>2.68</v>
      </c>
      <c r="H29" s="7">
        <v>3.41</v>
      </c>
      <c r="I29" s="7">
        <v>3.4</v>
      </c>
      <c r="J29" s="7">
        <v>3.2</v>
      </c>
      <c r="K29" s="7">
        <v>2.71</v>
      </c>
      <c r="L29" s="7">
        <v>2.71</v>
      </c>
      <c r="M29" s="7">
        <v>2.9</v>
      </c>
      <c r="N29" s="7">
        <v>3.7</v>
      </c>
      <c r="O29" s="7">
        <v>3.85</v>
      </c>
      <c r="P29" s="7">
        <v>3.4</v>
      </c>
      <c r="Q29" s="7">
        <v>2.5099999999999998</v>
      </c>
      <c r="R29" s="7">
        <v>2.76</v>
      </c>
      <c r="S29" s="7">
        <v>3.75</v>
      </c>
      <c r="T29" s="7">
        <v>3.05</v>
      </c>
      <c r="U29" s="7">
        <v>2.65</v>
      </c>
      <c r="V29" s="7">
        <v>2.95</v>
      </c>
      <c r="W29" s="7">
        <v>3.2</v>
      </c>
      <c r="X29" s="7">
        <v>3.08</v>
      </c>
      <c r="Y29" s="7">
        <v>2.88</v>
      </c>
      <c r="Z29" s="7">
        <v>3.2</v>
      </c>
      <c r="AA29" s="7">
        <v>3.05</v>
      </c>
      <c r="AB29" s="7">
        <v>2.5499999999999998</v>
      </c>
      <c r="AC29" s="7">
        <v>1.95</v>
      </c>
      <c r="AD29" s="7">
        <v>1.05</v>
      </c>
      <c r="AE29" s="7">
        <v>1.8</v>
      </c>
      <c r="AF29" s="7">
        <v>1.5</v>
      </c>
      <c r="AG29" s="7">
        <v>2.25</v>
      </c>
      <c r="AH29" s="7">
        <v>2.5499999999999998</v>
      </c>
      <c r="AI29" s="7">
        <v>2.75</v>
      </c>
      <c r="AJ29" s="7">
        <v>2.6</v>
      </c>
      <c r="AK29" s="7">
        <v>2.75</v>
      </c>
      <c r="AL29" s="7">
        <v>2.41</v>
      </c>
      <c r="AM29" s="7">
        <v>2</v>
      </c>
      <c r="AN29" s="7">
        <v>1.5</v>
      </c>
      <c r="AO29" s="8">
        <v>1.5</v>
      </c>
      <c r="AP29" s="7">
        <v>1.97</v>
      </c>
      <c r="AQ29" s="7">
        <v>1.57</v>
      </c>
      <c r="AR29" s="7">
        <v>1.99</v>
      </c>
      <c r="AS29" s="7">
        <v>2.46</v>
      </c>
      <c r="AT29" s="7">
        <v>2.87</v>
      </c>
      <c r="AU29" s="7">
        <v>2.73</v>
      </c>
      <c r="AV29" s="7">
        <v>2.7</v>
      </c>
      <c r="AW29" s="7">
        <v>2.5</v>
      </c>
      <c r="AX29" s="7">
        <v>2.4</v>
      </c>
      <c r="AY29" s="7">
        <v>2.4</v>
      </c>
      <c r="AZ29" s="34">
        <v>2.5</v>
      </c>
      <c r="BA29" s="7">
        <v>2.46</v>
      </c>
      <c r="BB29" s="8">
        <v>2.2999999999999998</v>
      </c>
      <c r="BC29" s="7">
        <v>2.15</v>
      </c>
      <c r="BD29" s="7">
        <v>2.4500000000000002</v>
      </c>
    </row>
    <row r="30" spans="3:56" x14ac:dyDescent="0.2">
      <c r="C30" s="5" t="s">
        <v>74</v>
      </c>
      <c r="D30" s="6" t="s">
        <v>58</v>
      </c>
      <c r="E30" s="13">
        <v>1.05</v>
      </c>
      <c r="F30" s="13">
        <v>1.05</v>
      </c>
      <c r="G30" s="13">
        <v>1.05</v>
      </c>
      <c r="H30" s="13">
        <v>1.05</v>
      </c>
      <c r="I30" s="13">
        <v>1.05</v>
      </c>
      <c r="J30" s="13">
        <v>1.05</v>
      </c>
      <c r="K30" s="13">
        <v>1.05</v>
      </c>
      <c r="L30" s="13">
        <v>1.05</v>
      </c>
      <c r="M30" s="13">
        <v>1.05</v>
      </c>
      <c r="N30" s="13">
        <v>1.05</v>
      </c>
      <c r="O30" s="13">
        <v>1.05</v>
      </c>
      <c r="P30" s="13">
        <v>1.05</v>
      </c>
      <c r="Q30" s="13">
        <v>1.05</v>
      </c>
      <c r="R30" s="13">
        <v>1.05</v>
      </c>
      <c r="S30" s="13">
        <v>1.05</v>
      </c>
      <c r="T30" s="13">
        <v>1.05</v>
      </c>
      <c r="U30" s="13">
        <v>1.05</v>
      </c>
      <c r="V30" s="13">
        <v>1.05</v>
      </c>
      <c r="W30" s="13">
        <v>1.05</v>
      </c>
      <c r="X30" s="13">
        <v>1.05</v>
      </c>
      <c r="Y30" s="13">
        <v>1.05</v>
      </c>
      <c r="Z30" s="13">
        <v>1.05</v>
      </c>
      <c r="AA30" s="13">
        <v>1.05</v>
      </c>
      <c r="AB30" s="13">
        <v>1.05</v>
      </c>
      <c r="AC30" s="13">
        <v>1.05</v>
      </c>
      <c r="AD30" s="13">
        <v>1.05</v>
      </c>
      <c r="AE30" s="13">
        <v>1.05</v>
      </c>
      <c r="AF30" s="13">
        <v>1.05</v>
      </c>
      <c r="AG30" s="13">
        <v>1.05</v>
      </c>
      <c r="AH30" s="13">
        <v>1.05</v>
      </c>
      <c r="AI30" s="13">
        <v>1.05</v>
      </c>
      <c r="AJ30" s="13">
        <v>1.05</v>
      </c>
      <c r="AK30" s="13">
        <v>1.05</v>
      </c>
      <c r="AL30" s="13">
        <v>1.05</v>
      </c>
      <c r="AM30" s="13">
        <v>1.05</v>
      </c>
      <c r="AN30" s="13">
        <v>1.05</v>
      </c>
      <c r="AO30" s="8">
        <v>1.05</v>
      </c>
      <c r="AP30" s="13">
        <v>1.05</v>
      </c>
      <c r="AQ30" s="13">
        <v>1.05</v>
      </c>
      <c r="AR30" s="13">
        <v>1.05</v>
      </c>
      <c r="AS30" s="13">
        <v>1.05</v>
      </c>
      <c r="AT30" s="13">
        <v>1.05</v>
      </c>
      <c r="AU30" s="13">
        <v>1.05</v>
      </c>
      <c r="AV30" s="13">
        <v>1.05</v>
      </c>
      <c r="AW30" s="13">
        <v>1.05</v>
      </c>
      <c r="AX30" s="13">
        <v>1.05</v>
      </c>
      <c r="AY30" s="13">
        <v>1.05</v>
      </c>
      <c r="AZ30" s="36">
        <v>1.05</v>
      </c>
      <c r="BA30" s="13">
        <v>1.05</v>
      </c>
      <c r="BB30" s="8">
        <v>1.05</v>
      </c>
      <c r="BC30" s="13">
        <v>1.05</v>
      </c>
      <c r="BD30" s="13">
        <v>1.05</v>
      </c>
    </row>
    <row r="31" spans="3:56" x14ac:dyDescent="0.2">
      <c r="C31" s="5" t="s">
        <v>75</v>
      </c>
      <c r="D31" s="15" t="s">
        <v>76</v>
      </c>
      <c r="E31" s="8">
        <v>0.57999999999999996</v>
      </c>
      <c r="F31" s="8">
        <v>0.56999999999999995</v>
      </c>
      <c r="G31" s="8">
        <v>0.56000000000000005</v>
      </c>
      <c r="H31" s="8">
        <v>0.56999999999999995</v>
      </c>
      <c r="I31" s="8">
        <v>0.56000000000000005</v>
      </c>
      <c r="J31" s="8">
        <v>0.56000000000000005</v>
      </c>
      <c r="K31" s="8">
        <v>0.56000000000000005</v>
      </c>
      <c r="L31" s="8">
        <v>0.59</v>
      </c>
      <c r="M31" s="8">
        <v>0.59</v>
      </c>
      <c r="N31" s="8">
        <v>0.59</v>
      </c>
      <c r="O31" s="8">
        <v>0.59</v>
      </c>
      <c r="P31" s="8">
        <v>0.59</v>
      </c>
      <c r="Q31" s="8">
        <v>0.56999999999999995</v>
      </c>
      <c r="R31" s="8">
        <v>0.56999999999999995</v>
      </c>
      <c r="S31" s="8">
        <v>0.56999999999999995</v>
      </c>
      <c r="T31" s="8">
        <v>0.56000000000000005</v>
      </c>
      <c r="U31" s="8">
        <v>0.54</v>
      </c>
      <c r="V31" s="8">
        <v>0.53</v>
      </c>
      <c r="W31" s="8">
        <v>0.52</v>
      </c>
      <c r="X31" s="8">
        <v>0.51</v>
      </c>
      <c r="Y31" s="8">
        <v>0.49</v>
      </c>
      <c r="Z31" s="8">
        <v>0.47</v>
      </c>
      <c r="AA31" s="8">
        <v>0.47</v>
      </c>
      <c r="AB31" s="8">
        <v>0.48</v>
      </c>
      <c r="AC31" s="8">
        <v>0.49</v>
      </c>
      <c r="AD31" s="8">
        <v>0.49</v>
      </c>
      <c r="AE31" s="8">
        <v>0.49</v>
      </c>
      <c r="AF31" s="8">
        <v>0.49</v>
      </c>
      <c r="AG31" s="8">
        <v>0.49</v>
      </c>
      <c r="AH31" s="8">
        <v>0.49</v>
      </c>
      <c r="AI31" s="8">
        <v>0.49</v>
      </c>
      <c r="AJ31" s="8">
        <v>0.49</v>
      </c>
      <c r="AK31" s="8">
        <v>0.51</v>
      </c>
      <c r="AL31" s="8">
        <v>0.53</v>
      </c>
      <c r="AM31" s="8">
        <v>0.54</v>
      </c>
      <c r="AN31" s="8">
        <v>0.57999999999999996</v>
      </c>
      <c r="AO31" s="8">
        <v>0.57999999999999996</v>
      </c>
      <c r="AP31" s="8">
        <v>0.57999999999999996</v>
      </c>
      <c r="AQ31" s="8">
        <v>0.59</v>
      </c>
      <c r="AR31" s="8">
        <v>0.59</v>
      </c>
      <c r="AS31" s="8">
        <v>0.62</v>
      </c>
      <c r="AT31" s="8">
        <v>0.63</v>
      </c>
      <c r="AU31" s="8">
        <v>0.67</v>
      </c>
      <c r="AV31" s="8">
        <v>0.68</v>
      </c>
      <c r="AW31" s="8">
        <v>0.69</v>
      </c>
      <c r="AX31" s="8">
        <v>0.69</v>
      </c>
      <c r="AY31" s="8">
        <v>0.69</v>
      </c>
      <c r="AZ31" s="33">
        <v>0.69</v>
      </c>
      <c r="BA31" s="8">
        <v>0.69</v>
      </c>
      <c r="BB31" s="8">
        <v>0.69</v>
      </c>
      <c r="BC31" s="8">
        <v>0.68</v>
      </c>
      <c r="BD31" s="8">
        <v>0.68</v>
      </c>
    </row>
    <row r="32" spans="3:56" x14ac:dyDescent="0.2">
      <c r="C32" s="16" t="s">
        <v>78</v>
      </c>
      <c r="D32" s="6" t="s">
        <v>58</v>
      </c>
      <c r="E32" s="8">
        <v>0.17</v>
      </c>
      <c r="F32" s="8">
        <v>0.17</v>
      </c>
      <c r="G32" s="8">
        <v>0.17</v>
      </c>
      <c r="H32" s="8">
        <v>0.17</v>
      </c>
      <c r="I32" s="8">
        <v>0.16</v>
      </c>
      <c r="J32" s="8">
        <v>0.16</v>
      </c>
      <c r="K32" s="8">
        <v>0.16</v>
      </c>
      <c r="L32" s="8">
        <v>0.18</v>
      </c>
      <c r="M32" s="8">
        <v>0.19</v>
      </c>
      <c r="N32" s="8">
        <v>0.22</v>
      </c>
      <c r="O32" s="8">
        <v>0.23</v>
      </c>
      <c r="P32" s="8">
        <v>0.23</v>
      </c>
      <c r="Q32" s="8">
        <v>0.28000000000000003</v>
      </c>
      <c r="R32" s="8">
        <v>0.4</v>
      </c>
      <c r="S32" s="8">
        <v>0.47</v>
      </c>
      <c r="T32" s="8">
        <v>0.48</v>
      </c>
      <c r="U32" s="8">
        <v>0.51</v>
      </c>
      <c r="V32" s="8">
        <v>0.44</v>
      </c>
      <c r="W32" s="8">
        <v>0.39</v>
      </c>
      <c r="X32" s="8">
        <v>0.36</v>
      </c>
      <c r="Y32" s="8">
        <v>0.34</v>
      </c>
      <c r="Z32" s="8">
        <v>0.36</v>
      </c>
      <c r="AA32" s="8">
        <v>0.38</v>
      </c>
      <c r="AB32" s="8">
        <v>0.4</v>
      </c>
      <c r="AC32" s="8">
        <v>0.4</v>
      </c>
      <c r="AD32" s="8">
        <v>0.39</v>
      </c>
      <c r="AE32" s="8">
        <v>0.38</v>
      </c>
      <c r="AF32" s="8">
        <v>0.32</v>
      </c>
      <c r="AG32" s="8">
        <v>0.3</v>
      </c>
      <c r="AH32" s="8">
        <v>0.25</v>
      </c>
      <c r="AI32" s="8">
        <v>0.28000000000000003</v>
      </c>
      <c r="AJ32" s="8">
        <v>0.28000000000000003</v>
      </c>
      <c r="AK32" s="8">
        <v>0.28000000000000003</v>
      </c>
      <c r="AL32" s="8">
        <v>0.28000000000000003</v>
      </c>
      <c r="AM32" s="8">
        <v>0.28000000000000003</v>
      </c>
      <c r="AN32" s="8">
        <v>0.28000000000000003</v>
      </c>
      <c r="AO32" s="8">
        <v>0.24</v>
      </c>
      <c r="AP32" s="8">
        <v>0.22</v>
      </c>
      <c r="AQ32" s="8">
        <v>0.22</v>
      </c>
      <c r="AR32" s="8">
        <v>0.22</v>
      </c>
      <c r="AS32" s="8">
        <v>0.23</v>
      </c>
      <c r="AT32" s="8">
        <v>0.24</v>
      </c>
      <c r="AU32" s="8">
        <v>0.24</v>
      </c>
      <c r="AV32" s="8">
        <v>0.24</v>
      </c>
      <c r="AW32" s="8">
        <v>0.26</v>
      </c>
      <c r="AX32" s="8">
        <v>0.26</v>
      </c>
      <c r="AY32" s="8">
        <v>0.27</v>
      </c>
      <c r="AZ32" s="33">
        <v>0.28000000000000003</v>
      </c>
      <c r="BA32" s="8">
        <v>0.28000000000000003</v>
      </c>
      <c r="BB32" s="8">
        <v>0.28999999999999998</v>
      </c>
      <c r="BC32" s="8">
        <v>0.28999999999999998</v>
      </c>
      <c r="BD32" s="8">
        <v>0.28999999999999998</v>
      </c>
    </row>
    <row r="33" spans="3:56" x14ac:dyDescent="0.2">
      <c r="C33" s="16" t="s">
        <v>79</v>
      </c>
      <c r="D33" s="6" t="s">
        <v>58</v>
      </c>
      <c r="E33" s="8">
        <v>0.48</v>
      </c>
      <c r="F33" s="8">
        <v>0.49</v>
      </c>
      <c r="G33" s="8">
        <v>0.45</v>
      </c>
      <c r="H33" s="8">
        <v>0.41</v>
      </c>
      <c r="I33" s="8">
        <v>0.44</v>
      </c>
      <c r="J33" s="8">
        <v>0.45</v>
      </c>
      <c r="K33" s="8">
        <v>0.47</v>
      </c>
      <c r="L33" s="8">
        <v>0.41</v>
      </c>
      <c r="M33" s="8">
        <v>0.45</v>
      </c>
      <c r="N33" s="8">
        <v>0.43</v>
      </c>
      <c r="O33" s="8">
        <v>0.46</v>
      </c>
      <c r="P33" s="8">
        <v>0.42</v>
      </c>
      <c r="Q33" s="8">
        <v>0.41</v>
      </c>
      <c r="R33" s="8">
        <v>0.42</v>
      </c>
      <c r="S33" s="8">
        <v>0.36</v>
      </c>
      <c r="T33" s="8">
        <v>0.33</v>
      </c>
      <c r="U33" s="8">
        <v>0.34</v>
      </c>
      <c r="V33" s="8">
        <v>0.32</v>
      </c>
      <c r="W33" s="8">
        <v>0.32</v>
      </c>
      <c r="X33" s="8">
        <v>0.33</v>
      </c>
      <c r="Y33" s="8">
        <v>0.28999999999999998</v>
      </c>
      <c r="Z33" s="8">
        <v>0.32</v>
      </c>
      <c r="AA33" s="8">
        <v>0.28000000000000003</v>
      </c>
      <c r="AB33" s="8">
        <v>0.28000000000000003</v>
      </c>
      <c r="AC33" s="8">
        <v>0.28999999999999998</v>
      </c>
      <c r="AD33" s="8">
        <v>0.28999999999999998</v>
      </c>
      <c r="AE33" s="8">
        <v>0.28000000000000003</v>
      </c>
      <c r="AF33" s="8">
        <v>0.28999999999999998</v>
      </c>
      <c r="AG33" s="8">
        <v>0.28999999999999998</v>
      </c>
      <c r="AH33" s="8">
        <v>0.28999999999999998</v>
      </c>
      <c r="AI33" s="8">
        <v>0.28000000000000003</v>
      </c>
      <c r="AJ33" s="8">
        <v>0.28999999999999998</v>
      </c>
      <c r="AK33" s="8">
        <v>0.28999999999999998</v>
      </c>
      <c r="AL33" s="8">
        <v>0.28000000000000003</v>
      </c>
      <c r="AM33" s="8">
        <v>0.4</v>
      </c>
      <c r="AN33" s="8">
        <v>0.32</v>
      </c>
      <c r="AO33" s="8">
        <v>0.28000000000000003</v>
      </c>
      <c r="AP33" s="8">
        <v>0.28000000000000003</v>
      </c>
      <c r="AQ33" s="8">
        <v>0.34</v>
      </c>
      <c r="AR33" s="8">
        <v>0.36</v>
      </c>
      <c r="AS33" s="8">
        <v>0.34</v>
      </c>
      <c r="AT33" s="8">
        <v>0.32</v>
      </c>
      <c r="AU33" s="8">
        <v>0.32</v>
      </c>
      <c r="AV33" s="8">
        <v>0.39</v>
      </c>
      <c r="AW33" s="8">
        <v>0.37</v>
      </c>
      <c r="AX33" s="8">
        <v>0.41</v>
      </c>
      <c r="AY33" s="8">
        <v>0.42</v>
      </c>
      <c r="AZ33" s="33">
        <v>0.4</v>
      </c>
      <c r="BA33" s="8">
        <v>0.36</v>
      </c>
      <c r="BB33" s="8">
        <v>0.32</v>
      </c>
      <c r="BC33" s="8">
        <v>0.33</v>
      </c>
      <c r="BD33" s="8">
        <v>0.34</v>
      </c>
    </row>
    <row r="34" spans="3:56" x14ac:dyDescent="0.2">
      <c r="C34" s="16" t="s">
        <v>80</v>
      </c>
      <c r="D34" s="6" t="s">
        <v>58</v>
      </c>
      <c r="E34" s="8">
        <v>0.77</v>
      </c>
      <c r="F34" s="8">
        <v>0.75</v>
      </c>
      <c r="G34" s="8">
        <v>1.44</v>
      </c>
      <c r="H34" s="8">
        <v>1.1599999999999999</v>
      </c>
      <c r="I34" s="8">
        <v>1.3</v>
      </c>
      <c r="J34" s="8">
        <v>0.99</v>
      </c>
      <c r="K34" s="8">
        <v>0.69</v>
      </c>
      <c r="L34" s="8">
        <v>0.56000000000000005</v>
      </c>
      <c r="M34" s="8">
        <v>0.57999999999999996</v>
      </c>
      <c r="N34" s="8">
        <v>0.57999999999999996</v>
      </c>
      <c r="O34" s="8">
        <v>0.34</v>
      </c>
      <c r="P34" s="8">
        <v>0.28000000000000003</v>
      </c>
      <c r="Q34" s="8">
        <v>0.28999999999999998</v>
      </c>
      <c r="R34" s="8">
        <v>0.31</v>
      </c>
      <c r="S34" s="8">
        <v>0.32</v>
      </c>
      <c r="T34" s="8">
        <v>0.31</v>
      </c>
      <c r="U34" s="8">
        <v>0.22</v>
      </c>
      <c r="V34" s="8">
        <v>0.2</v>
      </c>
      <c r="W34" s="8">
        <v>0.28000000000000003</v>
      </c>
      <c r="X34" s="8">
        <v>0.27</v>
      </c>
      <c r="Y34" s="8">
        <v>0.2</v>
      </c>
      <c r="Z34" s="8">
        <v>0.25</v>
      </c>
      <c r="AA34" s="8">
        <v>0.4</v>
      </c>
      <c r="AB34" s="8">
        <v>0.39</v>
      </c>
      <c r="AC34" s="8">
        <v>0.25</v>
      </c>
      <c r="AD34" s="8">
        <v>0.21</v>
      </c>
      <c r="AE34" s="8">
        <v>0.12</v>
      </c>
      <c r="AF34" s="8">
        <v>0.21</v>
      </c>
      <c r="AG34" s="8">
        <v>0.2</v>
      </c>
      <c r="AH34" s="8">
        <v>0.15</v>
      </c>
      <c r="AI34" s="8">
        <v>0.22</v>
      </c>
      <c r="AJ34" s="8">
        <v>0.24</v>
      </c>
      <c r="AK34" s="8">
        <v>0.22</v>
      </c>
      <c r="AL34" s="8">
        <v>0.51</v>
      </c>
      <c r="AM34" s="8">
        <v>0.74</v>
      </c>
      <c r="AN34" s="8">
        <v>0.32</v>
      </c>
      <c r="AO34" s="8">
        <v>0.27</v>
      </c>
      <c r="AP34" s="8">
        <v>0.27</v>
      </c>
      <c r="AQ34" s="8">
        <v>0.41</v>
      </c>
      <c r="AR34" s="8">
        <v>0.28999999999999998</v>
      </c>
      <c r="AS34" s="8">
        <v>0.17</v>
      </c>
      <c r="AT34" s="8">
        <v>0.2</v>
      </c>
      <c r="AU34" s="8">
        <v>0.22</v>
      </c>
      <c r="AV34" s="8">
        <v>0.28999999999999998</v>
      </c>
      <c r="AW34" s="8">
        <v>0.78</v>
      </c>
      <c r="AX34" s="8">
        <v>1.29</v>
      </c>
      <c r="AY34" s="8">
        <v>1.24</v>
      </c>
      <c r="AZ34" s="33">
        <v>0.67</v>
      </c>
      <c r="BA34" s="8">
        <v>0.53</v>
      </c>
      <c r="BB34" s="8">
        <v>0.69</v>
      </c>
      <c r="BC34" s="8">
        <v>0.69</v>
      </c>
      <c r="BD34" s="8">
        <v>0.53</v>
      </c>
    </row>
    <row r="35" spans="3:56" x14ac:dyDescent="0.2">
      <c r="C35" s="16" t="s">
        <v>81</v>
      </c>
      <c r="D35" s="6" t="s">
        <v>58</v>
      </c>
      <c r="E35" s="8">
        <v>0.14000000000000001</v>
      </c>
      <c r="F35" s="8">
        <v>0.13</v>
      </c>
      <c r="G35" s="8">
        <v>0.15</v>
      </c>
      <c r="H35" s="8">
        <v>0.13</v>
      </c>
      <c r="I35" s="8">
        <v>0.15</v>
      </c>
      <c r="J35" s="8">
        <v>0.2</v>
      </c>
      <c r="K35" s="8">
        <v>0.18</v>
      </c>
      <c r="L35" s="8">
        <v>0.18</v>
      </c>
      <c r="M35" s="8">
        <v>0.21</v>
      </c>
      <c r="N35" s="8">
        <v>0.22</v>
      </c>
      <c r="O35" s="8">
        <v>0.25</v>
      </c>
      <c r="P35" s="8">
        <v>0.25</v>
      </c>
      <c r="Q35" s="8">
        <v>0.27</v>
      </c>
      <c r="R35" s="8">
        <v>0.28000000000000003</v>
      </c>
      <c r="S35" s="8">
        <v>0.3</v>
      </c>
      <c r="T35" s="8">
        <v>0.3</v>
      </c>
      <c r="U35" s="8">
        <v>0.32</v>
      </c>
      <c r="V35" s="8">
        <v>0.32</v>
      </c>
      <c r="W35" s="8">
        <v>0.32</v>
      </c>
      <c r="X35" s="8">
        <v>0.32</v>
      </c>
      <c r="Y35" s="8">
        <v>0.32</v>
      </c>
      <c r="Z35" s="8">
        <v>0.32</v>
      </c>
      <c r="AA35" s="8">
        <v>0.28000000000000003</v>
      </c>
      <c r="AB35" s="8">
        <v>0.26</v>
      </c>
      <c r="AC35" s="8">
        <v>0.26</v>
      </c>
      <c r="AD35" s="8">
        <v>0.3</v>
      </c>
      <c r="AE35" s="8">
        <v>0.26</v>
      </c>
      <c r="AF35" s="8">
        <v>0.28999999999999998</v>
      </c>
      <c r="AG35" s="8">
        <v>0.22</v>
      </c>
      <c r="AH35" s="8">
        <v>0.22</v>
      </c>
      <c r="AI35" s="8">
        <v>0.15</v>
      </c>
      <c r="AJ35" s="8">
        <v>0.14000000000000001</v>
      </c>
      <c r="AK35" s="8">
        <v>0.14000000000000001</v>
      </c>
      <c r="AL35" s="8">
        <v>0.14000000000000001</v>
      </c>
      <c r="AM35" s="8">
        <v>0.16</v>
      </c>
      <c r="AN35" s="8">
        <v>0.16</v>
      </c>
      <c r="AO35" s="8">
        <v>0.15</v>
      </c>
      <c r="AP35" s="8">
        <v>0.15</v>
      </c>
      <c r="AQ35" s="8">
        <v>0.15</v>
      </c>
      <c r="AR35" s="8">
        <v>0.13</v>
      </c>
      <c r="AS35" s="8">
        <v>0.13</v>
      </c>
      <c r="AT35" s="8">
        <v>0.13</v>
      </c>
      <c r="AU35" s="8">
        <v>0.13</v>
      </c>
      <c r="AV35" s="8">
        <v>0.13</v>
      </c>
      <c r="AW35" s="8">
        <v>0.13</v>
      </c>
      <c r="AX35" s="8">
        <v>0.13</v>
      </c>
      <c r="AY35" s="8">
        <v>0.15</v>
      </c>
      <c r="AZ35" s="33">
        <v>0.15</v>
      </c>
      <c r="BA35" s="8">
        <v>0.18</v>
      </c>
      <c r="BB35" s="8">
        <v>0.2</v>
      </c>
      <c r="BC35" s="8">
        <v>0.2</v>
      </c>
      <c r="BD35" s="8">
        <v>0.2</v>
      </c>
    </row>
    <row r="36" spans="3:56" x14ac:dyDescent="0.2">
      <c r="C36" s="16" t="s">
        <v>82</v>
      </c>
      <c r="D36" s="6" t="s">
        <v>58</v>
      </c>
      <c r="E36" s="8">
        <v>1.84</v>
      </c>
      <c r="F36" s="8">
        <v>1.42</v>
      </c>
      <c r="G36" s="8">
        <v>2.25</v>
      </c>
      <c r="H36" s="8">
        <v>1.95</v>
      </c>
      <c r="I36" s="8">
        <v>2.2999999999999998</v>
      </c>
      <c r="J36" s="8">
        <v>2.39</v>
      </c>
      <c r="K36" s="8">
        <v>2.59</v>
      </c>
      <c r="L36" s="8">
        <v>2.5</v>
      </c>
      <c r="M36" s="8">
        <v>2.77</v>
      </c>
      <c r="N36" s="8">
        <v>2.83</v>
      </c>
      <c r="O36" s="8">
        <v>2.4300000000000002</v>
      </c>
      <c r="P36" s="8">
        <v>2.16</v>
      </c>
      <c r="Q36" s="8">
        <v>1.81</v>
      </c>
      <c r="R36" s="8">
        <v>1.35</v>
      </c>
      <c r="S36" s="8">
        <v>1.48</v>
      </c>
      <c r="T36" s="8">
        <v>1.43</v>
      </c>
      <c r="U36" s="8">
        <v>1.39</v>
      </c>
      <c r="V36" s="8">
        <v>1.34</v>
      </c>
      <c r="W36" s="8">
        <v>1.06</v>
      </c>
      <c r="X36" s="8">
        <v>0.89</v>
      </c>
      <c r="Y36" s="8">
        <v>0.92</v>
      </c>
      <c r="Z36" s="8">
        <v>1.1499999999999999</v>
      </c>
      <c r="AA36" s="8">
        <v>1.34</v>
      </c>
      <c r="AB36" s="8">
        <v>1.48</v>
      </c>
      <c r="AC36" s="8">
        <v>1.34</v>
      </c>
      <c r="AD36" s="8">
        <v>1.21</v>
      </c>
      <c r="AE36" s="8">
        <v>1.43</v>
      </c>
      <c r="AF36" s="8">
        <v>1.17</v>
      </c>
      <c r="AG36" s="8">
        <v>1.07</v>
      </c>
      <c r="AH36" s="8">
        <v>1.1399999999999999</v>
      </c>
      <c r="AI36" s="8">
        <v>1.78</v>
      </c>
      <c r="AJ36" s="8">
        <v>2.67</v>
      </c>
      <c r="AK36" s="8">
        <v>2.91</v>
      </c>
      <c r="AL36" s="8">
        <v>3.01</v>
      </c>
      <c r="AM36" s="8">
        <v>2.29</v>
      </c>
      <c r="AN36" s="8">
        <v>1.94</v>
      </c>
      <c r="AO36" s="8">
        <v>1.29</v>
      </c>
      <c r="AP36" s="8">
        <v>1.7</v>
      </c>
      <c r="AQ36" s="8">
        <v>1.77</v>
      </c>
      <c r="AR36" s="31">
        <v>1.94</v>
      </c>
      <c r="AS36" s="8">
        <v>1.56</v>
      </c>
      <c r="AT36" s="8">
        <v>1.26</v>
      </c>
      <c r="AU36" s="8">
        <v>1.24</v>
      </c>
      <c r="AV36" s="8">
        <v>1.1200000000000001</v>
      </c>
      <c r="AW36" s="8">
        <v>1.42</v>
      </c>
      <c r="AX36" s="8">
        <v>1.7</v>
      </c>
      <c r="AY36" s="8">
        <v>1.51</v>
      </c>
      <c r="AZ36" s="33">
        <v>1.24</v>
      </c>
      <c r="BA36" s="8">
        <v>1.48</v>
      </c>
      <c r="BB36" s="8">
        <v>1.4</v>
      </c>
      <c r="BC36" s="8">
        <v>1.9</v>
      </c>
      <c r="BD36" s="8">
        <v>1.99</v>
      </c>
    </row>
    <row r="37" spans="3:56" x14ac:dyDescent="0.2">
      <c r="C37" s="16" t="s">
        <v>84</v>
      </c>
      <c r="D37" s="6" t="s">
        <v>85</v>
      </c>
      <c r="E37" s="8">
        <v>0.28999999999999998</v>
      </c>
      <c r="F37" s="8">
        <v>0.23</v>
      </c>
      <c r="G37" s="8">
        <v>0.23</v>
      </c>
      <c r="H37" s="8">
        <v>0.21</v>
      </c>
      <c r="I37" s="8">
        <v>0.23</v>
      </c>
      <c r="J37" s="8">
        <v>0.23</v>
      </c>
      <c r="K37" s="8">
        <v>0.22</v>
      </c>
      <c r="L37" s="8">
        <v>0.22</v>
      </c>
      <c r="M37" s="8">
        <v>0.22</v>
      </c>
      <c r="N37" s="8">
        <v>0.23</v>
      </c>
      <c r="O37" s="8">
        <v>0.23</v>
      </c>
      <c r="P37" s="8">
        <v>0.21</v>
      </c>
      <c r="Q37" s="8">
        <v>0.17</v>
      </c>
      <c r="R37" s="8">
        <v>0.18</v>
      </c>
      <c r="S37" s="8">
        <v>0.16</v>
      </c>
      <c r="T37" s="8">
        <v>0.18</v>
      </c>
      <c r="U37" s="8">
        <v>0.2</v>
      </c>
      <c r="V37" s="8">
        <v>0.19</v>
      </c>
      <c r="W37" s="8">
        <v>0.18</v>
      </c>
      <c r="X37" s="8">
        <v>0.19</v>
      </c>
      <c r="Y37" s="8">
        <v>0.22</v>
      </c>
      <c r="Z37" s="8">
        <v>0.21</v>
      </c>
      <c r="AA37" s="8">
        <v>0.2</v>
      </c>
      <c r="AB37" s="8">
        <v>0.23</v>
      </c>
      <c r="AC37" s="8">
        <v>0.24</v>
      </c>
      <c r="AD37" s="8">
        <v>0.26</v>
      </c>
      <c r="AE37" s="8">
        <v>0.22</v>
      </c>
      <c r="AF37" s="8">
        <v>0.21</v>
      </c>
      <c r="AG37" s="8">
        <v>0.19</v>
      </c>
      <c r="AH37" s="8">
        <v>0.19</v>
      </c>
      <c r="AI37" s="8">
        <v>0.21</v>
      </c>
      <c r="AJ37" s="8">
        <v>0.22</v>
      </c>
      <c r="AK37" s="8">
        <v>0.22</v>
      </c>
      <c r="AL37" s="8">
        <v>0.22</v>
      </c>
      <c r="AM37" s="8">
        <v>0.22</v>
      </c>
      <c r="AN37" s="8">
        <v>0.26</v>
      </c>
      <c r="AO37" s="8">
        <v>0.26</v>
      </c>
      <c r="AP37" s="8">
        <v>0.27</v>
      </c>
      <c r="AQ37" s="8">
        <v>0.28999999999999998</v>
      </c>
      <c r="AR37" s="8">
        <v>0.25</v>
      </c>
      <c r="AS37" s="8">
        <v>0.21</v>
      </c>
      <c r="AT37" s="8">
        <v>0.17</v>
      </c>
      <c r="AU37" s="8">
        <v>0.26</v>
      </c>
      <c r="AV37" s="8">
        <v>0.31</v>
      </c>
      <c r="AW37" s="8">
        <v>0.28000000000000003</v>
      </c>
      <c r="AX37" s="8">
        <v>0.26</v>
      </c>
      <c r="AY37" s="8">
        <v>0.26</v>
      </c>
      <c r="AZ37" s="33">
        <v>0.3</v>
      </c>
      <c r="BA37" s="8">
        <v>0.32</v>
      </c>
      <c r="BB37" s="8">
        <v>0.31</v>
      </c>
      <c r="BC37" s="8">
        <v>0.33</v>
      </c>
      <c r="BD37" s="8">
        <v>0.34</v>
      </c>
    </row>
    <row r="38" spans="3:56" x14ac:dyDescent="0.2">
      <c r="C38" s="16" t="s">
        <v>86</v>
      </c>
      <c r="D38" s="6" t="s">
        <v>58</v>
      </c>
      <c r="E38" s="8">
        <v>0.55000000000000004</v>
      </c>
      <c r="F38" s="8">
        <v>0.62</v>
      </c>
      <c r="G38" s="8">
        <v>0.87</v>
      </c>
      <c r="H38" s="8">
        <v>0.69</v>
      </c>
      <c r="I38" s="8">
        <v>0.9</v>
      </c>
      <c r="J38" s="8">
        <v>1.03</v>
      </c>
      <c r="K38" s="8">
        <v>0.99</v>
      </c>
      <c r="L38" s="8">
        <v>0.96</v>
      </c>
      <c r="M38" s="8">
        <v>1.1000000000000001</v>
      </c>
      <c r="N38" s="8">
        <v>1.1399999999999999</v>
      </c>
      <c r="O38" s="8">
        <v>1.32</v>
      </c>
      <c r="P38" s="8">
        <v>1.33</v>
      </c>
      <c r="Q38" s="8">
        <v>1.33</v>
      </c>
      <c r="R38" s="8">
        <v>1.26</v>
      </c>
      <c r="S38" s="8">
        <v>1.23</v>
      </c>
      <c r="T38" s="8">
        <v>1.29</v>
      </c>
      <c r="U38" s="8">
        <v>1.26</v>
      </c>
      <c r="V38" s="8">
        <v>1.27</v>
      </c>
      <c r="W38" s="8">
        <v>0.98</v>
      </c>
      <c r="X38" s="8">
        <v>0.66</v>
      </c>
      <c r="Y38" s="8">
        <v>0.54</v>
      </c>
      <c r="Z38" s="8">
        <v>0.54</v>
      </c>
      <c r="AA38" s="8">
        <v>0.69</v>
      </c>
      <c r="AB38" s="8">
        <v>0.69</v>
      </c>
      <c r="AC38" s="8">
        <v>0.71</v>
      </c>
      <c r="AD38" s="8">
        <v>0.57999999999999996</v>
      </c>
      <c r="AE38" s="8">
        <v>0.66</v>
      </c>
      <c r="AF38" s="8">
        <v>0.52</v>
      </c>
      <c r="AG38" s="8">
        <v>0.56999999999999995</v>
      </c>
      <c r="AH38" s="8">
        <v>0.57999999999999996</v>
      </c>
      <c r="AI38" s="8">
        <v>0.56000000000000005</v>
      </c>
      <c r="AJ38" s="8">
        <v>0.51</v>
      </c>
      <c r="AK38" s="8">
        <v>0.51</v>
      </c>
      <c r="AL38" s="8">
        <v>0.54</v>
      </c>
      <c r="AM38" s="8">
        <v>0.44</v>
      </c>
      <c r="AN38" s="8">
        <v>1.04</v>
      </c>
      <c r="AO38" s="8">
        <v>1.04</v>
      </c>
      <c r="AP38" s="8">
        <v>1.01</v>
      </c>
      <c r="AQ38" s="8">
        <v>0.93</v>
      </c>
      <c r="AR38" s="8">
        <v>0.97</v>
      </c>
      <c r="AS38" s="8">
        <v>0.85</v>
      </c>
      <c r="AT38" s="8">
        <v>0.78</v>
      </c>
      <c r="AU38" s="8">
        <v>0.45</v>
      </c>
      <c r="AV38" s="8">
        <v>0.51</v>
      </c>
      <c r="AW38" s="8">
        <v>0.44</v>
      </c>
      <c r="AX38" s="8">
        <v>0.37</v>
      </c>
      <c r="AY38" s="8">
        <v>0.33</v>
      </c>
      <c r="AZ38" s="33">
        <v>0.3</v>
      </c>
      <c r="BA38" s="8">
        <v>0.42</v>
      </c>
      <c r="BB38" s="8">
        <v>0.56999999999999995</v>
      </c>
      <c r="BC38" s="8">
        <v>0.63</v>
      </c>
      <c r="BD38" s="8">
        <v>0.71</v>
      </c>
    </row>
    <row r="39" spans="3:56" x14ac:dyDescent="0.2">
      <c r="C39" s="16" t="s">
        <v>104</v>
      </c>
      <c r="D39" s="6" t="s">
        <v>58</v>
      </c>
      <c r="E39" s="8">
        <v>0.25</v>
      </c>
      <c r="F39" s="8">
        <v>0.3</v>
      </c>
      <c r="G39" s="8">
        <v>0.42</v>
      </c>
      <c r="H39" s="8">
        <v>0.41</v>
      </c>
      <c r="I39" s="8">
        <v>0.35</v>
      </c>
      <c r="J39" s="8">
        <v>0.35</v>
      </c>
      <c r="K39" s="8">
        <v>0.25</v>
      </c>
      <c r="L39" s="8">
        <v>0.26</v>
      </c>
      <c r="M39" s="8">
        <v>0.26</v>
      </c>
      <c r="N39" s="8">
        <v>0.4</v>
      </c>
      <c r="O39" s="8">
        <v>0.45</v>
      </c>
      <c r="P39" s="8">
        <v>0.54</v>
      </c>
      <c r="Q39" s="8">
        <v>0.59</v>
      </c>
      <c r="R39" s="8">
        <v>0.81</v>
      </c>
      <c r="S39" s="8">
        <v>0.95</v>
      </c>
      <c r="T39" s="8">
        <v>1.03</v>
      </c>
      <c r="U39" s="8">
        <v>1</v>
      </c>
      <c r="V39" s="8">
        <v>1.01</v>
      </c>
      <c r="W39" s="8">
        <v>0.82</v>
      </c>
      <c r="X39" s="8">
        <v>0.56000000000000005</v>
      </c>
      <c r="Y39" s="8">
        <v>0.39</v>
      </c>
      <c r="Z39" s="8">
        <v>0.31</v>
      </c>
      <c r="AA39" s="8">
        <v>0.45</v>
      </c>
      <c r="AB39" s="8">
        <v>0.51</v>
      </c>
      <c r="AC39" s="8">
        <v>0.44</v>
      </c>
      <c r="AD39" s="8">
        <v>0.55000000000000004</v>
      </c>
      <c r="AE39" s="8">
        <v>0.56000000000000005</v>
      </c>
      <c r="AF39" s="8">
        <v>0.56000000000000005</v>
      </c>
      <c r="AG39" s="8">
        <v>0.53</v>
      </c>
      <c r="AH39" s="8">
        <v>0.54</v>
      </c>
      <c r="AI39" s="8">
        <v>0.56000000000000005</v>
      </c>
      <c r="AJ39" s="8">
        <v>0.56999999999999995</v>
      </c>
      <c r="AK39" s="8">
        <v>0.47</v>
      </c>
      <c r="AL39" s="8">
        <v>0.52</v>
      </c>
      <c r="AM39" s="8">
        <v>0.72</v>
      </c>
      <c r="AN39" s="8">
        <v>0.59</v>
      </c>
      <c r="AO39" s="8">
        <v>0.52</v>
      </c>
      <c r="AP39" s="8">
        <v>0.55000000000000004</v>
      </c>
      <c r="AQ39" s="8">
        <v>0.62</v>
      </c>
      <c r="AR39" s="8">
        <v>0.59</v>
      </c>
      <c r="AS39" s="8">
        <v>0.46</v>
      </c>
      <c r="AT39" s="8">
        <v>0.41</v>
      </c>
      <c r="AU39" s="8">
        <v>0.42</v>
      </c>
      <c r="AV39" s="8">
        <v>0.45</v>
      </c>
      <c r="AW39" s="8">
        <v>0.48</v>
      </c>
      <c r="AX39" s="8">
        <v>0.39</v>
      </c>
      <c r="AY39" s="8">
        <v>0.46</v>
      </c>
      <c r="AZ39" s="33">
        <v>0.48</v>
      </c>
      <c r="BA39" s="8">
        <v>0.55000000000000004</v>
      </c>
      <c r="BB39" s="8">
        <v>0.56999999999999995</v>
      </c>
      <c r="BC39" s="8">
        <v>0.74</v>
      </c>
      <c r="BD39" s="8">
        <v>0.71</v>
      </c>
    </row>
    <row r="40" spans="3:56" x14ac:dyDescent="0.2">
      <c r="C40" s="16" t="s">
        <v>87</v>
      </c>
      <c r="D40" s="6" t="s">
        <v>58</v>
      </c>
      <c r="E40" s="8">
        <v>0.14000000000000001</v>
      </c>
      <c r="F40" s="8">
        <v>0.17</v>
      </c>
      <c r="G40" s="8">
        <v>0.17</v>
      </c>
      <c r="H40" s="8">
        <v>0.16</v>
      </c>
      <c r="I40" s="8">
        <v>0.16</v>
      </c>
      <c r="J40" s="8">
        <v>0.18</v>
      </c>
      <c r="K40" s="8">
        <v>0.18</v>
      </c>
      <c r="L40" s="8">
        <v>0.18</v>
      </c>
      <c r="M40" s="8">
        <v>0.23</v>
      </c>
      <c r="N40" s="8">
        <v>0.26</v>
      </c>
      <c r="O40" s="8">
        <v>0.28000000000000003</v>
      </c>
      <c r="P40" s="8">
        <v>0.36</v>
      </c>
      <c r="Q40" s="8">
        <v>0.28999999999999998</v>
      </c>
      <c r="R40" s="8">
        <v>0.28999999999999998</v>
      </c>
      <c r="S40" s="8">
        <v>0.26</v>
      </c>
      <c r="T40" s="8">
        <v>0.27</v>
      </c>
      <c r="U40" s="8">
        <v>0.22</v>
      </c>
      <c r="V40" s="8">
        <v>0.2</v>
      </c>
      <c r="W40" s="8">
        <v>0.22</v>
      </c>
      <c r="X40" s="8">
        <v>0.2</v>
      </c>
      <c r="Y40" s="8">
        <v>0.2</v>
      </c>
      <c r="Z40" s="8">
        <v>0.22</v>
      </c>
      <c r="AA40" s="8">
        <v>0.22</v>
      </c>
      <c r="AB40" s="8">
        <v>0.3</v>
      </c>
      <c r="AC40" s="8">
        <v>0.38</v>
      </c>
      <c r="AD40" s="8">
        <v>0.36</v>
      </c>
      <c r="AE40" s="8">
        <v>0.28000000000000003</v>
      </c>
      <c r="AF40" s="8">
        <v>0.2</v>
      </c>
      <c r="AG40" s="8">
        <v>0.15</v>
      </c>
      <c r="AH40" s="8">
        <v>0.14000000000000001</v>
      </c>
      <c r="AI40" s="8">
        <v>0.12</v>
      </c>
      <c r="AJ40" s="8">
        <v>0.12</v>
      </c>
      <c r="AK40" s="8">
        <v>0.12</v>
      </c>
      <c r="AL40" s="8">
        <v>0.12</v>
      </c>
      <c r="AM40" s="8">
        <v>0.12</v>
      </c>
      <c r="AN40" s="8">
        <v>0.12</v>
      </c>
      <c r="AO40" s="8">
        <v>0.12</v>
      </c>
      <c r="AP40" s="8">
        <v>0.13</v>
      </c>
      <c r="AQ40" s="8">
        <v>0.14000000000000001</v>
      </c>
      <c r="AR40" s="8">
        <v>0.14000000000000001</v>
      </c>
      <c r="AS40" s="8">
        <v>0.14000000000000001</v>
      </c>
      <c r="AT40" s="8">
        <v>0.14000000000000001</v>
      </c>
      <c r="AU40" s="8">
        <v>0.14000000000000001</v>
      </c>
      <c r="AV40" s="8">
        <v>0.14000000000000001</v>
      </c>
      <c r="AW40" s="8">
        <v>0.14000000000000001</v>
      </c>
      <c r="AX40" s="8">
        <v>0.14000000000000001</v>
      </c>
      <c r="AY40" s="8">
        <v>0.14000000000000001</v>
      </c>
      <c r="AZ40" s="33">
        <v>0.14000000000000001</v>
      </c>
      <c r="BA40" s="8">
        <v>0.14000000000000001</v>
      </c>
      <c r="BB40" s="8">
        <v>0.14000000000000001</v>
      </c>
      <c r="BC40" s="8">
        <v>0.15</v>
      </c>
      <c r="BD40" s="8">
        <v>0.16</v>
      </c>
    </row>
    <row r="41" spans="3:56" x14ac:dyDescent="0.2">
      <c r="C41" s="16" t="s">
        <v>88</v>
      </c>
      <c r="D41" s="6" t="s">
        <v>58</v>
      </c>
      <c r="E41" s="8">
        <v>0.13</v>
      </c>
      <c r="F41" s="8">
        <v>0.12</v>
      </c>
      <c r="G41" s="8">
        <v>0.12</v>
      </c>
      <c r="H41" s="8">
        <v>0.11</v>
      </c>
      <c r="I41" s="8">
        <v>0.11</v>
      </c>
      <c r="J41" s="8">
        <v>0.1</v>
      </c>
      <c r="K41" s="8">
        <v>0.09</v>
      </c>
      <c r="L41" s="8">
        <v>0.08</v>
      </c>
      <c r="M41" s="8">
        <v>0.06</v>
      </c>
      <c r="N41" s="8">
        <v>0.04</v>
      </c>
      <c r="O41" s="8">
        <v>0.03</v>
      </c>
      <c r="P41" s="8">
        <v>0.03</v>
      </c>
      <c r="Q41" s="8">
        <v>0.04</v>
      </c>
      <c r="R41" s="8">
        <v>0.06</v>
      </c>
      <c r="S41" s="8">
        <v>0.06</v>
      </c>
      <c r="T41" s="8">
        <v>0.11</v>
      </c>
      <c r="U41" s="8">
        <v>0.12</v>
      </c>
      <c r="V41" s="8">
        <v>0.14000000000000001</v>
      </c>
      <c r="W41" s="8">
        <v>0.13</v>
      </c>
      <c r="X41" s="8">
        <v>0.13</v>
      </c>
      <c r="Y41" s="8">
        <v>0.14000000000000001</v>
      </c>
      <c r="Z41" s="8">
        <v>0.13</v>
      </c>
      <c r="AA41" s="8">
        <v>0.14000000000000001</v>
      </c>
      <c r="AB41" s="8">
        <v>0.12</v>
      </c>
      <c r="AC41" s="8">
        <v>0.1</v>
      </c>
      <c r="AD41" s="8">
        <v>0.08</v>
      </c>
      <c r="AE41" s="8">
        <v>7.0000000000000007E-2</v>
      </c>
      <c r="AF41" s="8">
        <v>7.0000000000000007E-2</v>
      </c>
      <c r="AG41" s="8">
        <v>7.0000000000000007E-2</v>
      </c>
      <c r="AH41" s="8">
        <v>7.0000000000000007E-2</v>
      </c>
      <c r="AI41" s="8">
        <v>0.06</v>
      </c>
      <c r="AJ41" s="8">
        <v>0.06</v>
      </c>
      <c r="AK41" s="8">
        <v>0.12</v>
      </c>
      <c r="AL41" s="8">
        <v>0.12</v>
      </c>
      <c r="AM41" s="8">
        <v>0.1</v>
      </c>
      <c r="AN41" s="8">
        <v>7.0000000000000007E-2</v>
      </c>
      <c r="AO41" s="8">
        <v>0.13</v>
      </c>
      <c r="AP41" s="8">
        <v>0.24</v>
      </c>
      <c r="AQ41" s="8">
        <v>0.24</v>
      </c>
      <c r="AR41" s="8">
        <v>0.22</v>
      </c>
      <c r="AS41" s="8">
        <v>0.21</v>
      </c>
      <c r="AT41" s="8">
        <v>0.21</v>
      </c>
      <c r="AU41" s="8">
        <v>0.2</v>
      </c>
      <c r="AV41" s="8">
        <v>0.19</v>
      </c>
      <c r="AW41" s="8">
        <v>0.18</v>
      </c>
      <c r="AX41" s="8">
        <v>0.17</v>
      </c>
      <c r="AY41" s="8">
        <v>0.15</v>
      </c>
      <c r="AZ41" s="32">
        <v>0.14000000000000001</v>
      </c>
      <c r="BA41" s="8">
        <v>0.1</v>
      </c>
      <c r="BB41" s="8">
        <v>0.08</v>
      </c>
      <c r="BC41" s="8">
        <v>7.0000000000000007E-2</v>
      </c>
      <c r="BD41" s="8">
        <v>7.0000000000000007E-2</v>
      </c>
    </row>
    <row r="42" spans="3:56" x14ac:dyDescent="0.2">
      <c r="C42" s="16" t="s">
        <v>89</v>
      </c>
      <c r="D42" s="6" t="s">
        <v>58</v>
      </c>
      <c r="E42" s="8">
        <v>0.21</v>
      </c>
      <c r="F42" s="8">
        <v>0.2</v>
      </c>
      <c r="G42" s="8">
        <v>0.2</v>
      </c>
      <c r="H42" s="8">
        <v>0.2</v>
      </c>
      <c r="I42" s="8">
        <v>0.2</v>
      </c>
      <c r="J42" s="8">
        <v>0.2</v>
      </c>
      <c r="K42" s="8">
        <v>0.2</v>
      </c>
      <c r="L42" s="8">
        <v>0.2</v>
      </c>
      <c r="M42" s="8">
        <v>0.2</v>
      </c>
      <c r="N42" s="8">
        <v>0.2</v>
      </c>
      <c r="O42" s="8">
        <v>0.2</v>
      </c>
      <c r="P42" s="8">
        <v>0.2</v>
      </c>
      <c r="Q42" s="8">
        <v>0.2</v>
      </c>
      <c r="R42" s="8">
        <v>0.2</v>
      </c>
      <c r="S42" s="8">
        <v>0.2</v>
      </c>
      <c r="T42" s="8">
        <v>0.2</v>
      </c>
      <c r="U42" s="8">
        <v>0.2</v>
      </c>
      <c r="V42" s="8">
        <v>0.2</v>
      </c>
      <c r="W42" s="8">
        <v>0.21</v>
      </c>
      <c r="X42" s="8">
        <v>0.27</v>
      </c>
      <c r="Y42" s="8">
        <v>0.28999999999999998</v>
      </c>
      <c r="Z42" s="8">
        <v>0.28999999999999998</v>
      </c>
      <c r="AA42" s="8">
        <v>0.28999999999999998</v>
      </c>
      <c r="AB42" s="8">
        <v>0.28999999999999998</v>
      </c>
      <c r="AC42" s="8">
        <v>0.36</v>
      </c>
      <c r="AD42" s="8">
        <v>0.36</v>
      </c>
      <c r="AE42" s="8">
        <v>0.36</v>
      </c>
      <c r="AF42" s="8">
        <v>0.38</v>
      </c>
      <c r="AG42" s="8">
        <v>0.38</v>
      </c>
      <c r="AH42" s="8">
        <v>0.38</v>
      </c>
      <c r="AI42" s="8">
        <v>0.39</v>
      </c>
      <c r="AJ42" s="8">
        <v>0.38</v>
      </c>
      <c r="AK42" s="8">
        <v>0.38</v>
      </c>
      <c r="AL42" s="8">
        <v>0.38</v>
      </c>
      <c r="AM42" s="8">
        <v>0.37</v>
      </c>
      <c r="AN42" s="8">
        <v>0.38</v>
      </c>
      <c r="AO42" s="8">
        <v>0.37</v>
      </c>
      <c r="AP42" s="8">
        <v>0.34</v>
      </c>
      <c r="AQ42" s="8">
        <v>0.32</v>
      </c>
      <c r="AR42" s="8">
        <v>0.34</v>
      </c>
      <c r="AS42" s="8">
        <v>0.33</v>
      </c>
      <c r="AT42" s="8">
        <v>0.33</v>
      </c>
      <c r="AU42" s="8">
        <v>0.35</v>
      </c>
      <c r="AV42" s="8">
        <v>0.39</v>
      </c>
      <c r="AW42" s="8">
        <v>0.39</v>
      </c>
      <c r="AX42" s="8">
        <v>0.39</v>
      </c>
      <c r="AY42" s="8">
        <v>0.39</v>
      </c>
      <c r="AZ42" s="32">
        <v>0.39</v>
      </c>
      <c r="BA42" s="8">
        <v>0.38</v>
      </c>
      <c r="BB42" s="8">
        <v>0.35</v>
      </c>
      <c r="BC42" s="8">
        <v>0.35</v>
      </c>
      <c r="BD42" s="8">
        <v>0.35</v>
      </c>
    </row>
    <row r="43" spans="3:56" x14ac:dyDescent="0.2">
      <c r="C43" s="18" t="s">
        <v>91</v>
      </c>
      <c r="D43" s="6" t="s">
        <v>58</v>
      </c>
      <c r="E43" s="8">
        <v>0.23</v>
      </c>
      <c r="F43" s="8">
        <v>0.23</v>
      </c>
      <c r="G43" s="8">
        <v>0.22</v>
      </c>
      <c r="H43" s="8">
        <v>0.21</v>
      </c>
      <c r="I43" s="8">
        <v>0.24</v>
      </c>
      <c r="J43" s="8">
        <v>0.23</v>
      </c>
      <c r="K43" s="8">
        <v>0.24</v>
      </c>
      <c r="L43" s="8">
        <v>0.24</v>
      </c>
      <c r="M43" s="8"/>
      <c r="N43" s="8"/>
      <c r="O43" s="21"/>
      <c r="P43" s="8"/>
      <c r="Q43" s="8"/>
      <c r="R43" s="8"/>
      <c r="S43" s="8"/>
      <c r="T43" s="8"/>
      <c r="U43" s="8"/>
      <c r="V43" s="8"/>
      <c r="W43" s="21"/>
      <c r="X43" s="8"/>
      <c r="Y43" s="8"/>
      <c r="Z43" s="8"/>
      <c r="AA43" s="25"/>
      <c r="AB43" s="25"/>
      <c r="AC43" s="25"/>
      <c r="AD43" s="25"/>
      <c r="AE43" s="25"/>
      <c r="AF43" s="25"/>
      <c r="AG43" s="25"/>
      <c r="AH43" s="25"/>
      <c r="AI43" s="25"/>
      <c r="AJ43" s="17"/>
      <c r="AK43" s="25"/>
      <c r="AL43" s="25"/>
      <c r="AM43" s="25"/>
      <c r="AN43" s="25"/>
      <c r="AO43" s="8"/>
      <c r="AP43" s="8">
        <v>0.34</v>
      </c>
      <c r="AQ43" s="8">
        <v>0.3</v>
      </c>
      <c r="AR43" s="8">
        <v>0.24</v>
      </c>
      <c r="AS43" s="8">
        <v>0.22</v>
      </c>
      <c r="AT43" s="8">
        <v>0.17</v>
      </c>
      <c r="AU43" s="8">
        <v>0.2</v>
      </c>
      <c r="AV43" s="8">
        <v>0.19</v>
      </c>
      <c r="AW43" s="8">
        <v>0.2</v>
      </c>
      <c r="AX43" s="8">
        <v>0.16</v>
      </c>
      <c r="AY43" s="8">
        <v>0.13</v>
      </c>
      <c r="AZ43" s="32">
        <v>0.12</v>
      </c>
      <c r="BA43" s="8">
        <v>0.14000000000000001</v>
      </c>
      <c r="BB43" s="8">
        <v>0.11</v>
      </c>
      <c r="BC43" s="8">
        <v>0.14000000000000001</v>
      </c>
      <c r="BD43" s="8">
        <v>0.13</v>
      </c>
    </row>
    <row r="44" spans="3:56" x14ac:dyDescent="0.2">
      <c r="C44" s="18" t="s">
        <v>93</v>
      </c>
      <c r="D44" s="6" t="s">
        <v>58</v>
      </c>
      <c r="E44" s="17"/>
      <c r="F44" s="17"/>
      <c r="G44" s="17"/>
      <c r="H44" s="17"/>
      <c r="I44" s="17"/>
      <c r="J44" s="17"/>
      <c r="K44" s="21"/>
      <c r="L44" s="21"/>
      <c r="M44" s="17"/>
      <c r="N44" s="8">
        <v>0.24</v>
      </c>
      <c r="O44" s="17">
        <v>0.23</v>
      </c>
      <c r="P44" s="8">
        <v>0.21</v>
      </c>
      <c r="Q44" s="8">
        <v>0.18</v>
      </c>
      <c r="R44" s="8">
        <v>0.16</v>
      </c>
      <c r="S44" s="8">
        <v>0.15</v>
      </c>
      <c r="T44" s="8">
        <v>0.14000000000000001</v>
      </c>
      <c r="U44" s="8">
        <v>0.14000000000000001</v>
      </c>
      <c r="V44" s="8">
        <v>0.13</v>
      </c>
      <c r="W44" s="8">
        <v>0.13</v>
      </c>
      <c r="X44" s="8">
        <v>0.13</v>
      </c>
      <c r="Y44" s="8">
        <v>0.14000000000000001</v>
      </c>
      <c r="Z44" s="8">
        <v>0.13</v>
      </c>
      <c r="AA44" s="26"/>
      <c r="AB44" s="26"/>
      <c r="AC44" s="26"/>
      <c r="AD44" s="26"/>
      <c r="AE44" s="26"/>
      <c r="AF44" s="26"/>
      <c r="AG44" s="26"/>
      <c r="AH44" s="26"/>
      <c r="AI44" s="26"/>
      <c r="AJ44" s="8"/>
      <c r="AK44" s="17"/>
      <c r="AL44" s="17"/>
      <c r="AM44" s="17"/>
      <c r="AN44" s="17"/>
      <c r="AO44" s="8"/>
      <c r="AP44" s="25"/>
      <c r="AQ44" s="17"/>
      <c r="AS44" s="17"/>
      <c r="AT44" s="17"/>
      <c r="AU44" s="17"/>
      <c r="AV44" s="17"/>
      <c r="AW44" s="17"/>
      <c r="AX44" s="17"/>
      <c r="AY44" s="23"/>
      <c r="AZ44" s="33"/>
      <c r="BA44" s="17"/>
      <c r="BB44" s="17"/>
      <c r="BC44" s="17"/>
      <c r="BD44" s="17"/>
    </row>
    <row r="45" spans="3:56" x14ac:dyDescent="0.2">
      <c r="C45" s="16" t="s">
        <v>95</v>
      </c>
      <c r="D45" s="6" t="s">
        <v>58</v>
      </c>
      <c r="E45" s="17">
        <v>0.31</v>
      </c>
      <c r="F45" s="17">
        <v>0.31</v>
      </c>
      <c r="G45" s="17">
        <v>0.31</v>
      </c>
      <c r="H45" s="17">
        <v>0.31</v>
      </c>
      <c r="I45" s="17">
        <v>0.32</v>
      </c>
      <c r="J45" s="17">
        <v>0.32</v>
      </c>
      <c r="K45" s="17">
        <v>0.32</v>
      </c>
      <c r="L45" s="8">
        <v>0.32</v>
      </c>
      <c r="M45" s="17">
        <v>0.32</v>
      </c>
      <c r="N45" s="17">
        <v>0.32</v>
      </c>
      <c r="O45" s="8">
        <v>0.32</v>
      </c>
      <c r="P45" s="17">
        <v>0.27</v>
      </c>
      <c r="Q45" s="17">
        <v>0.27</v>
      </c>
      <c r="R45" s="17">
        <v>0.27</v>
      </c>
      <c r="S45" s="17">
        <v>0.27</v>
      </c>
      <c r="T45" s="8">
        <v>0.26</v>
      </c>
      <c r="U45" s="8">
        <v>0.26</v>
      </c>
      <c r="V45" s="8">
        <v>0.26</v>
      </c>
      <c r="W45" s="17">
        <v>0.26</v>
      </c>
      <c r="X45" s="17">
        <v>0.26</v>
      </c>
      <c r="Y45" s="17">
        <v>0.26</v>
      </c>
      <c r="Z45" s="17">
        <v>0.25</v>
      </c>
      <c r="AA45" s="17"/>
      <c r="AB45" s="17"/>
      <c r="AC45" s="17"/>
      <c r="AD45" s="17"/>
      <c r="AE45" s="17"/>
      <c r="AF45" s="17"/>
      <c r="AG45" s="17"/>
      <c r="AH45" s="17"/>
      <c r="AI45" s="26"/>
      <c r="AJ45" s="8">
        <v>0.42</v>
      </c>
      <c r="AK45" s="17">
        <v>0.42</v>
      </c>
      <c r="AL45" s="17">
        <v>0.42</v>
      </c>
      <c r="AM45" s="17">
        <v>0.42</v>
      </c>
      <c r="AN45" s="17">
        <v>0.42</v>
      </c>
      <c r="AO45" s="8">
        <v>0.42</v>
      </c>
      <c r="AP45" s="17">
        <v>0.43</v>
      </c>
      <c r="AQ45" s="17">
        <v>0.41</v>
      </c>
      <c r="AR45" s="17">
        <v>0.42</v>
      </c>
      <c r="AS45" s="17">
        <v>0.42</v>
      </c>
      <c r="AT45" s="17">
        <v>0.41</v>
      </c>
      <c r="AU45" s="17">
        <v>0.49</v>
      </c>
      <c r="AV45" s="17">
        <v>0.42</v>
      </c>
      <c r="AW45" s="17">
        <v>0.42</v>
      </c>
      <c r="AX45" s="17">
        <v>0.42</v>
      </c>
      <c r="AY45" s="17">
        <v>0.42</v>
      </c>
      <c r="AZ45" s="33">
        <v>0.42</v>
      </c>
      <c r="BA45" s="17">
        <v>0.42</v>
      </c>
      <c r="BB45" s="17">
        <v>0.44</v>
      </c>
      <c r="BC45" s="17">
        <v>0.44</v>
      </c>
      <c r="BD45" s="17">
        <v>0.44</v>
      </c>
    </row>
    <row r="46" spans="3:56" x14ac:dyDescent="0.2">
      <c r="C46" s="23" t="s">
        <v>96</v>
      </c>
      <c r="D46" s="6" t="s">
        <v>58</v>
      </c>
      <c r="E46" s="17">
        <v>0.37</v>
      </c>
      <c r="F46" s="17">
        <v>0.41</v>
      </c>
      <c r="G46" s="17">
        <v>0.41</v>
      </c>
      <c r="H46" s="17">
        <v>0.47</v>
      </c>
      <c r="I46" s="17">
        <v>0.47</v>
      </c>
      <c r="J46" s="17">
        <v>0.51</v>
      </c>
      <c r="K46" s="17">
        <v>0.51</v>
      </c>
      <c r="L46" s="17">
        <v>0.51</v>
      </c>
      <c r="M46" s="17">
        <v>0.51</v>
      </c>
      <c r="N46" s="17">
        <v>0.51</v>
      </c>
      <c r="O46" s="17">
        <v>0.5</v>
      </c>
      <c r="P46" s="17">
        <v>0.32</v>
      </c>
      <c r="Q46" s="17">
        <v>0.32</v>
      </c>
      <c r="R46" s="17">
        <v>0.32</v>
      </c>
      <c r="S46" s="17">
        <v>0.31</v>
      </c>
      <c r="T46" s="17">
        <v>0.31</v>
      </c>
      <c r="U46" s="8">
        <v>0.31</v>
      </c>
      <c r="V46" s="8">
        <v>0.4</v>
      </c>
      <c r="W46" s="17">
        <v>0.5</v>
      </c>
      <c r="X46" s="17">
        <v>0.4</v>
      </c>
      <c r="Y46" s="17">
        <v>0.4</v>
      </c>
      <c r="Z46" s="17">
        <v>0.55000000000000004</v>
      </c>
      <c r="AA46" s="17">
        <v>0.54</v>
      </c>
      <c r="AB46" s="17">
        <v>0.4</v>
      </c>
      <c r="AC46" s="17">
        <v>0.39</v>
      </c>
      <c r="AD46" s="17">
        <v>0.23</v>
      </c>
      <c r="AE46" s="17">
        <v>0.1</v>
      </c>
      <c r="AF46" s="17">
        <v>0.1</v>
      </c>
      <c r="AG46" s="17">
        <v>0.1</v>
      </c>
      <c r="AH46" s="17">
        <v>0.2</v>
      </c>
      <c r="AI46" s="17">
        <v>0.2</v>
      </c>
      <c r="AJ46" s="17">
        <v>0.28999999999999998</v>
      </c>
      <c r="AK46" s="17">
        <v>0.39</v>
      </c>
      <c r="AL46" s="17">
        <v>0.44</v>
      </c>
      <c r="AM46" s="17">
        <v>0.44</v>
      </c>
      <c r="AN46" s="17">
        <v>0.39</v>
      </c>
      <c r="AO46" s="8">
        <v>0.34</v>
      </c>
      <c r="AP46" s="17">
        <v>0.25</v>
      </c>
      <c r="AQ46" s="17">
        <v>0.21</v>
      </c>
      <c r="AR46" s="17">
        <v>0.16</v>
      </c>
      <c r="AS46" s="17">
        <v>0.16</v>
      </c>
      <c r="AT46" s="17">
        <v>0.16</v>
      </c>
      <c r="AU46" s="17">
        <v>0.25</v>
      </c>
      <c r="AV46" s="17">
        <v>0.35</v>
      </c>
      <c r="AW46" s="17">
        <v>0.46</v>
      </c>
      <c r="AX46" s="17">
        <v>0.51</v>
      </c>
      <c r="AY46" s="17">
        <v>0.61</v>
      </c>
      <c r="AZ46" s="33">
        <v>0.46</v>
      </c>
      <c r="BA46" s="17">
        <v>0.41</v>
      </c>
      <c r="BB46" s="17">
        <v>0.21</v>
      </c>
      <c r="BC46" s="23"/>
      <c r="BD46" s="23"/>
    </row>
    <row r="49" spans="3:56" x14ac:dyDescent="0.2">
      <c r="C49" s="1" t="s">
        <v>1</v>
      </c>
    </row>
    <row r="50" spans="3:56" x14ac:dyDescent="0.2">
      <c r="E50" s="2">
        <v>2006</v>
      </c>
      <c r="F50" s="2"/>
      <c r="G50" s="2"/>
      <c r="H50" s="2"/>
      <c r="I50" s="2"/>
      <c r="J50" s="2"/>
      <c r="K50" s="2"/>
      <c r="L50" s="2"/>
      <c r="M50" s="2"/>
    </row>
    <row r="51" spans="3:56" x14ac:dyDescent="0.2">
      <c r="C51" s="3" t="s">
        <v>2</v>
      </c>
      <c r="D51" s="3" t="s">
        <v>3</v>
      </c>
      <c r="E51" s="4" t="s">
        <v>15</v>
      </c>
      <c r="F51" s="4" t="s">
        <v>16</v>
      </c>
      <c r="G51" s="4" t="s">
        <v>17</v>
      </c>
      <c r="H51" s="4" t="s">
        <v>18</v>
      </c>
      <c r="I51" s="4" t="s">
        <v>19</v>
      </c>
      <c r="J51" s="4" t="s">
        <v>20</v>
      </c>
      <c r="K51" s="4" t="s">
        <v>21</v>
      </c>
      <c r="L51" s="4" t="s">
        <v>22</v>
      </c>
      <c r="M51" s="4" t="s">
        <v>23</v>
      </c>
      <c r="N51" s="4" t="s">
        <v>24</v>
      </c>
      <c r="O51" s="4" t="s">
        <v>25</v>
      </c>
      <c r="P51" s="4" t="s">
        <v>26</v>
      </c>
      <c r="Q51" s="4" t="s">
        <v>27</v>
      </c>
      <c r="R51" s="4" t="s">
        <v>28</v>
      </c>
      <c r="S51" s="4" t="s">
        <v>29</v>
      </c>
      <c r="T51" s="4" t="s">
        <v>30</v>
      </c>
      <c r="U51" s="4" t="s">
        <v>31</v>
      </c>
      <c r="V51" s="4" t="s">
        <v>32</v>
      </c>
      <c r="W51" s="4" t="s">
        <v>33</v>
      </c>
      <c r="X51" s="4" t="s">
        <v>34</v>
      </c>
      <c r="Y51" s="4" t="s">
        <v>35</v>
      </c>
      <c r="Z51" s="4" t="s">
        <v>36</v>
      </c>
      <c r="AA51" s="4" t="s">
        <v>37</v>
      </c>
      <c r="AB51" s="4" t="s">
        <v>38</v>
      </c>
      <c r="AC51" s="4" t="s">
        <v>39</v>
      </c>
      <c r="AD51" s="4" t="s">
        <v>40</v>
      </c>
      <c r="AE51" s="4" t="s">
        <v>41</v>
      </c>
      <c r="AF51" s="4" t="s">
        <v>42</v>
      </c>
      <c r="AG51" s="4" t="s">
        <v>43</v>
      </c>
      <c r="AH51" s="4" t="s">
        <v>44</v>
      </c>
      <c r="AI51" s="4" t="s">
        <v>45</v>
      </c>
      <c r="AJ51" s="4" t="s">
        <v>46</v>
      </c>
      <c r="AK51" s="4" t="s">
        <v>47</v>
      </c>
      <c r="AL51" s="4" t="s">
        <v>48</v>
      </c>
      <c r="AM51" s="4" t="s">
        <v>49</v>
      </c>
      <c r="AN51" s="4" t="s">
        <v>50</v>
      </c>
      <c r="AO51" s="4" t="s">
        <v>51</v>
      </c>
      <c r="AP51" s="4" t="s">
        <v>52</v>
      </c>
      <c r="AQ51" s="4" t="s">
        <v>53</v>
      </c>
      <c r="AR51" s="4" t="s">
        <v>54</v>
      </c>
      <c r="AS51" s="4" t="s">
        <v>55</v>
      </c>
      <c r="AT51" s="4" t="s">
        <v>4</v>
      </c>
      <c r="AU51" s="4" t="s">
        <v>5</v>
      </c>
      <c r="AV51" s="4" t="s">
        <v>6</v>
      </c>
      <c r="AW51" s="4" t="s">
        <v>7</v>
      </c>
      <c r="AX51" s="4" t="s">
        <v>8</v>
      </c>
      <c r="AY51" s="4" t="s">
        <v>9</v>
      </c>
      <c r="AZ51" s="4" t="s">
        <v>10</v>
      </c>
      <c r="BA51" s="4" t="s">
        <v>11</v>
      </c>
      <c r="BB51" s="4" t="s">
        <v>12</v>
      </c>
      <c r="BC51" s="4" t="s">
        <v>13</v>
      </c>
      <c r="BD51" s="4" t="s">
        <v>14</v>
      </c>
    </row>
    <row r="52" spans="3:56" x14ac:dyDescent="0.2">
      <c r="C52" s="5" t="s">
        <v>57</v>
      </c>
      <c r="D52" s="6" t="s">
        <v>58</v>
      </c>
      <c r="E52" s="8"/>
      <c r="F52" s="8"/>
      <c r="G52" s="8"/>
      <c r="H52" s="8"/>
      <c r="I52" s="8"/>
      <c r="J52" s="9"/>
      <c r="K52" s="8"/>
      <c r="L52" s="8"/>
      <c r="M52" s="8"/>
      <c r="N52" s="8"/>
      <c r="O52" s="8"/>
      <c r="P52" s="8"/>
      <c r="Q52" s="8"/>
      <c r="R52" s="8"/>
      <c r="S52" s="8"/>
      <c r="T52" s="8"/>
      <c r="U52" s="8"/>
      <c r="V52" s="8"/>
      <c r="W52" s="8"/>
      <c r="X52" s="8"/>
      <c r="Y52" s="8"/>
      <c r="Z52" s="8"/>
      <c r="AA52" s="8"/>
      <c r="AB52" s="8"/>
      <c r="AC52" s="8"/>
      <c r="AD52" s="8"/>
      <c r="AE52" s="8"/>
      <c r="AF52" s="8"/>
      <c r="AG52" s="8"/>
      <c r="AH52" s="8"/>
      <c r="AI52" s="8"/>
      <c r="AJ52" s="8"/>
      <c r="AK52" s="8"/>
      <c r="AL52" s="8"/>
      <c r="AM52" s="8"/>
      <c r="AN52" s="8"/>
      <c r="AO52" s="8"/>
      <c r="AP52" s="8"/>
      <c r="AQ52" s="8"/>
      <c r="AR52" s="8"/>
      <c r="AS52" s="8"/>
      <c r="AT52" s="8"/>
      <c r="AU52" s="8"/>
      <c r="AV52" s="8"/>
      <c r="AW52" s="8"/>
      <c r="AX52" s="8"/>
      <c r="AY52" s="8"/>
      <c r="AZ52" s="8"/>
      <c r="BA52" s="8"/>
      <c r="BB52" s="8"/>
      <c r="BC52" s="8"/>
      <c r="BD52" s="8"/>
    </row>
    <row r="53" spans="3:56" x14ac:dyDescent="0.2">
      <c r="C53" s="5" t="s">
        <v>59</v>
      </c>
      <c r="D53" s="6" t="s">
        <v>58</v>
      </c>
      <c r="E53" s="8"/>
      <c r="F53" s="8"/>
      <c r="G53" s="8"/>
      <c r="H53" s="8"/>
      <c r="I53" s="8"/>
      <c r="J53" s="10"/>
      <c r="K53" s="8"/>
      <c r="L53" s="8"/>
      <c r="M53" s="8"/>
      <c r="N53" s="8"/>
      <c r="O53" s="8"/>
      <c r="P53" s="8"/>
      <c r="Q53" s="8"/>
      <c r="R53" s="8"/>
      <c r="S53" s="8"/>
      <c r="T53" s="8"/>
      <c r="U53" s="8"/>
      <c r="V53" s="8"/>
      <c r="W53" s="8"/>
      <c r="X53" s="8"/>
      <c r="Y53" s="8"/>
      <c r="Z53" s="8"/>
      <c r="AA53" s="8"/>
      <c r="AB53" s="8"/>
      <c r="AC53" s="8"/>
      <c r="AD53" s="8"/>
      <c r="AE53" s="8"/>
      <c r="AF53" s="8"/>
      <c r="AG53" s="8"/>
      <c r="AH53" s="8"/>
      <c r="AI53" s="8"/>
      <c r="AJ53" s="8"/>
      <c r="AK53" s="8"/>
      <c r="AL53" s="8"/>
      <c r="AM53" s="8"/>
      <c r="AN53" s="8"/>
      <c r="AO53" s="8"/>
      <c r="AP53" s="8"/>
      <c r="AQ53" s="8"/>
      <c r="AR53" s="8"/>
      <c r="AS53" s="8"/>
      <c r="AT53" s="8"/>
      <c r="AU53" s="8"/>
      <c r="AV53" s="8"/>
      <c r="AW53" s="8"/>
      <c r="AX53" s="8"/>
      <c r="AY53" s="8"/>
      <c r="AZ53" s="8"/>
      <c r="BA53" s="8"/>
      <c r="BB53" s="8"/>
      <c r="BC53" s="8"/>
      <c r="BD53" s="8"/>
    </row>
    <row r="54" spans="3:56" x14ac:dyDescent="0.2">
      <c r="C54" s="5" t="s">
        <v>60</v>
      </c>
      <c r="D54" s="6" t="s">
        <v>58</v>
      </c>
      <c r="E54" s="8"/>
      <c r="F54" s="8"/>
      <c r="G54" s="8"/>
      <c r="H54" s="8"/>
      <c r="I54" s="8"/>
      <c r="J54" s="10"/>
      <c r="K54" s="8"/>
      <c r="L54" s="8"/>
      <c r="M54" s="8"/>
      <c r="N54" s="8"/>
      <c r="O54" s="8"/>
      <c r="P54" s="8"/>
      <c r="Q54" s="8"/>
      <c r="R54" s="8"/>
      <c r="S54" s="8"/>
      <c r="T54" s="8"/>
      <c r="U54" s="8"/>
      <c r="V54" s="8"/>
      <c r="W54" s="8"/>
      <c r="X54" s="8"/>
      <c r="Y54" s="8"/>
      <c r="Z54" s="8"/>
      <c r="AA54" s="8"/>
      <c r="AB54" s="8"/>
      <c r="AC54" s="8"/>
      <c r="AD54" s="8"/>
      <c r="AE54" s="8"/>
      <c r="AF54" s="8"/>
      <c r="AG54" s="8"/>
      <c r="AH54" s="8"/>
      <c r="AI54" s="8"/>
      <c r="AJ54" s="8"/>
      <c r="AK54" s="8"/>
      <c r="AL54" s="8"/>
      <c r="AM54" s="8"/>
      <c r="AN54" s="8"/>
      <c r="AO54" s="8"/>
      <c r="AP54" s="8"/>
      <c r="AQ54" s="8"/>
      <c r="AR54" s="8"/>
      <c r="AS54" s="8"/>
      <c r="AT54" s="8"/>
      <c r="AU54" s="8"/>
      <c r="AV54" s="8"/>
      <c r="AW54" s="8"/>
      <c r="AX54" s="8"/>
      <c r="AY54" s="8"/>
      <c r="AZ54" s="8"/>
      <c r="BA54" s="8"/>
      <c r="BB54" s="8"/>
      <c r="BC54" s="8"/>
      <c r="BD54" s="8"/>
    </row>
    <row r="55" spans="3:56" x14ac:dyDescent="0.2">
      <c r="C55" s="5" t="s">
        <v>61</v>
      </c>
      <c r="D55" s="6" t="s">
        <v>58</v>
      </c>
      <c r="E55" s="8"/>
      <c r="F55" s="8"/>
      <c r="G55" s="8"/>
      <c r="H55" s="8"/>
      <c r="I55" s="8"/>
      <c r="J55" s="10"/>
      <c r="K55" s="8"/>
      <c r="L55" s="8"/>
      <c r="M55" s="8"/>
      <c r="N55" s="8"/>
      <c r="O55" s="8"/>
      <c r="P55" s="8"/>
      <c r="Q55" s="8"/>
      <c r="R55" s="8"/>
      <c r="S55" s="8"/>
      <c r="T55" s="8"/>
      <c r="U55" s="8"/>
      <c r="V55" s="8"/>
      <c r="W55" s="8"/>
      <c r="X55" s="8"/>
      <c r="Y55" s="8"/>
      <c r="Z55" s="8"/>
      <c r="AA55" s="8"/>
      <c r="AB55" s="8"/>
      <c r="AC55" s="8"/>
      <c r="AD55" s="8"/>
      <c r="AE55" s="8"/>
      <c r="AF55" s="8"/>
      <c r="AG55" s="8"/>
      <c r="AH55" s="8"/>
      <c r="AI55" s="8"/>
      <c r="AJ55" s="8"/>
      <c r="AK55" s="8"/>
      <c r="AL55" s="8"/>
      <c r="AM55" s="8"/>
      <c r="AN55" s="8"/>
      <c r="AO55" s="8"/>
      <c r="AP55" s="8"/>
      <c r="AQ55" s="8"/>
      <c r="AR55" s="8"/>
      <c r="AS55" s="8"/>
      <c r="AT55" s="8"/>
      <c r="AU55" s="8"/>
      <c r="AV55" s="8"/>
      <c r="AW55" s="8"/>
      <c r="AX55" s="8"/>
      <c r="AY55" s="8"/>
      <c r="AZ55" s="8"/>
      <c r="BA55" s="8"/>
      <c r="BB55" s="8"/>
      <c r="BC55" s="8"/>
      <c r="BD55" s="8"/>
    </row>
    <row r="56" spans="3:56" x14ac:dyDescent="0.2">
      <c r="C56" s="5" t="s">
        <v>62</v>
      </c>
      <c r="D56" s="6" t="s">
        <v>58</v>
      </c>
      <c r="E56" s="8"/>
      <c r="F56" s="8"/>
      <c r="G56" s="8"/>
      <c r="H56" s="8"/>
      <c r="I56" s="8"/>
      <c r="J56" s="10"/>
      <c r="K56" s="8"/>
      <c r="L56" s="8"/>
      <c r="M56" s="8"/>
      <c r="N56" s="8"/>
      <c r="O56" s="8"/>
      <c r="P56" s="8"/>
      <c r="Q56" s="8"/>
      <c r="R56" s="8"/>
      <c r="S56" s="8"/>
      <c r="T56" s="8"/>
      <c r="U56" s="8"/>
      <c r="V56" s="8"/>
      <c r="W56" s="8"/>
      <c r="X56" s="8"/>
      <c r="Y56" s="8"/>
      <c r="Z56" s="8"/>
      <c r="AA56" s="8"/>
      <c r="AB56" s="8"/>
      <c r="AC56" s="8"/>
      <c r="AD56" s="8"/>
      <c r="AE56" s="8"/>
      <c r="AF56" s="8"/>
      <c r="AG56" s="8"/>
      <c r="AH56" s="8"/>
      <c r="AI56" s="8"/>
      <c r="AJ56" s="8"/>
      <c r="AK56" s="8"/>
      <c r="AL56" s="8"/>
      <c r="AM56" s="8"/>
      <c r="AN56" s="8"/>
      <c r="AO56" s="8"/>
      <c r="AP56" s="8"/>
      <c r="AQ56" s="8"/>
      <c r="AR56" s="8"/>
      <c r="AS56" s="8"/>
      <c r="AT56" s="8"/>
      <c r="AU56" s="8"/>
      <c r="AV56" s="8"/>
      <c r="AW56" s="8"/>
      <c r="AX56" s="8"/>
      <c r="AY56" s="8"/>
      <c r="AZ56" s="8"/>
      <c r="BA56" s="8"/>
      <c r="BB56" s="8"/>
      <c r="BC56" s="8"/>
      <c r="BD56" s="8"/>
    </row>
    <row r="57" spans="3:56" x14ac:dyDescent="0.2">
      <c r="C57" s="5" t="s">
        <v>63</v>
      </c>
      <c r="D57" s="6" t="s">
        <v>58</v>
      </c>
      <c r="E57" s="7">
        <v>12.99</v>
      </c>
      <c r="F57" s="7">
        <v>12.77</v>
      </c>
      <c r="G57" s="7">
        <v>10.81</v>
      </c>
      <c r="H57" s="7">
        <v>9.65</v>
      </c>
      <c r="I57" s="7">
        <v>8.23</v>
      </c>
      <c r="J57" s="10">
        <v>6.62</v>
      </c>
      <c r="K57" s="7">
        <v>7.74</v>
      </c>
      <c r="L57" s="7">
        <v>8.51</v>
      </c>
      <c r="M57" s="7">
        <v>8.59</v>
      </c>
      <c r="N57" s="7">
        <v>9.44</v>
      </c>
      <c r="O57" s="7">
        <v>11.02</v>
      </c>
      <c r="P57" s="7">
        <v>9.17</v>
      </c>
      <c r="Q57" s="7">
        <v>9.36</v>
      </c>
      <c r="R57" s="7">
        <v>8.73</v>
      </c>
      <c r="S57" s="7">
        <v>9.3800000000000008</v>
      </c>
      <c r="T57" s="7">
        <v>8.81</v>
      </c>
      <c r="U57" s="7">
        <v>9.4</v>
      </c>
      <c r="V57" s="7">
        <v>9.61</v>
      </c>
      <c r="W57" s="7">
        <v>8.92</v>
      </c>
      <c r="X57" s="7">
        <v>7.38</v>
      </c>
      <c r="Y57" s="7">
        <v>7.43</v>
      </c>
      <c r="Z57" s="7">
        <v>8.6300000000000008</v>
      </c>
      <c r="AA57" s="7">
        <v>8.6199999999999992</v>
      </c>
      <c r="AB57" s="7">
        <v>8.7799999999999994</v>
      </c>
      <c r="AC57" s="7">
        <v>8.16</v>
      </c>
      <c r="AD57" s="7">
        <v>7.46</v>
      </c>
      <c r="AE57" s="7">
        <v>8.2200000000000006</v>
      </c>
      <c r="AF57" s="7">
        <v>8.8000000000000007</v>
      </c>
      <c r="AG57" s="7">
        <v>7.67</v>
      </c>
      <c r="AH57" s="7">
        <v>7.21</v>
      </c>
      <c r="AI57" s="7">
        <v>8.16</v>
      </c>
      <c r="AJ57" s="7">
        <v>8.44</v>
      </c>
      <c r="AK57" s="7">
        <v>8.83</v>
      </c>
      <c r="AL57" s="7">
        <v>10.199999999999999</v>
      </c>
      <c r="AM57" s="7">
        <v>10.39</v>
      </c>
      <c r="AN57" s="7">
        <v>12.4</v>
      </c>
      <c r="AO57" s="7">
        <v>11.8</v>
      </c>
      <c r="AP57" s="7">
        <v>11.56</v>
      </c>
      <c r="AQ57" s="7">
        <v>10.19</v>
      </c>
      <c r="AR57" s="7">
        <v>9.0299999999999994</v>
      </c>
      <c r="AS57" s="7">
        <v>7.74</v>
      </c>
      <c r="AT57" s="7">
        <v>8.4600000000000009</v>
      </c>
      <c r="AU57" s="7">
        <v>8.66</v>
      </c>
      <c r="AV57" s="7">
        <v>9.83</v>
      </c>
      <c r="AW57" s="7">
        <v>10.5</v>
      </c>
      <c r="AX57" s="7">
        <v>10.56</v>
      </c>
      <c r="AY57" s="7">
        <v>10.02</v>
      </c>
      <c r="AZ57" s="7">
        <v>10.78</v>
      </c>
      <c r="BA57" s="7">
        <v>11</v>
      </c>
      <c r="BB57" s="8">
        <v>14.19</v>
      </c>
      <c r="BC57" s="7">
        <v>17.46</v>
      </c>
      <c r="BD57" s="7">
        <v>10.99</v>
      </c>
    </row>
    <row r="58" spans="3:56" x14ac:dyDescent="0.2">
      <c r="C58" s="5" t="s">
        <v>64</v>
      </c>
      <c r="D58" s="6" t="s">
        <v>58</v>
      </c>
      <c r="E58" s="7">
        <v>5.68</v>
      </c>
      <c r="F58" s="7">
        <v>6.9</v>
      </c>
      <c r="G58" s="7">
        <v>6.04</v>
      </c>
      <c r="H58" s="7">
        <v>5.71</v>
      </c>
      <c r="I58" s="7">
        <v>4.34</v>
      </c>
      <c r="J58" s="10">
        <v>3.64</v>
      </c>
      <c r="K58" s="7">
        <v>4.01</v>
      </c>
      <c r="L58" s="7">
        <v>5.03</v>
      </c>
      <c r="M58" s="7">
        <v>5.26</v>
      </c>
      <c r="N58" s="7">
        <v>5.66</v>
      </c>
      <c r="O58" s="7">
        <v>6.08</v>
      </c>
      <c r="P58" s="7">
        <v>5.37</v>
      </c>
      <c r="Q58" s="7">
        <v>5.82</v>
      </c>
      <c r="R58" s="7">
        <v>5.54</v>
      </c>
      <c r="S58" s="7">
        <v>5.54</v>
      </c>
      <c r="T58" s="7">
        <v>5.42</v>
      </c>
      <c r="U58" s="7">
        <v>5.77</v>
      </c>
      <c r="V58" s="7">
        <v>5.83</v>
      </c>
      <c r="W58" s="7">
        <v>5.58</v>
      </c>
      <c r="X58" s="7">
        <v>4.54</v>
      </c>
      <c r="Y58" s="7">
        <v>5.01</v>
      </c>
      <c r="Z58" s="7">
        <v>5.66</v>
      </c>
      <c r="AA58" s="7">
        <v>5.64</v>
      </c>
      <c r="AB58" s="7">
        <v>5.6</v>
      </c>
      <c r="AC58" s="7">
        <v>5.89</v>
      </c>
      <c r="AD58" s="7">
        <v>4.83</v>
      </c>
      <c r="AE58" s="7">
        <v>5.46</v>
      </c>
      <c r="AF58" s="7">
        <v>5.49</v>
      </c>
      <c r="AG58" s="7">
        <v>5.1100000000000003</v>
      </c>
      <c r="AH58" s="7">
        <v>4.57</v>
      </c>
      <c r="AI58" s="7">
        <v>4.4000000000000004</v>
      </c>
      <c r="AJ58" s="7">
        <v>4.2</v>
      </c>
      <c r="AK58" s="7">
        <v>4.3899999999999997</v>
      </c>
      <c r="AL58" s="7">
        <v>4.46</v>
      </c>
      <c r="AM58" s="7">
        <v>4.84</v>
      </c>
      <c r="AN58" s="7">
        <v>5.27</v>
      </c>
      <c r="AO58" s="7">
        <v>5.62</v>
      </c>
      <c r="AP58" s="7">
        <v>5.84</v>
      </c>
      <c r="AQ58" s="7">
        <v>5.68</v>
      </c>
      <c r="AR58" s="7">
        <v>4.99</v>
      </c>
      <c r="AS58" s="7">
        <v>4.1900000000000004</v>
      </c>
      <c r="AT58" s="7">
        <v>4.66</v>
      </c>
      <c r="AU58" s="7">
        <v>5.37</v>
      </c>
      <c r="AV58" s="7">
        <v>5.64</v>
      </c>
      <c r="AW58" s="7">
        <v>6.26</v>
      </c>
      <c r="AX58" s="7">
        <v>6.2</v>
      </c>
      <c r="AY58" s="7">
        <v>5.58</v>
      </c>
      <c r="AZ58" s="7">
        <v>6.3</v>
      </c>
      <c r="BA58" s="7">
        <v>6.35</v>
      </c>
      <c r="BB58" s="8">
        <v>9.58</v>
      </c>
      <c r="BC58" s="7">
        <v>10.039999999999999</v>
      </c>
      <c r="BD58" s="7">
        <v>6.53</v>
      </c>
    </row>
    <row r="59" spans="3:56" x14ac:dyDescent="0.2">
      <c r="C59" s="5" t="s">
        <v>65</v>
      </c>
      <c r="D59" s="6" t="s">
        <v>58</v>
      </c>
      <c r="E59" s="7">
        <v>1.61</v>
      </c>
      <c r="F59" s="7">
        <v>1.52</v>
      </c>
      <c r="G59" s="7">
        <v>1.64</v>
      </c>
      <c r="H59" s="7">
        <v>1.69</v>
      </c>
      <c r="I59" s="7">
        <v>1.64</v>
      </c>
      <c r="J59" s="10">
        <v>1.4</v>
      </c>
      <c r="K59" s="7">
        <v>1.3</v>
      </c>
      <c r="L59" s="7">
        <v>1.48</v>
      </c>
      <c r="M59" s="7">
        <v>1.48</v>
      </c>
      <c r="N59" s="7">
        <v>1.39</v>
      </c>
      <c r="O59" s="7">
        <v>1.32</v>
      </c>
      <c r="P59" s="7">
        <v>1.34</v>
      </c>
      <c r="Q59" s="7">
        <v>1.23</v>
      </c>
      <c r="R59" s="7">
        <v>1.22</v>
      </c>
      <c r="S59" s="7">
        <v>1.49</v>
      </c>
      <c r="T59" s="7">
        <v>1.57</v>
      </c>
      <c r="U59" s="7">
        <v>1.39</v>
      </c>
      <c r="V59" s="7">
        <v>1.29</v>
      </c>
      <c r="W59" s="7">
        <v>1.1299999999999999</v>
      </c>
      <c r="X59" s="7">
        <v>1.1100000000000001</v>
      </c>
      <c r="Y59" s="7">
        <v>1.46</v>
      </c>
      <c r="Z59" s="7">
        <v>1.75</v>
      </c>
      <c r="AA59" s="7">
        <v>1.43</v>
      </c>
      <c r="AB59" s="7">
        <v>1.48</v>
      </c>
      <c r="AC59" s="7">
        <v>1.23</v>
      </c>
      <c r="AD59" s="7">
        <v>1.38</v>
      </c>
      <c r="AE59" s="7">
        <v>1.53</v>
      </c>
      <c r="AF59" s="7">
        <v>1.42</v>
      </c>
      <c r="AG59" s="7">
        <v>1.55</v>
      </c>
      <c r="AH59" s="7">
        <v>1.36</v>
      </c>
      <c r="AI59" s="7">
        <v>1.42</v>
      </c>
      <c r="AJ59" s="7">
        <v>1.59</v>
      </c>
      <c r="AK59" s="7">
        <v>1.9</v>
      </c>
      <c r="AL59" s="7">
        <v>1.62</v>
      </c>
      <c r="AM59" s="7">
        <v>1.47</v>
      </c>
      <c r="AN59" s="7">
        <v>1.31</v>
      </c>
      <c r="AO59" s="7">
        <v>1.48</v>
      </c>
      <c r="AP59" s="7">
        <v>1.32</v>
      </c>
      <c r="AQ59" s="7">
        <v>1.49</v>
      </c>
      <c r="AR59" s="7">
        <v>1.38</v>
      </c>
      <c r="AS59" s="7">
        <v>1.41</v>
      </c>
      <c r="AT59" s="7">
        <v>1.52</v>
      </c>
      <c r="AU59" s="7">
        <v>1.57</v>
      </c>
      <c r="AV59" s="7">
        <v>1.52</v>
      </c>
      <c r="AW59" s="7">
        <v>1.54</v>
      </c>
      <c r="AX59" s="7">
        <v>1.57</v>
      </c>
      <c r="AY59" s="7">
        <v>1.57</v>
      </c>
      <c r="AZ59" s="7">
        <v>1.36</v>
      </c>
      <c r="BA59" s="7">
        <v>1.63</v>
      </c>
      <c r="BB59" s="8">
        <v>1.85</v>
      </c>
      <c r="BC59" s="7">
        <v>2.16</v>
      </c>
      <c r="BD59" s="7">
        <v>1.9</v>
      </c>
    </row>
    <row r="60" spans="3:56" x14ac:dyDescent="0.2">
      <c r="C60" s="5" t="s">
        <v>66</v>
      </c>
      <c r="D60" s="6" t="s">
        <v>58</v>
      </c>
      <c r="E60" s="7">
        <v>4.68</v>
      </c>
      <c r="F60" s="7">
        <v>4.47</v>
      </c>
      <c r="G60" s="7">
        <v>4.04</v>
      </c>
      <c r="H60" s="7">
        <v>4.6900000000000004</v>
      </c>
      <c r="I60" s="7">
        <v>4.47</v>
      </c>
      <c r="J60" s="10">
        <v>4.49</v>
      </c>
      <c r="K60" s="7">
        <v>3.51</v>
      </c>
      <c r="L60" s="7">
        <v>4.95</v>
      </c>
      <c r="M60" s="7">
        <v>4.99</v>
      </c>
      <c r="N60" s="7">
        <v>5.31</v>
      </c>
      <c r="O60" s="7">
        <v>2.98</v>
      </c>
      <c r="P60" s="7">
        <v>3.59</v>
      </c>
      <c r="Q60" s="7">
        <v>4.12</v>
      </c>
      <c r="R60" s="7">
        <v>3.98</v>
      </c>
      <c r="S60" s="7">
        <v>5.46</v>
      </c>
      <c r="T60" s="7">
        <v>4.2</v>
      </c>
      <c r="U60" s="7">
        <v>3.13</v>
      </c>
      <c r="V60" s="7">
        <v>3.95</v>
      </c>
      <c r="W60" s="7">
        <v>3.43</v>
      </c>
      <c r="X60" s="7">
        <v>3.2</v>
      </c>
      <c r="Y60" s="7">
        <v>4.09</v>
      </c>
      <c r="Z60" s="7">
        <v>3.93</v>
      </c>
      <c r="AA60" s="7">
        <v>3.9</v>
      </c>
      <c r="AB60" s="7">
        <v>3.48</v>
      </c>
      <c r="AC60" s="7">
        <v>3.05</v>
      </c>
      <c r="AD60" s="7">
        <v>3.76</v>
      </c>
      <c r="AE60" s="7">
        <v>3.76</v>
      </c>
      <c r="AF60" s="7">
        <v>3.94</v>
      </c>
      <c r="AG60" s="7">
        <v>4.4800000000000004</v>
      </c>
      <c r="AH60" s="7">
        <v>3.52</v>
      </c>
      <c r="AI60" s="7">
        <v>3.61</v>
      </c>
      <c r="AJ60" s="7">
        <v>5.51</v>
      </c>
      <c r="AK60" s="7">
        <v>7.75</v>
      </c>
      <c r="AL60" s="7">
        <v>4</v>
      </c>
      <c r="AM60" s="7">
        <v>4.07</v>
      </c>
      <c r="AN60" s="7">
        <v>3.23</v>
      </c>
      <c r="AO60" s="7">
        <v>3.67</v>
      </c>
      <c r="AP60" s="7">
        <v>3.4</v>
      </c>
      <c r="AQ60" s="7">
        <v>4.3</v>
      </c>
      <c r="AR60" s="7">
        <v>3.56</v>
      </c>
      <c r="AS60" s="7">
        <v>3.62</v>
      </c>
      <c r="AT60" s="7">
        <v>3.18</v>
      </c>
      <c r="AU60" s="7">
        <v>3.84</v>
      </c>
      <c r="AV60" s="7">
        <v>3.41</v>
      </c>
      <c r="AW60" s="7">
        <v>3.89</v>
      </c>
      <c r="AX60" s="7">
        <v>3.38</v>
      </c>
      <c r="AY60" s="7">
        <v>3.28</v>
      </c>
      <c r="AZ60" s="7">
        <v>3.62</v>
      </c>
      <c r="BA60" s="7">
        <v>4.07</v>
      </c>
      <c r="BB60" s="8">
        <v>5.16</v>
      </c>
      <c r="BC60" s="7">
        <v>4.16</v>
      </c>
      <c r="BD60" s="7">
        <v>5.14</v>
      </c>
    </row>
    <row r="61" spans="3:56" x14ac:dyDescent="0.2">
      <c r="C61" s="5" t="s">
        <v>67</v>
      </c>
      <c r="D61" s="6" t="s">
        <v>58</v>
      </c>
      <c r="E61" s="7">
        <v>8.32</v>
      </c>
      <c r="F61" s="7">
        <v>9.6199999999999992</v>
      </c>
      <c r="G61" s="7">
        <v>7.65</v>
      </c>
      <c r="H61" s="7">
        <v>7.2</v>
      </c>
      <c r="I61" s="7">
        <v>6.18</v>
      </c>
      <c r="J61" s="10">
        <v>4.99</v>
      </c>
      <c r="K61" s="7">
        <v>5.27</v>
      </c>
      <c r="L61" s="7">
        <v>6.19</v>
      </c>
      <c r="M61" s="7">
        <v>7.36</v>
      </c>
      <c r="N61" s="7">
        <v>7.06</v>
      </c>
      <c r="O61" s="7">
        <v>6.87</v>
      </c>
      <c r="P61" s="7">
        <v>6.16</v>
      </c>
      <c r="Q61" s="7">
        <v>5.96</v>
      </c>
      <c r="R61" s="7">
        <v>6.82</v>
      </c>
      <c r="S61" s="7">
        <v>6.48</v>
      </c>
      <c r="T61" s="7">
        <v>5.86</v>
      </c>
      <c r="U61" s="7">
        <v>5.63</v>
      </c>
      <c r="V61" s="7">
        <v>5.43</v>
      </c>
      <c r="W61" s="7">
        <v>5.85</v>
      </c>
      <c r="X61" s="7">
        <v>4.6500000000000004</v>
      </c>
      <c r="Y61" s="7">
        <v>5.19</v>
      </c>
      <c r="Z61" s="7">
        <v>6.16</v>
      </c>
      <c r="AA61" s="7">
        <v>6.62</v>
      </c>
      <c r="AB61" s="7">
        <v>5.73</v>
      </c>
      <c r="AC61" s="7">
        <v>5.05</v>
      </c>
      <c r="AD61" s="7">
        <v>4.63</v>
      </c>
      <c r="AE61" s="7">
        <v>4.07</v>
      </c>
      <c r="AF61" s="7">
        <v>4.2</v>
      </c>
      <c r="AG61" s="7">
        <v>4.75</v>
      </c>
      <c r="AH61" s="7">
        <v>5.27</v>
      </c>
      <c r="AI61" s="7">
        <v>5.35</v>
      </c>
      <c r="AJ61" s="7">
        <v>6.06</v>
      </c>
      <c r="AK61" s="7">
        <v>5.19</v>
      </c>
      <c r="AL61" s="7">
        <v>5.65</v>
      </c>
      <c r="AM61" s="7">
        <v>6.07</v>
      </c>
      <c r="AN61" s="7">
        <v>5.63</v>
      </c>
      <c r="AO61" s="7">
        <v>6.4</v>
      </c>
      <c r="AP61" s="7">
        <v>6.41</v>
      </c>
      <c r="AQ61" s="7">
        <v>6.41</v>
      </c>
      <c r="AR61" s="7">
        <v>6.55</v>
      </c>
      <c r="AS61" s="7">
        <v>5.53</v>
      </c>
      <c r="AT61" s="7">
        <v>6.11</v>
      </c>
      <c r="AU61" s="7">
        <v>6.37</v>
      </c>
      <c r="AV61" s="7">
        <v>6.62</v>
      </c>
      <c r="AW61" s="7">
        <v>6.6</v>
      </c>
      <c r="AX61" s="7">
        <v>7.15</v>
      </c>
      <c r="AY61" s="7">
        <v>7.06</v>
      </c>
      <c r="AZ61" s="7">
        <v>7.77</v>
      </c>
      <c r="BA61" s="7">
        <v>7.32</v>
      </c>
      <c r="BB61" s="8">
        <v>8.39</v>
      </c>
      <c r="BC61" s="7">
        <v>10.029999999999999</v>
      </c>
      <c r="BD61" s="7">
        <v>5.85</v>
      </c>
    </row>
    <row r="62" spans="3:56" x14ac:dyDescent="0.2">
      <c r="C62" s="5" t="s">
        <v>68</v>
      </c>
      <c r="D62" s="6" t="s">
        <v>58</v>
      </c>
      <c r="E62" s="7">
        <v>3.82</v>
      </c>
      <c r="F62" s="7">
        <v>3.42</v>
      </c>
      <c r="G62" s="7">
        <v>3.4</v>
      </c>
      <c r="H62" s="7">
        <v>3.27</v>
      </c>
      <c r="I62" s="7">
        <v>2.89</v>
      </c>
      <c r="J62" s="10">
        <v>3.01</v>
      </c>
      <c r="K62" s="7">
        <v>2.2200000000000002</v>
      </c>
      <c r="L62" s="7">
        <v>3.11</v>
      </c>
      <c r="M62" s="7">
        <v>2.92</v>
      </c>
      <c r="N62" s="7">
        <v>3.13</v>
      </c>
      <c r="O62" s="7">
        <v>2.4900000000000002</v>
      </c>
      <c r="P62" s="7">
        <v>2.8</v>
      </c>
      <c r="Q62" s="7">
        <v>2.42</v>
      </c>
      <c r="R62" s="7">
        <v>3.02</v>
      </c>
      <c r="S62" s="7">
        <v>2.69</v>
      </c>
      <c r="T62" s="7">
        <v>2.39</v>
      </c>
      <c r="U62" s="7">
        <v>2.4700000000000002</v>
      </c>
      <c r="V62" s="7">
        <v>2.12</v>
      </c>
      <c r="W62" s="7">
        <v>2.36</v>
      </c>
      <c r="X62" s="7">
        <v>2.21</v>
      </c>
      <c r="Y62" s="7">
        <v>1.98</v>
      </c>
      <c r="Z62" s="7">
        <v>2.1</v>
      </c>
      <c r="AA62" s="7">
        <v>2.02</v>
      </c>
      <c r="AB62" s="7">
        <v>2.5299999999999998</v>
      </c>
      <c r="AC62" s="7">
        <v>2.63</v>
      </c>
      <c r="AD62" s="7">
        <v>2.44</v>
      </c>
      <c r="AE62" s="7">
        <v>2.46</v>
      </c>
      <c r="AF62" s="7">
        <v>2.62</v>
      </c>
      <c r="AG62" s="7">
        <v>2.2999999999999998</v>
      </c>
      <c r="AH62" s="7">
        <v>2.14</v>
      </c>
      <c r="AI62" s="7">
        <v>2.35</v>
      </c>
      <c r="AJ62" s="7">
        <v>2.61</v>
      </c>
      <c r="AK62" s="7">
        <v>2.61</v>
      </c>
      <c r="AL62" s="7">
        <v>2.4500000000000002</v>
      </c>
      <c r="AM62" s="7">
        <v>2.54</v>
      </c>
      <c r="AN62" s="7">
        <v>2.17</v>
      </c>
      <c r="AO62" s="7">
        <v>2.56</v>
      </c>
      <c r="AP62" s="7">
        <v>2.42</v>
      </c>
      <c r="AQ62" s="7">
        <v>2.58</v>
      </c>
      <c r="AR62" s="7">
        <v>2.25</v>
      </c>
      <c r="AS62" s="7">
        <v>2.36</v>
      </c>
      <c r="AT62" s="7">
        <v>2.4300000000000002</v>
      </c>
      <c r="AU62" s="7">
        <v>2.63</v>
      </c>
      <c r="AV62" s="7">
        <v>2.4300000000000002</v>
      </c>
      <c r="AW62" s="7">
        <v>2.66</v>
      </c>
      <c r="AX62" s="7">
        <v>2.41</v>
      </c>
      <c r="AY62" s="7">
        <v>2.91</v>
      </c>
      <c r="AZ62" s="7">
        <v>2.73</v>
      </c>
      <c r="BA62" s="7">
        <v>2.92</v>
      </c>
      <c r="BB62" s="8">
        <v>3.35</v>
      </c>
      <c r="BC62" s="7">
        <v>3.31</v>
      </c>
      <c r="BD62" s="7">
        <v>3.01</v>
      </c>
    </row>
    <row r="63" spans="3:56" x14ac:dyDescent="0.2">
      <c r="C63" s="5" t="s">
        <v>69</v>
      </c>
      <c r="D63" s="6" t="s">
        <v>58</v>
      </c>
      <c r="E63" s="7">
        <v>1.54</v>
      </c>
      <c r="F63" s="7">
        <v>1.5</v>
      </c>
      <c r="G63" s="7">
        <v>1.66</v>
      </c>
      <c r="H63" s="7">
        <v>1.66</v>
      </c>
      <c r="I63" s="7">
        <v>1.83</v>
      </c>
      <c r="J63" s="10">
        <v>1.17</v>
      </c>
      <c r="K63" s="7">
        <v>1.0900000000000001</v>
      </c>
      <c r="L63" s="7">
        <v>1.59</v>
      </c>
      <c r="M63" s="7">
        <v>1.39</v>
      </c>
      <c r="N63" s="7">
        <v>1.47</v>
      </c>
      <c r="O63" s="7">
        <v>1.29</v>
      </c>
      <c r="P63" s="7">
        <v>1.47</v>
      </c>
      <c r="Q63" s="7">
        <v>1.83</v>
      </c>
      <c r="R63" s="7">
        <v>1.34</v>
      </c>
      <c r="S63" s="7">
        <v>1.36</v>
      </c>
      <c r="T63" s="7">
        <v>1.21</v>
      </c>
      <c r="U63" s="7">
        <v>1.34</v>
      </c>
      <c r="V63" s="7">
        <v>1.4</v>
      </c>
      <c r="W63" s="7">
        <v>1.1100000000000001</v>
      </c>
      <c r="X63" s="7">
        <v>1.05</v>
      </c>
      <c r="Y63" s="7">
        <v>1.46</v>
      </c>
      <c r="Z63" s="7">
        <v>1.31</v>
      </c>
      <c r="AA63" s="7">
        <v>1.38</v>
      </c>
      <c r="AB63" s="7">
        <v>1.29</v>
      </c>
      <c r="AC63" s="7">
        <v>1.17</v>
      </c>
      <c r="AD63" s="7">
        <v>1.1399999999999999</v>
      </c>
      <c r="AE63" s="7">
        <v>1.26</v>
      </c>
      <c r="AF63" s="7">
        <v>1.21</v>
      </c>
      <c r="AG63" s="7">
        <v>1.5</v>
      </c>
      <c r="AH63" s="7">
        <v>1.5</v>
      </c>
      <c r="AI63" s="7">
        <v>1.47</v>
      </c>
      <c r="AJ63" s="7">
        <v>1.51</v>
      </c>
      <c r="AK63" s="7">
        <v>1.59</v>
      </c>
      <c r="AL63" s="7">
        <v>1.42</v>
      </c>
      <c r="AM63" s="7">
        <v>1.46</v>
      </c>
      <c r="AN63" s="7">
        <v>1.39</v>
      </c>
      <c r="AO63" s="7">
        <v>1.49</v>
      </c>
      <c r="AP63" s="7">
        <v>1.51</v>
      </c>
      <c r="AQ63" s="7">
        <v>1.56</v>
      </c>
      <c r="AR63" s="7">
        <v>1.35</v>
      </c>
      <c r="AS63" s="7">
        <v>1.51</v>
      </c>
      <c r="AT63" s="7">
        <v>1.57</v>
      </c>
      <c r="AU63" s="7">
        <v>1.74</v>
      </c>
      <c r="AV63" s="7">
        <v>1.64</v>
      </c>
      <c r="AW63" s="7">
        <v>1.97</v>
      </c>
      <c r="AX63" s="7">
        <v>1.89</v>
      </c>
      <c r="AY63" s="7">
        <v>1.88</v>
      </c>
      <c r="AZ63" s="7">
        <v>2.41</v>
      </c>
      <c r="BA63" s="7">
        <v>2.17</v>
      </c>
      <c r="BB63" s="8">
        <v>2.44</v>
      </c>
      <c r="BC63" s="7">
        <v>2.09</v>
      </c>
      <c r="BD63" s="7">
        <v>1.95</v>
      </c>
    </row>
    <row r="64" spans="3:56" x14ac:dyDescent="0.2">
      <c r="C64" s="5" t="s">
        <v>70</v>
      </c>
      <c r="D64" s="6" t="s">
        <v>58</v>
      </c>
      <c r="E64" s="7">
        <v>2.3199999999999998</v>
      </c>
      <c r="F64" s="7">
        <v>2.0499999999999998</v>
      </c>
      <c r="G64" s="7">
        <v>2.13</v>
      </c>
      <c r="H64" s="7">
        <v>2.0499999999999998</v>
      </c>
      <c r="I64" s="7">
        <v>1.61</v>
      </c>
      <c r="J64" s="10">
        <v>1.4</v>
      </c>
      <c r="K64" s="7">
        <v>1.44</v>
      </c>
      <c r="L64" s="7">
        <v>1.7</v>
      </c>
      <c r="M64" s="7">
        <v>1.34</v>
      </c>
      <c r="N64" s="7">
        <v>1.38</v>
      </c>
      <c r="O64" s="7">
        <v>1.35</v>
      </c>
      <c r="P64" s="7">
        <v>1.53</v>
      </c>
      <c r="Q64" s="7">
        <v>1.28</v>
      </c>
      <c r="R64" s="7">
        <v>1.28</v>
      </c>
      <c r="S64" s="7">
        <v>1.56</v>
      </c>
      <c r="T64" s="7">
        <v>1.45</v>
      </c>
      <c r="U64" s="24">
        <v>1.65</v>
      </c>
      <c r="V64" s="24">
        <v>1.74</v>
      </c>
      <c r="W64" s="7">
        <v>1.7</v>
      </c>
      <c r="X64" s="7">
        <v>1.86</v>
      </c>
      <c r="Y64" s="7">
        <v>1.84</v>
      </c>
      <c r="Z64" s="7">
        <v>1.74</v>
      </c>
      <c r="AA64" s="7">
        <v>1.63</v>
      </c>
      <c r="AB64" s="7">
        <v>1.83</v>
      </c>
      <c r="AC64" s="7">
        <v>1.53</v>
      </c>
      <c r="AD64" s="7">
        <v>1.57</v>
      </c>
      <c r="AE64" s="7">
        <v>1.64</v>
      </c>
      <c r="AF64" s="7">
        <v>2.4500000000000002</v>
      </c>
      <c r="AG64" s="7">
        <v>2.5</v>
      </c>
      <c r="AH64" s="7">
        <v>2.14</v>
      </c>
      <c r="AI64" s="7">
        <v>1.98</v>
      </c>
      <c r="AJ64" s="7">
        <v>1.99</v>
      </c>
      <c r="AK64" s="7">
        <v>2.15</v>
      </c>
      <c r="AL64" s="7">
        <v>1.97</v>
      </c>
      <c r="AM64" s="7">
        <v>2.13</v>
      </c>
      <c r="AN64" s="7">
        <v>2.35</v>
      </c>
      <c r="AO64" s="7">
        <v>2.35</v>
      </c>
      <c r="AP64" s="7">
        <v>1.77</v>
      </c>
      <c r="AQ64" s="7">
        <v>1.75</v>
      </c>
      <c r="AR64" s="7">
        <v>1.86</v>
      </c>
      <c r="AS64" s="7">
        <v>1.87</v>
      </c>
      <c r="AT64" s="7">
        <v>2.09</v>
      </c>
      <c r="AU64" s="7">
        <v>1.91</v>
      </c>
      <c r="AV64" s="7">
        <v>1.78</v>
      </c>
      <c r="AW64" s="7">
        <v>1.86</v>
      </c>
      <c r="AX64" s="7">
        <v>1.99</v>
      </c>
      <c r="AY64" s="7">
        <v>2.0099999999999998</v>
      </c>
      <c r="AZ64" s="7">
        <v>2.1</v>
      </c>
      <c r="BA64" s="7">
        <v>2.27</v>
      </c>
      <c r="BB64" s="8">
        <v>2.42</v>
      </c>
      <c r="BC64" s="7">
        <v>1.96</v>
      </c>
      <c r="BD64" s="7">
        <v>1.89</v>
      </c>
    </row>
    <row r="65" spans="3:56" x14ac:dyDescent="0.2">
      <c r="C65" s="5" t="s">
        <v>71</v>
      </c>
      <c r="D65" s="6" t="s">
        <v>58</v>
      </c>
      <c r="E65" s="7">
        <v>2.5299999999999998</v>
      </c>
      <c r="F65" s="7">
        <v>2.54</v>
      </c>
      <c r="G65" s="7">
        <v>2.64</v>
      </c>
      <c r="H65" s="7">
        <v>2.54</v>
      </c>
      <c r="I65" s="7">
        <v>2.62</v>
      </c>
      <c r="J65" s="10">
        <v>2.48</v>
      </c>
      <c r="K65" s="7">
        <v>2.5499999999999998</v>
      </c>
      <c r="L65" s="7">
        <v>2.52</v>
      </c>
      <c r="M65" s="7">
        <v>2.59</v>
      </c>
      <c r="N65" s="7">
        <v>2.54</v>
      </c>
      <c r="O65" s="7">
        <v>2.59</v>
      </c>
      <c r="P65" s="7">
        <v>2.57</v>
      </c>
      <c r="Q65" s="7">
        <v>2.61</v>
      </c>
      <c r="R65" s="7">
        <v>2.63</v>
      </c>
      <c r="S65" s="7">
        <v>2.58</v>
      </c>
      <c r="T65" s="7">
        <v>2.56</v>
      </c>
      <c r="U65" s="7">
        <v>2.57</v>
      </c>
      <c r="V65" s="7">
        <v>2.54</v>
      </c>
      <c r="W65" s="7">
        <v>2.58</v>
      </c>
      <c r="X65" s="7">
        <v>2.59</v>
      </c>
      <c r="Y65" s="7">
        <v>2.4500000000000002</v>
      </c>
      <c r="Z65" s="7">
        <v>2.42</v>
      </c>
      <c r="AA65" s="7">
        <v>2.4300000000000002</v>
      </c>
      <c r="AB65" s="7">
        <v>2.54</v>
      </c>
      <c r="AC65" s="7">
        <v>2.52</v>
      </c>
      <c r="AD65" s="7">
        <v>2.5</v>
      </c>
      <c r="AE65" s="7">
        <v>2.56</v>
      </c>
      <c r="AF65" s="7">
        <v>2.57</v>
      </c>
      <c r="AG65" s="7">
        <v>2.52</v>
      </c>
      <c r="AH65" s="7">
        <v>2.4900000000000002</v>
      </c>
      <c r="AI65" s="7">
        <v>2.5299999999999998</v>
      </c>
      <c r="AJ65" s="7">
        <v>2.5299999999999998</v>
      </c>
      <c r="AK65" s="7">
        <v>2.5299999999999998</v>
      </c>
      <c r="AL65" s="7">
        <v>2.56</v>
      </c>
      <c r="AM65" s="7">
        <v>2.6</v>
      </c>
      <c r="AN65" s="7">
        <v>2.61</v>
      </c>
      <c r="AO65" s="7">
        <v>2.61</v>
      </c>
      <c r="AP65" s="7">
        <v>2.59</v>
      </c>
      <c r="AQ65" s="7">
        <v>2.67</v>
      </c>
      <c r="AR65" s="7">
        <v>2.82</v>
      </c>
      <c r="AS65" s="7">
        <v>2.88</v>
      </c>
      <c r="AT65" s="7">
        <v>2.95</v>
      </c>
      <c r="AU65" s="7">
        <v>2.74</v>
      </c>
      <c r="AV65" s="7">
        <v>2.87</v>
      </c>
      <c r="AW65" s="7">
        <v>2.76</v>
      </c>
      <c r="AX65" s="7">
        <v>2.85</v>
      </c>
      <c r="AY65" s="7">
        <v>2.8</v>
      </c>
      <c r="AZ65" s="7">
        <v>2.91</v>
      </c>
      <c r="BA65" s="7">
        <v>2.92</v>
      </c>
      <c r="BB65" s="8">
        <v>2.87</v>
      </c>
      <c r="BC65" s="7">
        <v>2.9</v>
      </c>
      <c r="BD65" s="7">
        <v>2.73</v>
      </c>
    </row>
    <row r="66" spans="3:56" x14ac:dyDescent="0.2">
      <c r="C66" s="5" t="s">
        <v>72</v>
      </c>
      <c r="D66" s="6" t="s">
        <v>58</v>
      </c>
      <c r="E66" s="7">
        <v>4.1399999999999997</v>
      </c>
      <c r="F66" s="7">
        <v>4.1100000000000003</v>
      </c>
      <c r="G66" s="7">
        <v>3.97</v>
      </c>
      <c r="H66" s="7">
        <v>4.3</v>
      </c>
      <c r="I66" s="7">
        <v>4.28</v>
      </c>
      <c r="J66" s="10">
        <v>4.18</v>
      </c>
      <c r="K66" s="7">
        <v>3.95</v>
      </c>
      <c r="L66" s="7">
        <v>3.95</v>
      </c>
      <c r="M66" s="7">
        <v>4.1399999999999997</v>
      </c>
      <c r="N66" s="7">
        <v>4.51</v>
      </c>
      <c r="O66" s="7">
        <v>4.37</v>
      </c>
      <c r="P66" s="7">
        <v>4.55</v>
      </c>
      <c r="Q66" s="7">
        <v>4.82</v>
      </c>
      <c r="R66" s="7">
        <v>5.08</v>
      </c>
      <c r="S66" s="7">
        <v>5.48</v>
      </c>
      <c r="T66" s="7">
        <v>5.54</v>
      </c>
      <c r="U66" s="7">
        <v>5.37</v>
      </c>
      <c r="V66" s="7">
        <v>5.52</v>
      </c>
      <c r="W66" s="7">
        <v>5.74</v>
      </c>
      <c r="X66" s="7">
        <v>5.66</v>
      </c>
      <c r="Y66" s="7">
        <v>5.84</v>
      </c>
      <c r="Z66" s="7">
        <v>6.3</v>
      </c>
      <c r="AA66" s="7">
        <v>6.19</v>
      </c>
      <c r="AB66" s="7">
        <v>6.01</v>
      </c>
      <c r="AC66" s="7">
        <v>6.37</v>
      </c>
      <c r="AD66" s="7">
        <v>6.41</v>
      </c>
      <c r="AE66" s="7">
        <v>6.45</v>
      </c>
      <c r="AF66" s="7">
        <v>5.64</v>
      </c>
      <c r="AG66" s="7">
        <v>5.88</v>
      </c>
      <c r="AH66" s="7">
        <v>5.89</v>
      </c>
      <c r="AI66" s="7">
        <v>5.8</v>
      </c>
      <c r="AJ66" s="7">
        <v>5.84</v>
      </c>
      <c r="AK66" s="7">
        <v>5.72</v>
      </c>
      <c r="AL66" s="7">
        <v>5.62</v>
      </c>
      <c r="AM66" s="7">
        <v>5.46</v>
      </c>
      <c r="AN66" s="7">
        <v>5.3</v>
      </c>
      <c r="AO66" s="7">
        <v>4.72</v>
      </c>
      <c r="AP66" s="7">
        <v>4.67</v>
      </c>
      <c r="AQ66" s="7">
        <v>4.66</v>
      </c>
      <c r="AR66" s="7">
        <v>4.3499999999999996</v>
      </c>
      <c r="AS66" s="7">
        <v>4.05</v>
      </c>
      <c r="AT66" s="7">
        <v>4.1399999999999997</v>
      </c>
      <c r="AU66" s="7">
        <v>4.08</v>
      </c>
      <c r="AV66" s="7">
        <v>4.03</v>
      </c>
      <c r="AW66" s="7">
        <v>4.01</v>
      </c>
      <c r="AX66" s="7">
        <v>3.89</v>
      </c>
      <c r="AY66" s="7">
        <v>3.92</v>
      </c>
      <c r="AZ66" s="7">
        <v>4.05</v>
      </c>
      <c r="BA66" s="7">
        <v>4.13</v>
      </c>
      <c r="BB66" s="8">
        <v>4.09</v>
      </c>
      <c r="BC66" s="7">
        <v>4.3</v>
      </c>
      <c r="BD66" s="7">
        <v>4.1399999999999997</v>
      </c>
    </row>
    <row r="67" spans="3:56" x14ac:dyDescent="0.2">
      <c r="C67" s="5" t="s">
        <v>73</v>
      </c>
      <c r="D67" s="6" t="s">
        <v>58</v>
      </c>
      <c r="E67" s="7">
        <v>4.58</v>
      </c>
      <c r="F67" s="7">
        <v>4.04</v>
      </c>
      <c r="G67" s="7">
        <v>4.2300000000000004</v>
      </c>
      <c r="H67" s="7">
        <v>4.49</v>
      </c>
      <c r="I67" s="7">
        <v>4.3600000000000003</v>
      </c>
      <c r="J67" s="10">
        <v>4.16</v>
      </c>
      <c r="K67" s="7">
        <v>3.86</v>
      </c>
      <c r="L67" s="7">
        <v>3.76</v>
      </c>
      <c r="M67" s="7">
        <v>3.9</v>
      </c>
      <c r="N67" s="7">
        <v>4.93</v>
      </c>
      <c r="O67" s="7">
        <v>5.0999999999999996</v>
      </c>
      <c r="P67" s="7">
        <v>4.8899999999999997</v>
      </c>
      <c r="Q67" s="7">
        <v>3.93</v>
      </c>
      <c r="R67" s="7">
        <v>4.26</v>
      </c>
      <c r="S67" s="7">
        <v>5.53</v>
      </c>
      <c r="T67" s="7">
        <v>4.82</v>
      </c>
      <c r="U67" s="7">
        <v>4.43</v>
      </c>
      <c r="V67" s="7">
        <v>5.09</v>
      </c>
      <c r="W67" s="7">
        <v>5.32</v>
      </c>
      <c r="X67" s="7">
        <v>5.2</v>
      </c>
      <c r="Y67" s="7">
        <v>4.95</v>
      </c>
      <c r="Z67" s="7">
        <v>5.32</v>
      </c>
      <c r="AA67" s="7">
        <v>5.17</v>
      </c>
      <c r="AB67" s="7">
        <v>4.5599999999999996</v>
      </c>
      <c r="AC67" s="7">
        <v>3.97</v>
      </c>
      <c r="AD67" s="7">
        <v>3</v>
      </c>
      <c r="AE67" s="7">
        <v>3.73</v>
      </c>
      <c r="AF67" s="7">
        <v>3.35</v>
      </c>
      <c r="AG67" s="7">
        <v>3.34</v>
      </c>
      <c r="AH67" s="7">
        <v>3.65</v>
      </c>
      <c r="AI67" s="7">
        <v>3.92</v>
      </c>
      <c r="AJ67" s="7">
        <v>3.79</v>
      </c>
      <c r="AK67" s="7">
        <v>3.93</v>
      </c>
      <c r="AL67" s="7">
        <v>4.49</v>
      </c>
      <c r="AM67" s="7">
        <v>4.04</v>
      </c>
      <c r="AN67" s="7">
        <v>3.52</v>
      </c>
      <c r="AO67" s="7">
        <v>3.52</v>
      </c>
      <c r="AP67" s="7">
        <v>3.89</v>
      </c>
      <c r="AQ67" s="7">
        <v>3.4</v>
      </c>
      <c r="AR67" s="7">
        <v>3.71</v>
      </c>
      <c r="AS67" s="7">
        <v>3.8</v>
      </c>
      <c r="AT67" s="7">
        <v>3.85</v>
      </c>
      <c r="AU67" s="7">
        <v>3.71</v>
      </c>
      <c r="AV67" s="7">
        <v>3.73</v>
      </c>
      <c r="AW67" s="7">
        <v>3.51</v>
      </c>
      <c r="AX67" s="7">
        <v>3.44</v>
      </c>
      <c r="AY67" s="7">
        <v>3.51</v>
      </c>
      <c r="AZ67" s="7">
        <v>3.65</v>
      </c>
      <c r="BA67" s="7">
        <v>3.51</v>
      </c>
      <c r="BB67" s="8">
        <v>3.4</v>
      </c>
      <c r="BC67" s="7">
        <v>3.22</v>
      </c>
      <c r="BD67" s="7">
        <v>3.51</v>
      </c>
    </row>
    <row r="68" spans="3:56" x14ac:dyDescent="0.2">
      <c r="C68" s="5" t="s">
        <v>74</v>
      </c>
      <c r="D68" s="6" t="s">
        <v>58</v>
      </c>
      <c r="E68" s="13">
        <v>1.61</v>
      </c>
      <c r="F68" s="13">
        <v>1.6</v>
      </c>
      <c r="G68" s="13">
        <v>1.55</v>
      </c>
      <c r="H68" s="13">
        <v>1.55</v>
      </c>
      <c r="I68" s="13">
        <v>1.55</v>
      </c>
      <c r="J68" s="10">
        <v>1.53</v>
      </c>
      <c r="K68" s="13">
        <v>1.51</v>
      </c>
      <c r="L68" s="13">
        <v>1.51</v>
      </c>
      <c r="M68" s="13">
        <v>1.53</v>
      </c>
      <c r="N68" s="7">
        <v>1.5</v>
      </c>
      <c r="O68" s="7">
        <v>1.5</v>
      </c>
      <c r="P68" s="7">
        <v>1.51</v>
      </c>
      <c r="Q68" s="7">
        <v>1.5</v>
      </c>
      <c r="R68" s="7">
        <v>1.5</v>
      </c>
      <c r="S68" s="7">
        <v>1.48</v>
      </c>
      <c r="T68" s="7">
        <v>1.48</v>
      </c>
      <c r="U68" s="13">
        <v>1.48</v>
      </c>
      <c r="V68" s="13">
        <v>1.49</v>
      </c>
      <c r="W68" s="7">
        <v>1.5</v>
      </c>
      <c r="X68" s="7">
        <v>1.49</v>
      </c>
      <c r="Y68" s="7">
        <v>1.5</v>
      </c>
      <c r="Z68" s="7">
        <v>1.5</v>
      </c>
      <c r="AA68" s="7">
        <v>1.5</v>
      </c>
      <c r="AB68" s="7">
        <v>1.5</v>
      </c>
      <c r="AC68" s="7">
        <v>1.5</v>
      </c>
      <c r="AD68" s="7">
        <v>1.5</v>
      </c>
      <c r="AE68" s="7">
        <v>1.49</v>
      </c>
      <c r="AF68" s="7">
        <v>1.49</v>
      </c>
      <c r="AG68" s="7">
        <v>1.5</v>
      </c>
      <c r="AH68" s="7">
        <v>1.51</v>
      </c>
      <c r="AI68" s="7">
        <v>1.52</v>
      </c>
      <c r="AJ68" s="7">
        <v>1.53</v>
      </c>
      <c r="AK68" s="7">
        <v>1.52</v>
      </c>
      <c r="AL68" s="7">
        <v>1.53</v>
      </c>
      <c r="AM68" s="7">
        <v>1.53</v>
      </c>
      <c r="AN68" s="7">
        <v>1.53</v>
      </c>
      <c r="AO68" s="7">
        <v>1.53</v>
      </c>
      <c r="AP68" s="7">
        <v>1.53</v>
      </c>
      <c r="AQ68" s="7">
        <v>1.53</v>
      </c>
      <c r="AR68" s="7">
        <v>1.51</v>
      </c>
      <c r="AS68" s="7">
        <v>1.51</v>
      </c>
      <c r="AT68" s="7">
        <v>1.52</v>
      </c>
      <c r="AU68" s="7">
        <v>1.52</v>
      </c>
      <c r="AV68" s="7">
        <v>1.51</v>
      </c>
      <c r="AW68" s="7">
        <v>1.51</v>
      </c>
      <c r="AX68" s="7">
        <v>1.52</v>
      </c>
      <c r="AY68" s="7">
        <v>1.51</v>
      </c>
      <c r="AZ68" s="7">
        <v>1.52</v>
      </c>
      <c r="BA68" s="7">
        <v>1.51</v>
      </c>
      <c r="BB68" s="8">
        <v>1.51</v>
      </c>
      <c r="BC68" s="7">
        <v>1.56</v>
      </c>
      <c r="BD68" s="7">
        <v>1.53</v>
      </c>
    </row>
    <row r="69" spans="3:56" x14ac:dyDescent="0.2">
      <c r="C69" s="5" t="s">
        <v>75</v>
      </c>
      <c r="D69" s="15" t="s">
        <v>76</v>
      </c>
      <c r="E69" s="8"/>
      <c r="F69" s="8"/>
      <c r="G69" s="8"/>
      <c r="H69" s="8"/>
      <c r="I69" s="8"/>
      <c r="J69" s="10"/>
      <c r="K69" s="8"/>
      <c r="L69" s="8"/>
      <c r="M69" s="8"/>
      <c r="N69" s="8"/>
      <c r="O69" s="7"/>
      <c r="P69" s="8"/>
      <c r="Q69" s="7"/>
      <c r="R69" s="7"/>
      <c r="S69" s="7"/>
      <c r="T69" s="7"/>
      <c r="U69" s="8"/>
      <c r="V69" s="8"/>
      <c r="W69" s="7"/>
      <c r="X69" s="7"/>
      <c r="Y69" s="7"/>
      <c r="Z69" s="7"/>
      <c r="AA69" s="7"/>
      <c r="AB69" s="7"/>
      <c r="AC69" s="7"/>
      <c r="AD69" s="7"/>
      <c r="AE69" s="7"/>
      <c r="AF69" s="7"/>
      <c r="AG69" s="7"/>
      <c r="AH69" s="7"/>
      <c r="AI69" s="7"/>
      <c r="AJ69" s="7"/>
      <c r="AK69" s="7"/>
      <c r="AL69" s="7"/>
      <c r="AM69" s="7"/>
      <c r="AN69" s="7"/>
      <c r="AO69" s="7"/>
      <c r="AP69" s="7"/>
      <c r="AQ69" s="7"/>
      <c r="AR69" s="7"/>
      <c r="AS69" s="7"/>
      <c r="AT69" s="7"/>
      <c r="AU69" s="7"/>
      <c r="AV69" s="7"/>
      <c r="AW69" s="7"/>
      <c r="AX69" s="7"/>
      <c r="AY69" s="7"/>
      <c r="AZ69" s="7"/>
      <c r="BA69" s="7"/>
      <c r="BB69" s="8"/>
      <c r="BC69" s="7"/>
      <c r="BD69" s="7"/>
    </row>
    <row r="70" spans="3:56" x14ac:dyDescent="0.2">
      <c r="C70" s="16" t="s">
        <v>78</v>
      </c>
      <c r="D70" s="6" t="s">
        <v>58</v>
      </c>
      <c r="E70" s="8">
        <v>0.25</v>
      </c>
      <c r="F70" s="8">
        <v>0.24</v>
      </c>
      <c r="G70" s="8">
        <v>0.25</v>
      </c>
      <c r="H70" s="8">
        <v>0.26</v>
      </c>
      <c r="I70" s="8">
        <v>0.26</v>
      </c>
      <c r="J70" s="10">
        <v>0.26</v>
      </c>
      <c r="K70" s="8">
        <v>0.26</v>
      </c>
      <c r="L70" s="8">
        <v>0.28999999999999998</v>
      </c>
      <c r="M70" s="8">
        <v>0.28999999999999998</v>
      </c>
      <c r="N70" s="8">
        <v>0.31</v>
      </c>
      <c r="O70" s="8">
        <v>0.3</v>
      </c>
      <c r="P70" s="8">
        <v>0.3</v>
      </c>
      <c r="Q70" s="8">
        <v>0.31</v>
      </c>
      <c r="R70" s="8">
        <v>0.33</v>
      </c>
      <c r="S70" s="8">
        <v>0.31</v>
      </c>
      <c r="T70" s="8">
        <v>0.37</v>
      </c>
      <c r="U70" s="8">
        <v>0.34</v>
      </c>
      <c r="V70" s="8">
        <v>0.37</v>
      </c>
      <c r="W70" s="8">
        <v>0.37</v>
      </c>
      <c r="X70" s="8">
        <v>0.36</v>
      </c>
      <c r="Y70" s="8">
        <v>0.37</v>
      </c>
      <c r="Z70" s="8">
        <v>0.38</v>
      </c>
      <c r="AA70" s="8">
        <v>0.44</v>
      </c>
      <c r="AB70" s="8">
        <v>0.45</v>
      </c>
      <c r="AC70" s="8">
        <v>0.46</v>
      </c>
      <c r="AD70" s="8">
        <v>0.42</v>
      </c>
      <c r="AE70" s="8">
        <v>0.4</v>
      </c>
      <c r="AF70" s="8">
        <v>0.37</v>
      </c>
      <c r="AG70" s="8">
        <v>0.37</v>
      </c>
      <c r="AH70" s="8">
        <v>0.35</v>
      </c>
      <c r="AI70" s="8">
        <v>0.3</v>
      </c>
      <c r="AJ70" s="8">
        <v>0.32</v>
      </c>
      <c r="AK70" s="8">
        <v>0.34</v>
      </c>
      <c r="AL70" s="8">
        <v>0.34</v>
      </c>
      <c r="AM70" s="8">
        <v>0.34</v>
      </c>
      <c r="AN70" s="8">
        <v>0.31</v>
      </c>
      <c r="AO70" s="8">
        <v>0.32</v>
      </c>
      <c r="AP70" s="8">
        <v>0.32</v>
      </c>
      <c r="AQ70" s="8">
        <v>0.32</v>
      </c>
      <c r="AR70" s="8">
        <v>0.32</v>
      </c>
      <c r="AS70" s="8">
        <v>0.32</v>
      </c>
      <c r="AT70" s="8">
        <v>0.34</v>
      </c>
      <c r="AU70" s="8">
        <v>0.35</v>
      </c>
      <c r="AV70" s="8">
        <v>0.34</v>
      </c>
      <c r="AW70" s="8">
        <v>0.36</v>
      </c>
      <c r="AX70" s="8">
        <v>0.37</v>
      </c>
      <c r="AY70" s="8">
        <v>0.36</v>
      </c>
      <c r="AZ70" s="8">
        <v>0.36</v>
      </c>
      <c r="BA70" s="8">
        <v>0.37</v>
      </c>
      <c r="BB70" s="8">
        <v>0.37</v>
      </c>
      <c r="BC70" s="8">
        <v>0.38</v>
      </c>
      <c r="BD70" s="8">
        <v>0.38</v>
      </c>
    </row>
    <row r="71" spans="3:56" x14ac:dyDescent="0.2">
      <c r="C71" s="16" t="s">
        <v>79</v>
      </c>
      <c r="D71" s="6" t="s">
        <v>58</v>
      </c>
      <c r="E71" s="8">
        <v>0.65</v>
      </c>
      <c r="F71" s="8">
        <v>0.84</v>
      </c>
      <c r="G71" s="8">
        <v>0.88</v>
      </c>
      <c r="H71" s="8">
        <v>0.57999999999999996</v>
      </c>
      <c r="I71" s="8">
        <v>0.74</v>
      </c>
      <c r="J71" s="10">
        <v>0.69</v>
      </c>
      <c r="K71" s="8">
        <v>0.59</v>
      </c>
      <c r="L71" s="8">
        <v>0.73</v>
      </c>
      <c r="M71" s="8">
        <v>0.67</v>
      </c>
      <c r="N71" s="8">
        <v>0.6</v>
      </c>
      <c r="O71" s="8">
        <v>0.53</v>
      </c>
      <c r="P71" s="8">
        <v>0.51</v>
      </c>
      <c r="Q71" s="8">
        <v>0.45</v>
      </c>
      <c r="R71" s="8">
        <v>0.4</v>
      </c>
      <c r="S71" s="8">
        <v>0.37</v>
      </c>
      <c r="T71" s="8">
        <v>0.42</v>
      </c>
      <c r="U71" s="8">
        <v>0.42</v>
      </c>
      <c r="V71" s="8">
        <v>0.41</v>
      </c>
      <c r="W71" s="8">
        <v>0.41</v>
      </c>
      <c r="X71" s="8">
        <v>0.47</v>
      </c>
      <c r="Y71" s="8">
        <v>0.43</v>
      </c>
      <c r="Z71" s="8">
        <v>0.61</v>
      </c>
      <c r="AA71" s="8">
        <v>0.66</v>
      </c>
      <c r="AB71" s="8">
        <v>0.62</v>
      </c>
      <c r="AC71" s="8">
        <v>0.72</v>
      </c>
      <c r="AD71" s="8">
        <v>0.61</v>
      </c>
      <c r="AE71" s="8">
        <v>0.53</v>
      </c>
      <c r="AF71" s="8">
        <v>0.48</v>
      </c>
      <c r="AG71" s="8">
        <v>0.48</v>
      </c>
      <c r="AH71" s="8">
        <v>0.51</v>
      </c>
      <c r="AI71" s="8">
        <v>0.52</v>
      </c>
      <c r="AJ71" s="8">
        <v>0.44</v>
      </c>
      <c r="AK71" s="8">
        <v>0.45</v>
      </c>
      <c r="AL71" s="8">
        <v>0.43</v>
      </c>
      <c r="AM71" s="8">
        <v>0.46</v>
      </c>
      <c r="AN71" s="8">
        <v>0.5</v>
      </c>
      <c r="AO71" s="8">
        <v>0.52</v>
      </c>
      <c r="AP71" s="8">
        <v>0.56000000000000005</v>
      </c>
      <c r="AQ71" s="8">
        <v>0.56999999999999995</v>
      </c>
      <c r="AR71" s="8">
        <v>0.56999999999999995</v>
      </c>
      <c r="AS71" s="8">
        <v>0.54</v>
      </c>
      <c r="AT71" s="8">
        <v>0.54</v>
      </c>
      <c r="AU71" s="8">
        <v>0.56000000000000005</v>
      </c>
      <c r="AV71" s="8">
        <v>0.53</v>
      </c>
      <c r="AW71" s="8">
        <v>0.56000000000000005</v>
      </c>
      <c r="AX71" s="8">
        <v>0.55000000000000004</v>
      </c>
      <c r="AY71" s="8">
        <v>0.46</v>
      </c>
      <c r="AZ71" s="8">
        <v>0.46</v>
      </c>
      <c r="BA71" s="8">
        <v>0.44</v>
      </c>
      <c r="BB71" s="8">
        <v>0.54</v>
      </c>
      <c r="BC71" s="8">
        <v>0.57999999999999996</v>
      </c>
      <c r="BD71" s="8">
        <v>0.68</v>
      </c>
    </row>
    <row r="72" spans="3:56" x14ac:dyDescent="0.2">
      <c r="C72" s="16" t="s">
        <v>80</v>
      </c>
      <c r="D72" s="6" t="s">
        <v>58</v>
      </c>
      <c r="E72" s="8">
        <v>0.84</v>
      </c>
      <c r="F72" s="8">
        <v>1.1299999999999999</v>
      </c>
      <c r="G72" s="8">
        <v>1.6</v>
      </c>
      <c r="H72" s="8">
        <v>1.43</v>
      </c>
      <c r="I72" s="8">
        <v>1.61</v>
      </c>
      <c r="J72" s="10">
        <v>1.29</v>
      </c>
      <c r="K72" s="8">
        <v>0.97</v>
      </c>
      <c r="L72" s="8">
        <v>0.87</v>
      </c>
      <c r="M72" s="8">
        <v>0.75</v>
      </c>
      <c r="N72" s="8">
        <v>0.69</v>
      </c>
      <c r="O72" s="8">
        <v>0.64</v>
      </c>
      <c r="P72" s="8">
        <v>0.56999999999999995</v>
      </c>
      <c r="Q72" s="8">
        <v>0.57999999999999996</v>
      </c>
      <c r="R72" s="8">
        <v>0.55000000000000004</v>
      </c>
      <c r="S72" s="8">
        <v>0.55000000000000004</v>
      </c>
      <c r="T72" s="8">
        <v>0.53</v>
      </c>
      <c r="U72" s="8">
        <v>0.52</v>
      </c>
      <c r="V72" s="8">
        <v>0.49</v>
      </c>
      <c r="W72" s="8">
        <v>0.51</v>
      </c>
      <c r="X72" s="8">
        <v>0.51</v>
      </c>
      <c r="Y72" s="8">
        <v>0.42</v>
      </c>
      <c r="Z72" s="8">
        <v>0.54</v>
      </c>
      <c r="AA72" s="8">
        <v>0.61</v>
      </c>
      <c r="AB72" s="8">
        <v>0.54</v>
      </c>
      <c r="AC72" s="8">
        <v>0.48</v>
      </c>
      <c r="AD72" s="8">
        <v>0.44</v>
      </c>
      <c r="AE72" s="8">
        <v>0.4</v>
      </c>
      <c r="AF72" s="8">
        <v>0.39</v>
      </c>
      <c r="AG72" s="8">
        <v>0.41</v>
      </c>
      <c r="AH72" s="8">
        <v>0.44</v>
      </c>
      <c r="AI72" s="8">
        <v>0.51</v>
      </c>
      <c r="AJ72" s="8">
        <v>0.51</v>
      </c>
      <c r="AK72" s="8">
        <v>0.46</v>
      </c>
      <c r="AL72" s="8">
        <v>0.65</v>
      </c>
      <c r="AM72" s="8">
        <v>0.82</v>
      </c>
      <c r="AN72" s="8">
        <v>0.74</v>
      </c>
      <c r="AO72" s="8">
        <v>0.67</v>
      </c>
      <c r="AP72" s="8">
        <v>0.64</v>
      </c>
      <c r="AQ72" s="8">
        <v>0.56000000000000005</v>
      </c>
      <c r="AR72" s="8">
        <v>0.56999999999999995</v>
      </c>
      <c r="AS72" s="8">
        <v>0.56000000000000005</v>
      </c>
      <c r="AT72" s="8">
        <v>0.5</v>
      </c>
      <c r="AU72" s="8">
        <v>0.52</v>
      </c>
      <c r="AV72" s="8">
        <v>0.55000000000000004</v>
      </c>
      <c r="AW72" s="8">
        <v>1.23</v>
      </c>
      <c r="AX72" s="8">
        <v>1.52</v>
      </c>
      <c r="AY72" s="8">
        <v>1.46</v>
      </c>
      <c r="AZ72" s="8">
        <v>0.81</v>
      </c>
      <c r="BA72" s="8">
        <v>0.79</v>
      </c>
      <c r="BB72" s="8">
        <v>0.92</v>
      </c>
      <c r="BC72" s="8">
        <v>0.86</v>
      </c>
      <c r="BD72" s="8">
        <v>0.73</v>
      </c>
    </row>
    <row r="73" spans="3:56" x14ac:dyDescent="0.2">
      <c r="C73" s="16" t="s">
        <v>81</v>
      </c>
      <c r="D73" s="6" t="s">
        <v>58</v>
      </c>
      <c r="E73" s="8">
        <v>0.26</v>
      </c>
      <c r="F73" s="8">
        <v>0.26</v>
      </c>
      <c r="G73" s="8">
        <v>0.27</v>
      </c>
      <c r="H73" s="8">
        <v>0.26</v>
      </c>
      <c r="I73" s="8">
        <v>0.25</v>
      </c>
      <c r="J73" s="10">
        <v>0.23</v>
      </c>
      <c r="K73" s="8">
        <v>0.26</v>
      </c>
      <c r="L73" s="8">
        <v>0.26</v>
      </c>
      <c r="M73" s="8">
        <v>0.28000000000000003</v>
      </c>
      <c r="N73" s="8">
        <v>0.28000000000000003</v>
      </c>
      <c r="O73" s="8">
        <v>0.31</v>
      </c>
      <c r="P73" s="8">
        <v>0.28000000000000003</v>
      </c>
      <c r="Q73" s="8">
        <v>0.28999999999999998</v>
      </c>
      <c r="R73" s="8">
        <v>0.3</v>
      </c>
      <c r="S73" s="8">
        <v>0.31</v>
      </c>
      <c r="T73" s="8">
        <v>0.32</v>
      </c>
      <c r="U73" s="8">
        <v>0.34</v>
      </c>
      <c r="V73" s="8">
        <v>0.39</v>
      </c>
      <c r="W73" s="8">
        <v>0.4</v>
      </c>
      <c r="X73" s="8">
        <v>0.43</v>
      </c>
      <c r="Y73" s="8">
        <v>0.42</v>
      </c>
      <c r="Z73" s="8">
        <v>0.42</v>
      </c>
      <c r="AA73" s="8">
        <v>0.42</v>
      </c>
      <c r="AB73" s="8">
        <v>0.4</v>
      </c>
      <c r="AC73" s="8">
        <v>0.39</v>
      </c>
      <c r="AD73" s="8">
        <v>0.35</v>
      </c>
      <c r="AE73" s="8">
        <v>0.33</v>
      </c>
      <c r="AF73" s="8">
        <v>0.33</v>
      </c>
      <c r="AG73" s="8">
        <v>0.31</v>
      </c>
      <c r="AH73" s="8">
        <v>0.28999999999999998</v>
      </c>
      <c r="AI73" s="8">
        <v>0.31</v>
      </c>
      <c r="AJ73" s="8">
        <v>0.28000000000000003</v>
      </c>
      <c r="AK73" s="8">
        <v>0.28999999999999998</v>
      </c>
      <c r="AL73" s="8">
        <v>0.28999999999999998</v>
      </c>
      <c r="AM73" s="8">
        <v>0.28999999999999998</v>
      </c>
      <c r="AN73" s="8">
        <v>0.33</v>
      </c>
      <c r="AO73" s="8">
        <v>0.34</v>
      </c>
      <c r="AP73" s="8">
        <v>0.3</v>
      </c>
      <c r="AQ73" s="8">
        <v>0.28999999999999998</v>
      </c>
      <c r="AR73" s="8">
        <v>0.28999999999999998</v>
      </c>
      <c r="AS73" s="8">
        <v>0.28999999999999998</v>
      </c>
      <c r="AT73" s="8">
        <v>0.3</v>
      </c>
      <c r="AU73" s="8">
        <v>0.28999999999999998</v>
      </c>
      <c r="AV73" s="8">
        <v>0.28999999999999998</v>
      </c>
      <c r="AW73" s="8">
        <v>0.3</v>
      </c>
      <c r="AX73" s="8">
        <v>0.32</v>
      </c>
      <c r="AY73" s="8">
        <v>0.36</v>
      </c>
      <c r="AZ73" s="8">
        <v>0.36</v>
      </c>
      <c r="BA73" s="8">
        <v>0.36</v>
      </c>
      <c r="BB73" s="8">
        <v>0.36</v>
      </c>
      <c r="BC73" s="8">
        <v>0.36</v>
      </c>
      <c r="BD73" s="8">
        <v>0.37</v>
      </c>
    </row>
    <row r="74" spans="3:56" x14ac:dyDescent="0.2">
      <c r="C74" s="16" t="s">
        <v>82</v>
      </c>
      <c r="D74" s="6" t="s">
        <v>58</v>
      </c>
      <c r="E74" s="8">
        <v>1.87</v>
      </c>
      <c r="F74" s="8">
        <v>2.63</v>
      </c>
      <c r="G74" s="8">
        <v>3.22</v>
      </c>
      <c r="H74" s="8">
        <v>3.12</v>
      </c>
      <c r="I74" s="8">
        <v>3.01</v>
      </c>
      <c r="J74" s="10">
        <v>2.75</v>
      </c>
      <c r="K74" s="8">
        <v>2.7</v>
      </c>
      <c r="L74" s="8">
        <v>3.02</v>
      </c>
      <c r="M74" s="8">
        <v>2.78</v>
      </c>
      <c r="N74" s="8">
        <v>2.9</v>
      </c>
      <c r="O74" s="8">
        <v>2.85</v>
      </c>
      <c r="P74" s="8">
        <v>2.79</v>
      </c>
      <c r="Q74" s="8">
        <v>2.68</v>
      </c>
      <c r="R74" s="8">
        <v>2.4300000000000002</v>
      </c>
      <c r="S74" s="8">
        <v>2.33</v>
      </c>
      <c r="T74" s="8">
        <v>1.85</v>
      </c>
      <c r="U74" s="8">
        <v>2.02</v>
      </c>
      <c r="V74" s="8">
        <v>1.73</v>
      </c>
      <c r="W74" s="8">
        <v>1.62</v>
      </c>
      <c r="X74" s="8">
        <v>1.45</v>
      </c>
      <c r="Y74" s="8">
        <v>1.31</v>
      </c>
      <c r="Z74" s="8">
        <v>1.4</v>
      </c>
      <c r="AA74" s="8">
        <v>1.76</v>
      </c>
      <c r="AB74" s="8">
        <v>2.15</v>
      </c>
      <c r="AC74" s="8">
        <v>1.98</v>
      </c>
      <c r="AD74" s="8">
        <v>1.73</v>
      </c>
      <c r="AE74" s="8">
        <v>1.74</v>
      </c>
      <c r="AF74" s="8">
        <v>1.57</v>
      </c>
      <c r="AG74" s="8">
        <v>1.19</v>
      </c>
      <c r="AH74" s="8">
        <v>1.47</v>
      </c>
      <c r="AI74" s="8">
        <v>1.93</v>
      </c>
      <c r="AJ74" s="8">
        <v>2.59</v>
      </c>
      <c r="AK74" s="8">
        <v>3.2</v>
      </c>
      <c r="AL74" s="8">
        <v>3.48</v>
      </c>
      <c r="AM74" s="8">
        <v>2.77</v>
      </c>
      <c r="AN74" s="8">
        <v>1.77</v>
      </c>
      <c r="AO74" s="8">
        <v>1.54</v>
      </c>
      <c r="AP74" s="8">
        <v>1.84</v>
      </c>
      <c r="AQ74" s="8">
        <v>2.44</v>
      </c>
      <c r="AR74" s="8">
        <v>2.0699999999999998</v>
      </c>
      <c r="AS74" s="8">
        <v>1.65</v>
      </c>
      <c r="AT74" s="8">
        <v>1.5</v>
      </c>
      <c r="AU74" s="8">
        <v>1.71</v>
      </c>
      <c r="AV74" s="8">
        <v>1.92</v>
      </c>
      <c r="AW74" s="8">
        <v>2.12</v>
      </c>
      <c r="AX74" s="8">
        <v>2.21</v>
      </c>
      <c r="AY74" s="8">
        <v>2.0499999999999998</v>
      </c>
      <c r="AZ74" s="8">
        <v>1.72</v>
      </c>
      <c r="BA74" s="8">
        <v>1.65</v>
      </c>
      <c r="BB74" s="8">
        <v>1.85</v>
      </c>
      <c r="BC74" s="8">
        <v>2</v>
      </c>
      <c r="BD74" s="8">
        <v>2.17</v>
      </c>
    </row>
    <row r="75" spans="3:56" x14ac:dyDescent="0.2">
      <c r="C75" s="16" t="s">
        <v>84</v>
      </c>
      <c r="D75" s="6" t="s">
        <v>85</v>
      </c>
      <c r="E75" s="8">
        <v>0.4</v>
      </c>
      <c r="F75" s="8">
        <v>0.41</v>
      </c>
      <c r="G75" s="8">
        <v>0.44</v>
      </c>
      <c r="H75" s="8">
        <v>0.4</v>
      </c>
      <c r="I75" s="8">
        <v>0.39</v>
      </c>
      <c r="J75" s="10">
        <v>0.39</v>
      </c>
      <c r="K75" s="8">
        <v>0.36</v>
      </c>
      <c r="L75" s="8">
        <v>0.38</v>
      </c>
      <c r="M75" s="8">
        <v>0.45</v>
      </c>
      <c r="N75" s="8">
        <v>0.45</v>
      </c>
      <c r="O75" s="8">
        <v>0.44</v>
      </c>
      <c r="P75" s="8">
        <v>0.42</v>
      </c>
      <c r="Q75" s="8">
        <v>0.38</v>
      </c>
      <c r="R75" s="8">
        <v>0.39</v>
      </c>
      <c r="S75" s="8">
        <v>0.39</v>
      </c>
      <c r="T75" s="8">
        <v>0.39</v>
      </c>
      <c r="U75" s="8">
        <v>0.4</v>
      </c>
      <c r="V75" s="8">
        <v>0.43</v>
      </c>
      <c r="W75" s="8">
        <v>0.46</v>
      </c>
      <c r="X75" s="8">
        <v>0.43</v>
      </c>
      <c r="Y75" s="8">
        <v>0.44</v>
      </c>
      <c r="Z75" s="8">
        <v>0.45</v>
      </c>
      <c r="AA75" s="8">
        <v>0.48</v>
      </c>
      <c r="AB75" s="8">
        <v>0.5</v>
      </c>
      <c r="AC75" s="8">
        <v>0.5</v>
      </c>
      <c r="AD75" s="8">
        <v>0.46</v>
      </c>
      <c r="AE75" s="8">
        <v>0.44</v>
      </c>
      <c r="AF75" s="8">
        <v>0.44</v>
      </c>
      <c r="AG75" s="8">
        <v>0.43</v>
      </c>
      <c r="AH75" s="8">
        <v>0.42</v>
      </c>
      <c r="AI75" s="8">
        <v>0.43</v>
      </c>
      <c r="AJ75" s="8">
        <v>0.42</v>
      </c>
      <c r="AK75" s="8">
        <v>0.42</v>
      </c>
      <c r="AL75" s="8">
        <v>0.45</v>
      </c>
      <c r="AM75" s="8">
        <v>0.44</v>
      </c>
      <c r="AN75" s="8">
        <v>0.44</v>
      </c>
      <c r="AO75" s="8">
        <v>0.44</v>
      </c>
      <c r="AP75" s="8">
        <v>0.41</v>
      </c>
      <c r="AQ75" s="8">
        <v>0.4</v>
      </c>
      <c r="AR75" s="8">
        <v>0.39</v>
      </c>
      <c r="AS75" s="8">
        <v>0.39</v>
      </c>
      <c r="AT75" s="8">
        <v>0.39</v>
      </c>
      <c r="AU75" s="8">
        <v>0.36</v>
      </c>
      <c r="AV75" s="8">
        <v>0.36</v>
      </c>
      <c r="AW75" s="8">
        <v>0.41</v>
      </c>
      <c r="AX75" s="8">
        <v>0.44</v>
      </c>
      <c r="AY75" s="8">
        <v>0.46</v>
      </c>
      <c r="AZ75" s="8">
        <v>0.45</v>
      </c>
      <c r="BA75" s="8">
        <v>0.6</v>
      </c>
      <c r="BB75" s="8">
        <v>0.6</v>
      </c>
      <c r="BC75" s="8">
        <v>0.56999999999999995</v>
      </c>
      <c r="BD75" s="8">
        <v>0.55000000000000004</v>
      </c>
    </row>
    <row r="76" spans="3:56" x14ac:dyDescent="0.2">
      <c r="C76" s="16" t="s">
        <v>86</v>
      </c>
      <c r="D76" s="6" t="s">
        <v>58</v>
      </c>
      <c r="E76" s="8">
        <v>0.86</v>
      </c>
      <c r="F76" s="8">
        <v>1.26</v>
      </c>
      <c r="G76" s="8">
        <v>1.1499999999999999</v>
      </c>
      <c r="H76" s="8">
        <v>1.03</v>
      </c>
      <c r="I76" s="8">
        <v>1.27</v>
      </c>
      <c r="J76" s="10">
        <v>1.36</v>
      </c>
      <c r="K76" s="8">
        <v>1.29</v>
      </c>
      <c r="L76" s="8">
        <v>1.17</v>
      </c>
      <c r="M76" s="8">
        <v>1.53</v>
      </c>
      <c r="N76" s="8">
        <v>1.76</v>
      </c>
      <c r="O76" s="8">
        <v>1.91</v>
      </c>
      <c r="P76" s="8">
        <v>1.88</v>
      </c>
      <c r="Q76" s="8">
        <v>1.78</v>
      </c>
      <c r="R76" s="8">
        <v>1.84</v>
      </c>
      <c r="S76" s="8">
        <v>1.72</v>
      </c>
      <c r="T76" s="8">
        <v>1.71</v>
      </c>
      <c r="U76" s="8">
        <v>1.41</v>
      </c>
      <c r="V76" s="8">
        <v>1.28</v>
      </c>
      <c r="W76" s="8">
        <v>1.27</v>
      </c>
      <c r="X76" s="8">
        <v>0.82</v>
      </c>
      <c r="Y76" s="8">
        <v>0.75</v>
      </c>
      <c r="Z76" s="8">
        <v>0.71</v>
      </c>
      <c r="AA76" s="8">
        <v>0.79</v>
      </c>
      <c r="AB76" s="8">
        <v>1.02</v>
      </c>
      <c r="AC76" s="8">
        <v>1.18</v>
      </c>
      <c r="AD76" s="8">
        <v>1.1399999999999999</v>
      </c>
      <c r="AE76" s="8">
        <v>1.01</v>
      </c>
      <c r="AF76" s="8">
        <v>0.99</v>
      </c>
      <c r="AG76" s="8">
        <v>0.83</v>
      </c>
      <c r="AH76" s="8">
        <v>0.72</v>
      </c>
      <c r="AI76" s="8">
        <v>0.7</v>
      </c>
      <c r="AJ76" s="8">
        <v>0.68</v>
      </c>
      <c r="AK76" s="8">
        <v>0.71</v>
      </c>
      <c r="AL76" s="8">
        <v>0.75</v>
      </c>
      <c r="AM76" s="8">
        <v>0.84</v>
      </c>
      <c r="AN76" s="8">
        <v>1.25</v>
      </c>
      <c r="AO76" s="8">
        <v>1.1499999999999999</v>
      </c>
      <c r="AP76" s="8">
        <v>1.18</v>
      </c>
      <c r="AQ76" s="8">
        <v>1.26</v>
      </c>
      <c r="AR76" s="8">
        <v>1.18</v>
      </c>
      <c r="AS76" s="8">
        <v>1.1100000000000001</v>
      </c>
      <c r="AT76" s="8">
        <v>1.0900000000000001</v>
      </c>
      <c r="AU76" s="8">
        <v>0.81</v>
      </c>
      <c r="AV76" s="8">
        <v>0.76</v>
      </c>
      <c r="AW76" s="8">
        <v>0.73</v>
      </c>
      <c r="AX76" s="8">
        <v>0.62</v>
      </c>
      <c r="AY76" s="8">
        <v>0.59</v>
      </c>
      <c r="AZ76" s="8">
        <v>0.67</v>
      </c>
      <c r="BA76" s="8">
        <v>0.76</v>
      </c>
      <c r="BB76" s="8">
        <v>0.99</v>
      </c>
      <c r="BC76" s="8">
        <v>0.89</v>
      </c>
      <c r="BD76" s="8">
        <v>1.32</v>
      </c>
    </row>
    <row r="77" spans="3:56" x14ac:dyDescent="0.2">
      <c r="C77" s="16" t="s">
        <v>104</v>
      </c>
      <c r="D77" s="6" t="s">
        <v>58</v>
      </c>
      <c r="E77" s="8">
        <v>0.79</v>
      </c>
      <c r="F77" s="8">
        <v>0.75</v>
      </c>
      <c r="G77" s="8">
        <v>0.76</v>
      </c>
      <c r="H77" s="8">
        <v>0.71</v>
      </c>
      <c r="I77" s="8">
        <v>0.78</v>
      </c>
      <c r="J77" s="10">
        <v>0.86</v>
      </c>
      <c r="K77" s="8">
        <v>0.88</v>
      </c>
      <c r="L77" s="8">
        <v>0.72</v>
      </c>
      <c r="M77" s="8">
        <v>0.73</v>
      </c>
      <c r="N77" s="8">
        <v>0.84</v>
      </c>
      <c r="O77" s="8">
        <v>0.84</v>
      </c>
      <c r="P77" s="8">
        <v>0.97</v>
      </c>
      <c r="Q77" s="8">
        <v>1.04</v>
      </c>
      <c r="R77" s="8">
        <v>1.19</v>
      </c>
      <c r="S77" s="8">
        <v>1.34</v>
      </c>
      <c r="T77" s="8">
        <v>1.6</v>
      </c>
      <c r="U77" s="8">
        <v>1.38</v>
      </c>
      <c r="V77" s="8">
        <v>1.41</v>
      </c>
      <c r="W77" s="8">
        <v>1.29</v>
      </c>
      <c r="X77" s="8">
        <v>1.02</v>
      </c>
      <c r="Y77" s="8">
        <v>0.88</v>
      </c>
      <c r="Z77" s="8">
        <v>0.91</v>
      </c>
      <c r="AA77" s="8">
        <v>1.07</v>
      </c>
      <c r="AB77" s="8">
        <v>1.07</v>
      </c>
      <c r="AC77" s="8">
        <v>0.96</v>
      </c>
      <c r="AD77" s="8">
        <v>0.82</v>
      </c>
      <c r="AE77" s="8">
        <v>0.87</v>
      </c>
      <c r="AF77" s="8">
        <v>0.79</v>
      </c>
      <c r="AG77" s="8">
        <v>0.75</v>
      </c>
      <c r="AH77" s="8">
        <v>0.81</v>
      </c>
      <c r="AI77" s="8">
        <v>0.86</v>
      </c>
      <c r="AJ77" s="8">
        <v>0.7</v>
      </c>
      <c r="AK77" s="8">
        <v>0.71</v>
      </c>
      <c r="AL77" s="8">
        <v>0.79</v>
      </c>
      <c r="AM77" s="8">
        <v>1.06</v>
      </c>
      <c r="AN77" s="8">
        <v>0.96</v>
      </c>
      <c r="AO77" s="8">
        <v>0.97</v>
      </c>
      <c r="AP77" s="8">
        <v>1.01</v>
      </c>
      <c r="AQ77" s="8">
        <v>1.08</v>
      </c>
      <c r="AR77" s="8">
        <v>1.1299999999999999</v>
      </c>
      <c r="AS77" s="8">
        <v>1</v>
      </c>
      <c r="AT77" s="8">
        <v>0.85</v>
      </c>
      <c r="AU77" s="8">
        <v>0.78</v>
      </c>
      <c r="AV77" s="8">
        <v>0.76</v>
      </c>
      <c r="AW77" s="8">
        <v>0.76</v>
      </c>
      <c r="AX77" s="8">
        <v>0.71</v>
      </c>
      <c r="AY77" s="8">
        <v>0.74</v>
      </c>
      <c r="AZ77" s="8">
        <v>0.89</v>
      </c>
      <c r="BA77" s="8">
        <v>0.92</v>
      </c>
      <c r="BB77" s="8">
        <v>0.96</v>
      </c>
      <c r="BC77" s="8">
        <v>1.1399999999999999</v>
      </c>
      <c r="BD77" s="8">
        <v>1.18</v>
      </c>
    </row>
    <row r="78" spans="3:56" x14ac:dyDescent="0.2">
      <c r="C78" s="16" t="s">
        <v>87</v>
      </c>
      <c r="D78" s="6" t="s">
        <v>58</v>
      </c>
      <c r="E78" s="8">
        <v>0.41</v>
      </c>
      <c r="F78" s="8">
        <v>0.45</v>
      </c>
      <c r="G78" s="8">
        <v>0.47</v>
      </c>
      <c r="H78" s="8">
        <v>0.39</v>
      </c>
      <c r="I78" s="8">
        <v>0.41</v>
      </c>
      <c r="J78" s="10">
        <v>0.4</v>
      </c>
      <c r="K78" s="8">
        <v>0.41</v>
      </c>
      <c r="L78" s="8">
        <v>0.41</v>
      </c>
      <c r="M78" s="8">
        <v>0.48</v>
      </c>
      <c r="N78" s="8">
        <v>0.53</v>
      </c>
      <c r="O78" s="8">
        <v>0.52</v>
      </c>
      <c r="P78" s="8">
        <v>0.54</v>
      </c>
      <c r="Q78" s="8">
        <v>0.53</v>
      </c>
      <c r="R78" s="8">
        <v>0.5</v>
      </c>
      <c r="S78" s="8">
        <v>0.5</v>
      </c>
      <c r="T78" s="8">
        <v>0.55000000000000004</v>
      </c>
      <c r="U78" s="8">
        <v>0.56000000000000005</v>
      </c>
      <c r="V78" s="8">
        <v>0.55000000000000004</v>
      </c>
      <c r="W78" s="8">
        <v>0.5</v>
      </c>
      <c r="X78" s="8">
        <v>0.49</v>
      </c>
      <c r="Y78" s="8">
        <v>0.47</v>
      </c>
      <c r="Z78" s="8">
        <v>0.46</v>
      </c>
      <c r="AA78" s="8">
        <v>0.46</v>
      </c>
      <c r="AB78" s="8">
        <v>0.46</v>
      </c>
      <c r="AC78" s="8">
        <v>0.45</v>
      </c>
      <c r="AD78" s="8">
        <v>0.45</v>
      </c>
      <c r="AE78" s="8">
        <v>0.45</v>
      </c>
      <c r="AF78" s="8">
        <v>0.46</v>
      </c>
      <c r="AG78" s="8">
        <v>0.42</v>
      </c>
      <c r="AH78" s="8">
        <v>0.43</v>
      </c>
      <c r="AI78" s="8">
        <v>0.49</v>
      </c>
      <c r="AJ78" s="8">
        <v>0.46</v>
      </c>
      <c r="AK78" s="8">
        <v>0.42</v>
      </c>
      <c r="AL78" s="8">
        <v>0.45</v>
      </c>
      <c r="AM78" s="8">
        <v>0.46</v>
      </c>
      <c r="AN78" s="8">
        <v>0.45</v>
      </c>
      <c r="AO78" s="8">
        <v>0.45</v>
      </c>
      <c r="AP78" s="8">
        <v>0.46</v>
      </c>
      <c r="AQ78" s="8">
        <v>0.43</v>
      </c>
      <c r="AR78" s="8">
        <v>0.43</v>
      </c>
      <c r="AS78" s="8">
        <v>0.43</v>
      </c>
      <c r="AT78" s="8">
        <v>0.41</v>
      </c>
      <c r="AU78" s="8">
        <v>0.42</v>
      </c>
      <c r="AV78" s="8">
        <v>0.42</v>
      </c>
      <c r="AW78" s="8">
        <v>0.41</v>
      </c>
      <c r="AX78" s="8">
        <v>0.43</v>
      </c>
      <c r="AY78" s="8">
        <v>0.39</v>
      </c>
      <c r="AZ78" s="8">
        <v>0.41</v>
      </c>
      <c r="BA78" s="8">
        <v>0.41</v>
      </c>
      <c r="BB78" s="8">
        <v>0.43</v>
      </c>
      <c r="BC78" s="8">
        <v>0.42</v>
      </c>
      <c r="BD78" s="8">
        <v>0.43</v>
      </c>
    </row>
    <row r="79" spans="3:56" x14ac:dyDescent="0.2">
      <c r="C79" s="16" t="s">
        <v>88</v>
      </c>
      <c r="D79" s="6" t="s">
        <v>58</v>
      </c>
      <c r="E79" s="8">
        <v>0.62</v>
      </c>
      <c r="F79" s="8">
        <v>0.6</v>
      </c>
      <c r="G79" s="8">
        <v>0.62</v>
      </c>
      <c r="H79" s="8">
        <v>0.61</v>
      </c>
      <c r="I79" s="8">
        <v>0.61</v>
      </c>
      <c r="J79" s="10">
        <v>0.57999999999999996</v>
      </c>
      <c r="K79" s="8">
        <v>0.56999999999999995</v>
      </c>
      <c r="L79" s="8">
        <v>0.56000000000000005</v>
      </c>
      <c r="M79" s="8">
        <v>0.56000000000000005</v>
      </c>
      <c r="N79" s="8">
        <v>0.56000000000000005</v>
      </c>
      <c r="O79" s="8">
        <v>0.56999999999999995</v>
      </c>
      <c r="P79" s="8">
        <v>0.51</v>
      </c>
      <c r="Q79" s="8">
        <v>0.5</v>
      </c>
      <c r="R79" s="8">
        <v>0.55000000000000004</v>
      </c>
      <c r="S79" s="8">
        <v>0.54</v>
      </c>
      <c r="T79" s="8">
        <v>0.56000000000000005</v>
      </c>
      <c r="U79" s="8">
        <v>0.54</v>
      </c>
      <c r="V79" s="8">
        <v>0.55000000000000004</v>
      </c>
      <c r="W79" s="8">
        <v>0.5</v>
      </c>
      <c r="X79" s="8">
        <v>0.48</v>
      </c>
      <c r="Y79" s="8">
        <v>0.49</v>
      </c>
      <c r="Z79" s="8">
        <v>0.5</v>
      </c>
      <c r="AA79" s="8">
        <v>0.5</v>
      </c>
      <c r="AB79" s="8">
        <v>0.51</v>
      </c>
      <c r="AC79" s="8">
        <v>0.56999999999999995</v>
      </c>
      <c r="AD79" s="8">
        <v>0.56000000000000005</v>
      </c>
      <c r="AE79" s="8">
        <v>0.56999999999999995</v>
      </c>
      <c r="AF79" s="8">
        <v>0.56000000000000005</v>
      </c>
      <c r="AG79" s="8">
        <v>0.56999999999999995</v>
      </c>
      <c r="AH79" s="8">
        <v>0.57999999999999996</v>
      </c>
      <c r="AI79" s="8">
        <v>0.57999999999999996</v>
      </c>
      <c r="AJ79" s="8">
        <v>0.6</v>
      </c>
      <c r="AK79" s="8">
        <v>0.61</v>
      </c>
      <c r="AL79" s="8">
        <v>0.62</v>
      </c>
      <c r="AM79" s="8">
        <v>0.63</v>
      </c>
      <c r="AN79" s="8">
        <v>0.56000000000000005</v>
      </c>
      <c r="AO79" s="8">
        <v>0.52</v>
      </c>
      <c r="AP79" s="8">
        <v>0.56000000000000005</v>
      </c>
      <c r="AQ79" s="8">
        <v>0.56999999999999995</v>
      </c>
      <c r="AR79" s="8">
        <v>0.59</v>
      </c>
      <c r="AS79" s="8">
        <v>0.59</v>
      </c>
      <c r="AT79" s="8">
        <v>0.57999999999999996</v>
      </c>
      <c r="AU79" s="8">
        <v>0.55000000000000004</v>
      </c>
      <c r="AV79" s="8">
        <v>0.53</v>
      </c>
      <c r="AW79" s="8">
        <v>0.55000000000000004</v>
      </c>
      <c r="AX79" s="8">
        <v>0.54</v>
      </c>
      <c r="AY79" s="8">
        <v>0.53</v>
      </c>
      <c r="AZ79" s="8">
        <v>0.53</v>
      </c>
      <c r="BA79" s="8">
        <v>0.54</v>
      </c>
      <c r="BB79" s="8">
        <v>0.53</v>
      </c>
      <c r="BC79" s="8">
        <v>0.53</v>
      </c>
      <c r="BD79" s="8">
        <v>0.52</v>
      </c>
    </row>
    <row r="80" spans="3:56" x14ac:dyDescent="0.2">
      <c r="C80" s="16" t="s">
        <v>89</v>
      </c>
      <c r="D80" s="6" t="s">
        <v>58</v>
      </c>
      <c r="E80" s="8">
        <v>0.59</v>
      </c>
      <c r="F80" s="8">
        <v>0.59</v>
      </c>
      <c r="G80" s="8">
        <v>0.59</v>
      </c>
      <c r="H80" s="8">
        <v>0.59</v>
      </c>
      <c r="I80" s="8">
        <v>0.59</v>
      </c>
      <c r="J80" s="10">
        <v>0.6</v>
      </c>
      <c r="K80" s="8">
        <v>0.59</v>
      </c>
      <c r="L80" s="8">
        <v>0.59</v>
      </c>
      <c r="M80" s="8">
        <v>0.62</v>
      </c>
      <c r="N80" s="8">
        <v>0.6</v>
      </c>
      <c r="O80" s="8">
        <v>0.63</v>
      </c>
      <c r="P80" s="8">
        <v>0.62</v>
      </c>
      <c r="Q80" s="8">
        <v>0.62</v>
      </c>
      <c r="R80" s="8">
        <v>0.62</v>
      </c>
      <c r="S80" s="8">
        <v>0.61</v>
      </c>
      <c r="T80" s="8">
        <v>0.57999999999999996</v>
      </c>
      <c r="U80" s="8">
        <v>0.64</v>
      </c>
      <c r="V80" s="8">
        <v>0.63</v>
      </c>
      <c r="W80" s="8">
        <v>0.63</v>
      </c>
      <c r="X80" s="8">
        <v>0.62</v>
      </c>
      <c r="Y80" s="8">
        <v>0.61</v>
      </c>
      <c r="Z80" s="8">
        <v>0.62</v>
      </c>
      <c r="AA80" s="8">
        <v>0.62</v>
      </c>
      <c r="AB80" s="8">
        <v>0.63</v>
      </c>
      <c r="AC80" s="8">
        <v>0.63</v>
      </c>
      <c r="AD80" s="8">
        <v>0.66</v>
      </c>
      <c r="AE80" s="8">
        <v>0.67</v>
      </c>
      <c r="AF80" s="8">
        <v>0.66</v>
      </c>
      <c r="AG80" s="8">
        <v>0.71</v>
      </c>
      <c r="AH80" s="8">
        <v>0.75</v>
      </c>
      <c r="AI80" s="8">
        <v>0.73</v>
      </c>
      <c r="AJ80" s="8">
        <v>0.71</v>
      </c>
      <c r="AK80" s="8">
        <v>0.71</v>
      </c>
      <c r="AL80" s="8">
        <v>0.72</v>
      </c>
      <c r="AM80" s="8">
        <v>0.7</v>
      </c>
      <c r="AN80" s="8">
        <v>0.71</v>
      </c>
      <c r="AO80" s="8">
        <v>0.74</v>
      </c>
      <c r="AP80" s="8">
        <v>0.74</v>
      </c>
      <c r="AQ80" s="8">
        <v>0.73</v>
      </c>
      <c r="AR80" s="8">
        <v>0.74</v>
      </c>
      <c r="AS80" s="8">
        <v>0.72</v>
      </c>
      <c r="AT80" s="8">
        <v>0.74</v>
      </c>
      <c r="AU80" s="8">
        <v>0.75</v>
      </c>
      <c r="AV80" s="8">
        <v>0.75</v>
      </c>
      <c r="AW80" s="8">
        <v>0.76</v>
      </c>
      <c r="AX80" s="8">
        <v>0.74</v>
      </c>
      <c r="AY80" s="8">
        <v>0.72</v>
      </c>
      <c r="AZ80" s="8">
        <v>0.71</v>
      </c>
      <c r="BA80" s="8">
        <v>0.7</v>
      </c>
      <c r="BB80" s="8">
        <v>0.71</v>
      </c>
      <c r="BC80" s="8">
        <v>0.72</v>
      </c>
      <c r="BD80" s="8">
        <v>0.7</v>
      </c>
    </row>
    <row r="81" spans="3:56" x14ac:dyDescent="0.2">
      <c r="C81" s="18" t="s">
        <v>91</v>
      </c>
      <c r="D81" s="6" t="s">
        <v>58</v>
      </c>
      <c r="E81" s="8">
        <v>0.71</v>
      </c>
      <c r="F81" s="8">
        <v>0.67</v>
      </c>
      <c r="G81" s="8">
        <v>0.67</v>
      </c>
      <c r="H81" s="8">
        <v>0.65</v>
      </c>
      <c r="I81" s="8">
        <v>0.65</v>
      </c>
      <c r="J81" s="10">
        <v>0.62</v>
      </c>
      <c r="K81" s="8">
        <v>0.62</v>
      </c>
      <c r="L81" s="8">
        <v>0.63</v>
      </c>
      <c r="M81" s="8">
        <v>0.67</v>
      </c>
      <c r="N81" s="8"/>
      <c r="O81" s="21"/>
      <c r="P81" s="8"/>
      <c r="Q81" s="8"/>
      <c r="R81" s="8"/>
      <c r="S81" s="8"/>
      <c r="T81" s="8"/>
      <c r="U81" s="8"/>
      <c r="V81" s="8"/>
      <c r="W81" s="21"/>
      <c r="X81" s="8"/>
      <c r="Y81" s="8"/>
      <c r="Z81" s="8"/>
      <c r="AA81" s="8"/>
      <c r="AB81" s="8"/>
      <c r="AC81" s="8"/>
      <c r="AD81" s="8"/>
      <c r="AE81" s="8"/>
      <c r="AF81" s="8"/>
      <c r="AG81" s="8"/>
      <c r="AH81" s="8"/>
      <c r="AI81" s="8"/>
      <c r="AJ81" s="17"/>
      <c r="AK81" s="8"/>
      <c r="AL81" s="8"/>
      <c r="AM81" s="8"/>
      <c r="AN81" s="8"/>
      <c r="AO81" s="8"/>
      <c r="AP81" s="8">
        <v>0.74</v>
      </c>
      <c r="AQ81" s="8">
        <v>0.84</v>
      </c>
      <c r="AR81" s="8">
        <v>0.8</v>
      </c>
      <c r="AS81" s="8">
        <v>0.85</v>
      </c>
      <c r="AT81" s="8">
        <v>0.85</v>
      </c>
      <c r="AU81" s="8">
        <v>0.83</v>
      </c>
      <c r="AV81" s="8">
        <v>0.8</v>
      </c>
      <c r="AW81" s="8">
        <v>0.64</v>
      </c>
      <c r="AX81" s="8">
        <v>0.64</v>
      </c>
      <c r="AY81" s="8">
        <v>0.64</v>
      </c>
      <c r="AZ81" s="8">
        <v>0.62</v>
      </c>
      <c r="BA81" s="8">
        <v>0.67</v>
      </c>
      <c r="BB81" s="8">
        <v>0.62</v>
      </c>
      <c r="BC81" s="8">
        <v>0.62</v>
      </c>
      <c r="BD81" s="8">
        <v>0.63</v>
      </c>
    </row>
    <row r="82" spans="3:56" x14ac:dyDescent="0.2">
      <c r="C82" s="18" t="s">
        <v>93</v>
      </c>
      <c r="D82" s="6" t="s">
        <v>58</v>
      </c>
      <c r="E82" s="17"/>
      <c r="F82" s="17"/>
      <c r="G82" s="17"/>
      <c r="H82" s="22"/>
      <c r="I82" s="17"/>
      <c r="J82" s="10"/>
      <c r="K82" s="21"/>
      <c r="L82" s="21"/>
      <c r="M82" s="17"/>
      <c r="N82" s="8">
        <v>0.69</v>
      </c>
      <c r="O82" s="17">
        <v>0.67</v>
      </c>
      <c r="P82" s="8">
        <v>0.66</v>
      </c>
      <c r="Q82" s="8">
        <v>0.66</v>
      </c>
      <c r="R82" s="8">
        <v>0.66</v>
      </c>
      <c r="S82" s="8">
        <v>0.65</v>
      </c>
      <c r="T82" s="8">
        <v>0.64</v>
      </c>
      <c r="U82" s="8">
        <v>0.62</v>
      </c>
      <c r="V82" s="8">
        <v>0.59</v>
      </c>
      <c r="W82" s="8">
        <v>0.61</v>
      </c>
      <c r="X82" s="8">
        <v>0.61</v>
      </c>
      <c r="Y82" s="8">
        <v>0.61</v>
      </c>
      <c r="Z82" s="8">
        <v>0.59</v>
      </c>
      <c r="AA82" s="8">
        <v>0.57999999999999996</v>
      </c>
      <c r="AB82" s="8">
        <v>0.57999999999999996</v>
      </c>
      <c r="AC82" s="8">
        <v>0.57999999999999996</v>
      </c>
      <c r="AD82" s="8">
        <v>0.56999999999999995</v>
      </c>
      <c r="AE82" s="8">
        <v>0.57999999999999996</v>
      </c>
      <c r="AF82" s="8">
        <v>0.59</v>
      </c>
      <c r="AG82" s="8">
        <v>0.59</v>
      </c>
      <c r="AH82" s="8">
        <v>0.68</v>
      </c>
      <c r="AI82" s="8">
        <v>0.65</v>
      </c>
      <c r="AJ82" s="17">
        <v>0.66</v>
      </c>
      <c r="AK82" s="8">
        <v>0.63</v>
      </c>
      <c r="AL82" s="8">
        <v>0.63</v>
      </c>
      <c r="AM82" s="8">
        <v>0.64</v>
      </c>
      <c r="AN82" s="8">
        <v>0.63</v>
      </c>
      <c r="AO82" s="8">
        <v>0.64</v>
      </c>
      <c r="AP82" s="8"/>
      <c r="AQ82" s="17"/>
      <c r="AS82" s="17"/>
      <c r="AT82" s="17"/>
      <c r="AU82" s="17"/>
      <c r="AV82" s="17"/>
      <c r="AW82" s="17"/>
      <c r="AX82" s="8"/>
      <c r="AY82" s="8"/>
      <c r="AZ82" s="8"/>
      <c r="BA82" s="17"/>
      <c r="BB82" s="8"/>
      <c r="BC82" s="17"/>
      <c r="BD82" s="17"/>
    </row>
    <row r="83" spans="3:56" x14ac:dyDescent="0.2">
      <c r="C83" s="16" t="s">
        <v>95</v>
      </c>
      <c r="D83" s="6" t="s">
        <v>58</v>
      </c>
      <c r="E83" s="17">
        <v>0.66</v>
      </c>
      <c r="F83" s="17">
        <v>0.67</v>
      </c>
      <c r="G83" s="17">
        <v>0.67</v>
      </c>
      <c r="H83" s="17">
        <v>0.71</v>
      </c>
      <c r="I83" s="17">
        <v>0.72</v>
      </c>
      <c r="J83" s="10">
        <v>0.72</v>
      </c>
      <c r="K83" s="17">
        <v>0.72</v>
      </c>
      <c r="L83" s="17">
        <v>0.74</v>
      </c>
      <c r="M83" s="17">
        <v>0.71</v>
      </c>
      <c r="N83" s="17">
        <v>0.69</v>
      </c>
      <c r="O83" s="17">
        <v>0.74</v>
      </c>
      <c r="P83" s="17">
        <v>0.65</v>
      </c>
      <c r="Q83" s="17">
        <v>0.62</v>
      </c>
      <c r="R83" s="17">
        <v>0.64</v>
      </c>
      <c r="S83" s="17">
        <v>0.64</v>
      </c>
      <c r="T83" s="17">
        <v>0.65</v>
      </c>
      <c r="U83" s="8">
        <v>0.63</v>
      </c>
      <c r="V83" s="8">
        <v>0.6</v>
      </c>
      <c r="W83" s="17">
        <v>0.67</v>
      </c>
      <c r="X83" s="17">
        <v>0.66</v>
      </c>
      <c r="Y83" s="17">
        <v>0.75</v>
      </c>
      <c r="Z83" s="17">
        <v>0.71</v>
      </c>
      <c r="AA83" s="17">
        <v>0.66</v>
      </c>
      <c r="AB83" s="17">
        <v>0.65</v>
      </c>
      <c r="AC83" s="17">
        <v>0.64</v>
      </c>
      <c r="AD83" s="17">
        <v>0.63</v>
      </c>
      <c r="AE83" s="17">
        <v>0.66</v>
      </c>
      <c r="AF83" s="17">
        <v>0.66</v>
      </c>
      <c r="AG83" s="17">
        <v>0.66</v>
      </c>
      <c r="AH83" s="17">
        <v>0.63</v>
      </c>
      <c r="AI83" s="17">
        <v>0.88</v>
      </c>
      <c r="AJ83" s="17">
        <v>0.78</v>
      </c>
      <c r="AK83" s="17">
        <v>0.76</v>
      </c>
      <c r="AL83" s="17">
        <v>0.72</v>
      </c>
      <c r="AM83" s="17">
        <v>0.67</v>
      </c>
      <c r="AN83" s="17">
        <v>0.69</v>
      </c>
      <c r="AO83" s="17">
        <v>0.8</v>
      </c>
      <c r="AP83" s="17">
        <v>0.76</v>
      </c>
      <c r="AQ83" s="17">
        <v>0.77</v>
      </c>
      <c r="AR83" s="17">
        <v>0.74</v>
      </c>
      <c r="AS83" s="17">
        <v>0.74</v>
      </c>
      <c r="AT83" s="17">
        <v>0.75</v>
      </c>
      <c r="AU83" s="17">
        <v>0.75</v>
      </c>
      <c r="AV83" s="17">
        <v>0.75</v>
      </c>
      <c r="AW83" s="17">
        <v>0.71</v>
      </c>
      <c r="AX83" s="17">
        <v>0.7</v>
      </c>
      <c r="AY83" s="17">
        <v>0.69</v>
      </c>
      <c r="AZ83" s="17">
        <v>0.69</v>
      </c>
      <c r="BA83" s="17">
        <v>0.68</v>
      </c>
      <c r="BB83" s="8">
        <v>0.77</v>
      </c>
      <c r="BC83" s="17">
        <v>0.79</v>
      </c>
      <c r="BD83" s="17">
        <v>0.77</v>
      </c>
    </row>
    <row r="84" spans="3:56" x14ac:dyDescent="0.2">
      <c r="C84" s="23" t="s">
        <v>96</v>
      </c>
      <c r="D84" s="6" t="s">
        <v>58</v>
      </c>
      <c r="E84" s="17">
        <v>0.98</v>
      </c>
      <c r="F84" s="17">
        <v>0.92</v>
      </c>
      <c r="G84" s="17">
        <v>0.9</v>
      </c>
      <c r="H84" s="17">
        <v>0.93</v>
      </c>
      <c r="I84" s="17">
        <v>1</v>
      </c>
      <c r="J84" s="10">
        <v>1.07</v>
      </c>
      <c r="K84" s="17">
        <v>1.05</v>
      </c>
      <c r="L84" s="17">
        <v>1.02</v>
      </c>
      <c r="M84" s="17">
        <v>1.02</v>
      </c>
      <c r="N84" s="17">
        <v>1</v>
      </c>
      <c r="O84" s="17">
        <v>1.04</v>
      </c>
      <c r="P84" s="17">
        <v>1.02</v>
      </c>
      <c r="Q84" s="17">
        <v>0.96</v>
      </c>
      <c r="R84" s="17">
        <v>0.94</v>
      </c>
      <c r="S84" s="17">
        <v>0.94</v>
      </c>
      <c r="T84" s="17">
        <v>0.96</v>
      </c>
      <c r="U84" s="8">
        <v>0.97</v>
      </c>
      <c r="V84" s="8">
        <v>0.99</v>
      </c>
      <c r="W84" s="17">
        <v>1.08</v>
      </c>
      <c r="X84" s="17">
        <v>1.25</v>
      </c>
      <c r="Y84" s="17">
        <v>1.22</v>
      </c>
      <c r="Z84" s="17">
        <v>1.2</v>
      </c>
      <c r="AA84" s="17">
        <v>1.17</v>
      </c>
      <c r="AB84" s="17">
        <v>1.1499999999999999</v>
      </c>
      <c r="AC84" s="17">
        <v>1.1299999999999999</v>
      </c>
      <c r="AD84" s="17">
        <v>1.01</v>
      </c>
      <c r="AE84" s="17">
        <v>0.94</v>
      </c>
      <c r="AF84" s="17">
        <v>0.86</v>
      </c>
      <c r="AG84" s="17">
        <v>0.96</v>
      </c>
      <c r="AH84" s="17">
        <v>0.93</v>
      </c>
      <c r="AI84" s="17">
        <v>0.96</v>
      </c>
      <c r="AJ84" s="17">
        <v>1.02</v>
      </c>
      <c r="AK84" s="17">
        <v>1.02</v>
      </c>
      <c r="AL84" s="17">
        <v>1.1000000000000001</v>
      </c>
      <c r="AM84" s="17">
        <v>1.1599999999999999</v>
      </c>
      <c r="AN84" s="17">
        <v>1.1399999999999999</v>
      </c>
      <c r="AO84" s="17">
        <v>1.1200000000000001</v>
      </c>
      <c r="AP84" s="17">
        <v>1.07</v>
      </c>
      <c r="AQ84" s="17">
        <v>0.96</v>
      </c>
      <c r="AR84" s="17">
        <v>0.9</v>
      </c>
      <c r="AS84" s="17">
        <v>0.85</v>
      </c>
      <c r="AT84" s="17">
        <v>0.86</v>
      </c>
      <c r="AU84" s="17">
        <v>0.93</v>
      </c>
      <c r="AV84" s="17">
        <v>0.96</v>
      </c>
      <c r="AW84" s="17">
        <v>1.05</v>
      </c>
      <c r="AX84" s="17">
        <v>1.1599999999999999</v>
      </c>
      <c r="AY84" s="17">
        <v>1.18</v>
      </c>
      <c r="AZ84" s="17">
        <v>1.18</v>
      </c>
      <c r="BA84" s="17">
        <v>1.1299999999999999</v>
      </c>
      <c r="BB84" s="23">
        <v>1.0900000000000001</v>
      </c>
      <c r="BC84" s="17">
        <v>0.92</v>
      </c>
      <c r="BD84" s="17">
        <v>0.71</v>
      </c>
    </row>
    <row r="87" spans="3:56" x14ac:dyDescent="0.2">
      <c r="C87" s="1" t="s">
        <v>97</v>
      </c>
    </row>
    <row r="88" spans="3:56" x14ac:dyDescent="0.2">
      <c r="E88" s="2">
        <v>2006</v>
      </c>
      <c r="F88" s="1"/>
      <c r="G88" s="1"/>
      <c r="H88" s="1"/>
      <c r="I88" s="1"/>
      <c r="J88" s="1"/>
      <c r="K88" s="1"/>
      <c r="L88" s="1"/>
      <c r="M88" s="1"/>
    </row>
    <row r="89" spans="3:56" x14ac:dyDescent="0.2">
      <c r="C89" s="3" t="s">
        <v>2</v>
      </c>
      <c r="D89" s="3" t="s">
        <v>3</v>
      </c>
      <c r="E89" s="4" t="s">
        <v>15</v>
      </c>
      <c r="F89" s="4" t="s">
        <v>16</v>
      </c>
      <c r="G89" s="4" t="s">
        <v>17</v>
      </c>
      <c r="H89" s="4" t="s">
        <v>18</v>
      </c>
      <c r="I89" s="4" t="s">
        <v>19</v>
      </c>
      <c r="J89" s="4" t="s">
        <v>20</v>
      </c>
      <c r="K89" s="4" t="s">
        <v>21</v>
      </c>
      <c r="L89" s="4" t="s">
        <v>22</v>
      </c>
      <c r="M89" s="4" t="s">
        <v>23</v>
      </c>
      <c r="N89" s="4" t="s">
        <v>24</v>
      </c>
      <c r="O89" s="4" t="s">
        <v>25</v>
      </c>
      <c r="P89" s="4" t="s">
        <v>26</v>
      </c>
      <c r="Q89" s="4" t="s">
        <v>27</v>
      </c>
      <c r="R89" s="4" t="s">
        <v>28</v>
      </c>
      <c r="S89" s="4" t="s">
        <v>29</v>
      </c>
      <c r="T89" s="4" t="s">
        <v>30</v>
      </c>
      <c r="U89" s="4" t="s">
        <v>31</v>
      </c>
      <c r="V89" s="4" t="s">
        <v>32</v>
      </c>
      <c r="W89" s="4" t="s">
        <v>33</v>
      </c>
      <c r="X89" s="4" t="s">
        <v>34</v>
      </c>
      <c r="Y89" s="4" t="s">
        <v>35</v>
      </c>
      <c r="Z89" s="4" t="s">
        <v>36</v>
      </c>
      <c r="AA89" s="4" t="s">
        <v>37</v>
      </c>
      <c r="AB89" s="4" t="s">
        <v>38</v>
      </c>
      <c r="AC89" s="4" t="s">
        <v>39</v>
      </c>
      <c r="AD89" s="4" t="s">
        <v>40</v>
      </c>
      <c r="AE89" s="4" t="s">
        <v>41</v>
      </c>
      <c r="AF89" s="4" t="s">
        <v>42</v>
      </c>
      <c r="AG89" s="4" t="s">
        <v>43</v>
      </c>
      <c r="AH89" s="4" t="s">
        <v>44</v>
      </c>
      <c r="AI89" s="4" t="s">
        <v>45</v>
      </c>
      <c r="AJ89" s="4" t="s">
        <v>46</v>
      </c>
      <c r="AK89" s="4" t="s">
        <v>47</v>
      </c>
      <c r="AL89" s="4" t="s">
        <v>48</v>
      </c>
      <c r="AM89" s="4" t="s">
        <v>49</v>
      </c>
      <c r="AN89" s="4" t="s">
        <v>50</v>
      </c>
      <c r="AO89" s="4" t="s">
        <v>51</v>
      </c>
      <c r="AP89" s="4" t="s">
        <v>52</v>
      </c>
      <c r="AQ89" s="4" t="s">
        <v>53</v>
      </c>
      <c r="AR89" s="4" t="s">
        <v>54</v>
      </c>
      <c r="AS89" s="4" t="s">
        <v>55</v>
      </c>
      <c r="AT89" s="4" t="s">
        <v>4</v>
      </c>
      <c r="AU89" s="4" t="s">
        <v>5</v>
      </c>
      <c r="AV89" s="4" t="s">
        <v>6</v>
      </c>
      <c r="AW89" s="4" t="s">
        <v>7</v>
      </c>
      <c r="AX89" s="4" t="s">
        <v>8</v>
      </c>
      <c r="AY89" s="4" t="s">
        <v>9</v>
      </c>
      <c r="AZ89" s="4" t="s">
        <v>10</v>
      </c>
      <c r="BA89" s="4" t="s">
        <v>11</v>
      </c>
      <c r="BB89" s="4" t="s">
        <v>12</v>
      </c>
      <c r="BC89" s="4" t="s">
        <v>13</v>
      </c>
      <c r="BD89" s="4" t="s">
        <v>14</v>
      </c>
    </row>
    <row r="90" spans="3:56" x14ac:dyDescent="0.2">
      <c r="C90" s="5" t="s">
        <v>57</v>
      </c>
      <c r="D90" s="6" t="s">
        <v>58</v>
      </c>
      <c r="E90" s="8">
        <v>12.89</v>
      </c>
      <c r="F90" s="8">
        <v>12.93</v>
      </c>
      <c r="G90" s="8">
        <v>13.01</v>
      </c>
      <c r="H90" s="8">
        <v>13.04</v>
      </c>
      <c r="I90" s="8">
        <v>13.05</v>
      </c>
      <c r="J90" s="8">
        <v>13.06</v>
      </c>
      <c r="K90" s="8">
        <v>13.02</v>
      </c>
      <c r="L90" s="8">
        <v>12.86</v>
      </c>
      <c r="M90" s="8">
        <v>12.86</v>
      </c>
      <c r="N90" s="8">
        <v>12.94</v>
      </c>
      <c r="O90" s="8">
        <v>12.97</v>
      </c>
      <c r="P90" s="8">
        <v>12.99</v>
      </c>
      <c r="Q90" s="8">
        <v>13.04</v>
      </c>
      <c r="R90" s="8">
        <v>13.06</v>
      </c>
      <c r="S90" s="8">
        <v>13.05</v>
      </c>
      <c r="T90" s="8">
        <v>13.06</v>
      </c>
      <c r="U90" s="8">
        <v>13.07</v>
      </c>
      <c r="V90" s="8">
        <v>13.08</v>
      </c>
      <c r="W90" s="8">
        <v>13.08</v>
      </c>
      <c r="X90" s="8">
        <v>13.13</v>
      </c>
      <c r="Y90" s="8">
        <v>13.18</v>
      </c>
      <c r="Z90" s="8">
        <v>13.19</v>
      </c>
      <c r="AA90" s="8">
        <v>13.25</v>
      </c>
      <c r="AB90" s="8">
        <v>13.26</v>
      </c>
      <c r="AC90" s="8">
        <v>13.25</v>
      </c>
      <c r="AD90" s="8">
        <v>13.37</v>
      </c>
      <c r="AE90" s="8">
        <v>13.39</v>
      </c>
      <c r="AF90" s="8">
        <v>13.48</v>
      </c>
      <c r="AG90" s="8">
        <v>13.49</v>
      </c>
      <c r="AH90" s="8">
        <v>13.5</v>
      </c>
      <c r="AI90" s="8">
        <v>13.52</v>
      </c>
      <c r="AJ90" s="8">
        <v>13.51</v>
      </c>
      <c r="AK90" s="8">
        <v>13.51</v>
      </c>
      <c r="AL90" s="8">
        <v>13.53</v>
      </c>
      <c r="AM90" s="8">
        <v>13.54</v>
      </c>
      <c r="AN90" s="8">
        <v>13.53</v>
      </c>
      <c r="AO90" s="8">
        <v>13.64</v>
      </c>
      <c r="AP90" s="8">
        <v>13.71</v>
      </c>
      <c r="AQ90" s="8">
        <v>13.7</v>
      </c>
      <c r="AR90" s="8">
        <v>13.78</v>
      </c>
      <c r="AS90" s="8">
        <v>13.78</v>
      </c>
      <c r="AT90" s="8">
        <v>13.78</v>
      </c>
      <c r="AU90" s="8">
        <v>13.82</v>
      </c>
      <c r="AV90" s="8">
        <v>13.85</v>
      </c>
      <c r="AW90" s="8">
        <v>13.86</v>
      </c>
      <c r="AX90" s="8">
        <v>13.83</v>
      </c>
      <c r="AY90" s="8">
        <v>13.86</v>
      </c>
      <c r="AZ90" s="8">
        <v>13.86</v>
      </c>
      <c r="BA90" s="8">
        <v>13.86</v>
      </c>
      <c r="BB90" s="8">
        <v>13.89</v>
      </c>
      <c r="BC90" s="8">
        <v>13.93</v>
      </c>
      <c r="BD90" s="8">
        <v>13.9</v>
      </c>
    </row>
    <row r="91" spans="3:56" x14ac:dyDescent="0.2">
      <c r="C91" s="5" t="s">
        <v>59</v>
      </c>
      <c r="D91" s="6" t="s">
        <v>58</v>
      </c>
      <c r="E91" s="8">
        <v>11.62</v>
      </c>
      <c r="F91" s="8">
        <v>11.44</v>
      </c>
      <c r="G91" s="8">
        <v>11.2</v>
      </c>
      <c r="H91" s="8">
        <v>10.8</v>
      </c>
      <c r="I91" s="8">
        <v>10.65</v>
      </c>
      <c r="J91" s="8">
        <v>10.64</v>
      </c>
      <c r="K91" s="8">
        <v>10.53</v>
      </c>
      <c r="L91" s="8">
        <v>10.24</v>
      </c>
      <c r="M91" s="8">
        <v>10.17</v>
      </c>
      <c r="N91" s="8">
        <v>9.91</v>
      </c>
      <c r="O91" s="8">
        <v>9.9</v>
      </c>
      <c r="P91" s="8">
        <v>9.89</v>
      </c>
      <c r="Q91" s="8">
        <v>9.84</v>
      </c>
      <c r="R91" s="8">
        <v>9.86</v>
      </c>
      <c r="S91" s="8">
        <v>9.84</v>
      </c>
      <c r="T91" s="8">
        <v>9.77</v>
      </c>
      <c r="U91" s="8">
        <v>9.75</v>
      </c>
      <c r="V91" s="8">
        <v>9.68</v>
      </c>
      <c r="W91" s="8">
        <v>9.67</v>
      </c>
      <c r="X91" s="8">
        <v>9.65</v>
      </c>
      <c r="Y91" s="8">
        <v>9.6999999999999993</v>
      </c>
      <c r="Z91" s="8">
        <v>9.68</v>
      </c>
      <c r="AA91" s="8">
        <v>9.6199999999999992</v>
      </c>
      <c r="AB91" s="8">
        <v>9.61</v>
      </c>
      <c r="AC91" s="8">
        <v>9.6300000000000008</v>
      </c>
      <c r="AD91" s="8">
        <v>9.64</v>
      </c>
      <c r="AE91" s="8">
        <v>9.6300000000000008</v>
      </c>
      <c r="AF91" s="8">
        <v>9.64</v>
      </c>
      <c r="AG91" s="8">
        <v>9.68</v>
      </c>
      <c r="AH91" s="8">
        <v>9.68</v>
      </c>
      <c r="AI91" s="8">
        <v>9.7100000000000009</v>
      </c>
      <c r="AJ91" s="8">
        <v>9.7200000000000006</v>
      </c>
      <c r="AK91" s="8">
        <v>9.7100000000000009</v>
      </c>
      <c r="AL91" s="8">
        <v>9.81</v>
      </c>
      <c r="AM91" s="8">
        <v>9.86</v>
      </c>
      <c r="AN91" s="8">
        <v>9.99</v>
      </c>
      <c r="AO91" s="8">
        <v>10.38</v>
      </c>
      <c r="AP91" s="8">
        <v>10.42</v>
      </c>
      <c r="AQ91" s="8">
        <v>10.37</v>
      </c>
      <c r="AR91" s="8">
        <v>10.45</v>
      </c>
      <c r="AS91" s="8">
        <v>10.47</v>
      </c>
      <c r="AT91" s="8">
        <v>10.41</v>
      </c>
      <c r="AU91" s="8">
        <v>10.41</v>
      </c>
      <c r="AV91" s="8">
        <v>10.4</v>
      </c>
      <c r="AW91" s="8">
        <v>10.4</v>
      </c>
      <c r="AX91" s="8">
        <v>10.38</v>
      </c>
      <c r="AY91" s="8">
        <v>10.28</v>
      </c>
      <c r="AZ91" s="8">
        <v>10.37</v>
      </c>
      <c r="BA91" s="8">
        <v>10.37</v>
      </c>
      <c r="BB91" s="8">
        <v>10.59</v>
      </c>
      <c r="BC91" s="8">
        <v>10.61</v>
      </c>
      <c r="BD91" s="8">
        <v>10.7</v>
      </c>
    </row>
    <row r="92" spans="3:56" x14ac:dyDescent="0.2">
      <c r="C92" s="5" t="s">
        <v>60</v>
      </c>
      <c r="D92" s="6" t="s">
        <v>58</v>
      </c>
      <c r="E92" s="8">
        <v>5.55</v>
      </c>
      <c r="F92" s="8">
        <v>5.54</v>
      </c>
      <c r="G92" s="8">
        <v>5.55</v>
      </c>
      <c r="H92" s="8">
        <v>5.58</v>
      </c>
      <c r="I92" s="8">
        <v>5.56</v>
      </c>
      <c r="J92" s="8">
        <v>5.67</v>
      </c>
      <c r="K92" s="8">
        <v>5.65</v>
      </c>
      <c r="L92" s="8">
        <v>5.65</v>
      </c>
      <c r="M92" s="8">
        <v>5.65</v>
      </c>
      <c r="N92" s="8">
        <v>5.68</v>
      </c>
      <c r="O92" s="8">
        <v>5.65</v>
      </c>
      <c r="P92" s="8">
        <v>5.65</v>
      </c>
      <c r="Q92" s="8">
        <v>5.64</v>
      </c>
      <c r="R92" s="8">
        <v>5.66</v>
      </c>
      <c r="S92" s="8">
        <v>5.66</v>
      </c>
      <c r="T92" s="8">
        <v>5.66</v>
      </c>
      <c r="U92" s="8">
        <v>5.67</v>
      </c>
      <c r="V92" s="8">
        <v>5.7</v>
      </c>
      <c r="W92" s="8">
        <v>5.71</v>
      </c>
      <c r="X92" s="8">
        <v>5.72</v>
      </c>
      <c r="Y92" s="8">
        <v>5.71</v>
      </c>
      <c r="Z92" s="8">
        <v>5.71</v>
      </c>
      <c r="AA92" s="8">
        <v>5.71</v>
      </c>
      <c r="AB92" s="8">
        <v>5.73</v>
      </c>
      <c r="AC92" s="8">
        <v>5.74</v>
      </c>
      <c r="AD92" s="8">
        <v>5.73</v>
      </c>
      <c r="AE92" s="8">
        <v>5.77</v>
      </c>
      <c r="AF92" s="8">
        <v>5.81</v>
      </c>
      <c r="AG92" s="8">
        <v>5.82</v>
      </c>
      <c r="AH92" s="8">
        <v>5.81</v>
      </c>
      <c r="AI92" s="8">
        <v>5.82</v>
      </c>
      <c r="AJ92" s="8">
        <v>5.81</v>
      </c>
      <c r="AK92" s="8">
        <v>5.81</v>
      </c>
      <c r="AL92" s="8">
        <v>5.82</v>
      </c>
      <c r="AM92" s="8">
        <v>5.81</v>
      </c>
      <c r="AN92" s="8">
        <v>5.83</v>
      </c>
      <c r="AO92" s="8">
        <v>5.86</v>
      </c>
      <c r="AP92" s="8">
        <v>5.89</v>
      </c>
      <c r="AQ92" s="8">
        <v>5.9</v>
      </c>
      <c r="AR92" s="8">
        <v>5.89</v>
      </c>
      <c r="AS92" s="8">
        <v>5.89</v>
      </c>
      <c r="AT92" s="8">
        <v>5.88</v>
      </c>
      <c r="AU92" s="8">
        <v>5.9</v>
      </c>
      <c r="AV92" s="8">
        <v>5.88</v>
      </c>
      <c r="AW92" s="8">
        <v>5.87</v>
      </c>
      <c r="AX92" s="8">
        <v>5.86</v>
      </c>
      <c r="AY92" s="8">
        <v>5.86</v>
      </c>
      <c r="AZ92" s="8">
        <v>5.86</v>
      </c>
      <c r="BA92" s="8">
        <v>5.86</v>
      </c>
      <c r="BB92" s="8">
        <v>5.86</v>
      </c>
      <c r="BC92" s="8">
        <v>5.86</v>
      </c>
      <c r="BD92" s="8">
        <v>5.87</v>
      </c>
    </row>
    <row r="93" spans="3:56" x14ac:dyDescent="0.2">
      <c r="C93" s="5" t="s">
        <v>61</v>
      </c>
      <c r="D93" s="6" t="s">
        <v>58</v>
      </c>
      <c r="E93" s="8">
        <v>2.36</v>
      </c>
      <c r="F93" s="8">
        <v>2.38</v>
      </c>
      <c r="G93" s="8">
        <v>2.36</v>
      </c>
      <c r="H93" s="8">
        <v>2.41</v>
      </c>
      <c r="I93" s="8">
        <v>2.41</v>
      </c>
      <c r="J93" s="8">
        <v>2.42</v>
      </c>
      <c r="K93" s="8">
        <v>2.4300000000000002</v>
      </c>
      <c r="L93" s="8">
        <v>2.46</v>
      </c>
      <c r="M93" s="8">
        <v>2.42</v>
      </c>
      <c r="N93" s="8">
        <v>2.36</v>
      </c>
      <c r="O93" s="8">
        <v>2.2999999999999998</v>
      </c>
      <c r="P93" s="8">
        <v>2.27</v>
      </c>
      <c r="Q93" s="8">
        <v>2.27</v>
      </c>
      <c r="R93" s="8">
        <v>2.29</v>
      </c>
      <c r="S93" s="8">
        <v>2.29</v>
      </c>
      <c r="T93" s="8">
        <v>2.29</v>
      </c>
      <c r="U93" s="8">
        <v>2.3199999999999998</v>
      </c>
      <c r="V93" s="8">
        <v>2.3199999999999998</v>
      </c>
      <c r="W93" s="8">
        <v>2.33</v>
      </c>
      <c r="X93" s="8">
        <v>2.36</v>
      </c>
      <c r="Y93" s="8">
        <v>2.38</v>
      </c>
      <c r="Z93" s="8">
        <v>2.4</v>
      </c>
      <c r="AA93" s="8">
        <v>2.4300000000000002</v>
      </c>
      <c r="AB93" s="8">
        <v>2.4700000000000002</v>
      </c>
      <c r="AC93" s="8">
        <v>2.48</v>
      </c>
      <c r="AD93" s="8">
        <v>2.5299999999999998</v>
      </c>
      <c r="AE93" s="8">
        <v>2.52</v>
      </c>
      <c r="AF93" s="8">
        <v>2.54</v>
      </c>
      <c r="AG93" s="8">
        <v>2.5499999999999998</v>
      </c>
      <c r="AH93" s="8">
        <v>2.56</v>
      </c>
      <c r="AI93" s="8">
        <v>2.57</v>
      </c>
      <c r="AJ93" s="8">
        <v>2.56</v>
      </c>
      <c r="AK93" s="8">
        <v>2.56</v>
      </c>
      <c r="AL93" s="8">
        <v>2.57</v>
      </c>
      <c r="AM93" s="8">
        <v>2.58</v>
      </c>
      <c r="AN93" s="8">
        <v>2.58</v>
      </c>
      <c r="AO93" s="8">
        <v>2.5499999999999998</v>
      </c>
      <c r="AP93" s="8">
        <v>2.54</v>
      </c>
      <c r="AQ93" s="8">
        <v>2.56</v>
      </c>
      <c r="AR93" s="8">
        <v>2.54</v>
      </c>
      <c r="AS93" s="8">
        <v>2.5499999999999998</v>
      </c>
      <c r="AT93" s="8">
        <v>2.5499999999999998</v>
      </c>
      <c r="AU93" s="8">
        <v>2.57</v>
      </c>
      <c r="AV93" s="8">
        <v>2.56</v>
      </c>
      <c r="AW93" s="8">
        <v>2.57</v>
      </c>
      <c r="AX93" s="8">
        <v>2.58</v>
      </c>
      <c r="AY93" s="8">
        <v>2.59</v>
      </c>
      <c r="AZ93" s="8">
        <v>2.59</v>
      </c>
      <c r="BA93" s="8">
        <v>2.58</v>
      </c>
      <c r="BB93" s="8">
        <v>2.62</v>
      </c>
      <c r="BC93" s="8">
        <v>2.62</v>
      </c>
      <c r="BD93" s="8">
        <v>2.62</v>
      </c>
    </row>
    <row r="94" spans="3:56" x14ac:dyDescent="0.2">
      <c r="C94" s="5" t="s">
        <v>62</v>
      </c>
      <c r="D94" s="6" t="s">
        <v>58</v>
      </c>
      <c r="E94" s="8">
        <v>6.42</v>
      </c>
      <c r="F94" s="8">
        <v>6.25</v>
      </c>
      <c r="G94" s="8">
        <v>6.11</v>
      </c>
      <c r="H94" s="8">
        <v>5.97</v>
      </c>
      <c r="I94" s="8">
        <v>5.89</v>
      </c>
      <c r="J94" s="8">
        <v>5.87</v>
      </c>
      <c r="K94" s="8">
        <v>5.91</v>
      </c>
      <c r="L94" s="8">
        <v>5.89</v>
      </c>
      <c r="M94" s="8">
        <v>5.91</v>
      </c>
      <c r="N94" s="8">
        <v>5.98</v>
      </c>
      <c r="O94" s="8">
        <v>6.07</v>
      </c>
      <c r="P94" s="8">
        <v>6.08</v>
      </c>
      <c r="Q94" s="8">
        <v>6.14</v>
      </c>
      <c r="R94" s="8">
        <v>6.18</v>
      </c>
      <c r="S94" s="8">
        <v>6.18</v>
      </c>
      <c r="T94" s="8">
        <v>6.19</v>
      </c>
      <c r="U94" s="8">
        <v>6.2</v>
      </c>
      <c r="V94" s="8">
        <v>6.23</v>
      </c>
      <c r="W94" s="8">
        <v>6.22</v>
      </c>
      <c r="X94" s="8">
        <v>6.24</v>
      </c>
      <c r="Y94" s="8">
        <v>6.16</v>
      </c>
      <c r="Z94" s="8">
        <v>6.03</v>
      </c>
      <c r="AA94" s="8">
        <v>6</v>
      </c>
      <c r="AB94" s="8">
        <v>5.99</v>
      </c>
      <c r="AC94" s="8">
        <v>6.03</v>
      </c>
      <c r="AD94" s="8">
        <v>6.04</v>
      </c>
      <c r="AE94" s="8">
        <v>6.01</v>
      </c>
      <c r="AF94" s="8">
        <v>6.02</v>
      </c>
      <c r="AG94" s="8">
        <v>6</v>
      </c>
      <c r="AH94" s="8">
        <v>5.97</v>
      </c>
      <c r="AI94" s="8">
        <v>5.97</v>
      </c>
      <c r="AJ94" s="8">
        <v>5.97</v>
      </c>
      <c r="AK94" s="8">
        <v>5.97</v>
      </c>
      <c r="AL94" s="8">
        <v>6</v>
      </c>
      <c r="AM94" s="8">
        <v>6.01</v>
      </c>
      <c r="AN94" s="8">
        <v>6.06</v>
      </c>
      <c r="AO94" s="8">
        <v>6.13</v>
      </c>
      <c r="AP94" s="8">
        <v>6.14</v>
      </c>
      <c r="AQ94" s="8">
        <v>6.14</v>
      </c>
      <c r="AR94" s="8">
        <v>6.21</v>
      </c>
      <c r="AS94" s="8">
        <v>6.25</v>
      </c>
      <c r="AT94" s="8">
        <v>6.27</v>
      </c>
      <c r="AU94" s="8">
        <v>6.31</v>
      </c>
      <c r="AV94" s="8">
        <v>6.3</v>
      </c>
      <c r="AW94" s="8">
        <v>6.33</v>
      </c>
      <c r="AX94" s="8">
        <v>6.34</v>
      </c>
      <c r="AY94" s="8">
        <v>6.35</v>
      </c>
      <c r="AZ94" s="8">
        <v>6.31</v>
      </c>
      <c r="BA94" s="8">
        <v>6.27</v>
      </c>
      <c r="BB94" s="8">
        <v>6.29</v>
      </c>
      <c r="BC94" s="8">
        <v>6.23</v>
      </c>
      <c r="BD94" s="8">
        <v>6.19</v>
      </c>
    </row>
    <row r="95" spans="3:56" x14ac:dyDescent="0.2">
      <c r="C95" s="5" t="s">
        <v>63</v>
      </c>
      <c r="D95" s="6" t="s">
        <v>58</v>
      </c>
      <c r="E95" s="7">
        <v>19.809999999999999</v>
      </c>
      <c r="F95" s="8">
        <v>20.09</v>
      </c>
      <c r="G95" s="8">
        <v>19.52</v>
      </c>
      <c r="H95" s="8">
        <v>19.03</v>
      </c>
      <c r="I95" s="8">
        <v>18.59</v>
      </c>
      <c r="J95" s="8">
        <v>18.27</v>
      </c>
      <c r="K95" s="8">
        <v>18.309999999999999</v>
      </c>
      <c r="L95" s="8">
        <v>17.690000000000001</v>
      </c>
      <c r="M95" s="8">
        <v>17.93</v>
      </c>
      <c r="N95" s="7">
        <v>17.760000000000002</v>
      </c>
      <c r="O95" s="8">
        <v>17.63</v>
      </c>
      <c r="P95" s="8">
        <v>17.57</v>
      </c>
      <c r="Q95" s="8">
        <v>17.66</v>
      </c>
      <c r="R95" s="8">
        <v>17.5</v>
      </c>
      <c r="S95" s="8">
        <v>17.440000000000001</v>
      </c>
      <c r="T95" s="8">
        <v>17.2</v>
      </c>
      <c r="U95" s="8">
        <v>17.239999999999998</v>
      </c>
      <c r="V95" s="8">
        <v>17.14</v>
      </c>
      <c r="W95" s="8">
        <v>17.23</v>
      </c>
      <c r="X95" s="8">
        <v>17.78</v>
      </c>
      <c r="Y95" s="8">
        <v>17.59</v>
      </c>
      <c r="Z95" s="8">
        <v>17.649999999999999</v>
      </c>
      <c r="AA95" s="8">
        <v>17.72</v>
      </c>
      <c r="AB95" s="8">
        <v>17.579999999999998</v>
      </c>
      <c r="AC95" s="8">
        <v>17.489999999999998</v>
      </c>
      <c r="AD95" s="8">
        <v>16.760000000000002</v>
      </c>
      <c r="AE95" s="8">
        <v>16.899999999999999</v>
      </c>
      <c r="AF95" s="8">
        <v>16.88</v>
      </c>
      <c r="AG95" s="8">
        <v>16.63</v>
      </c>
      <c r="AH95" s="8">
        <v>16.579999999999998</v>
      </c>
      <c r="AI95" s="7">
        <v>16.48</v>
      </c>
      <c r="AJ95" s="7">
        <v>16.43</v>
      </c>
      <c r="AK95" s="7">
        <v>16.41</v>
      </c>
      <c r="AL95" s="7">
        <v>16.63</v>
      </c>
      <c r="AM95" s="7">
        <v>16.670000000000002</v>
      </c>
      <c r="AN95" s="8">
        <v>16.95</v>
      </c>
      <c r="AO95" s="8">
        <v>17.54</v>
      </c>
      <c r="AP95" s="8">
        <v>17</v>
      </c>
      <c r="AQ95" s="8">
        <v>17.13</v>
      </c>
      <c r="AR95" s="8">
        <v>17.25</v>
      </c>
      <c r="AS95" s="8">
        <v>17.59</v>
      </c>
      <c r="AT95" s="8">
        <v>17.47</v>
      </c>
      <c r="AU95" s="8">
        <v>17.46</v>
      </c>
      <c r="AV95" s="8">
        <v>17.059999999999999</v>
      </c>
      <c r="AW95" s="8">
        <v>16.940000000000001</v>
      </c>
      <c r="AX95" s="8">
        <v>16.989999999999998</v>
      </c>
      <c r="AY95" s="8">
        <v>16.88</v>
      </c>
      <c r="AZ95" s="7">
        <v>16.98</v>
      </c>
      <c r="BA95" s="8">
        <v>17</v>
      </c>
      <c r="BB95" s="8">
        <v>17.079999999999998</v>
      </c>
      <c r="BC95" s="8">
        <v>18.97</v>
      </c>
      <c r="BD95" s="8">
        <v>19.39</v>
      </c>
    </row>
    <row r="96" spans="3:56" x14ac:dyDescent="0.2">
      <c r="C96" s="5" t="s">
        <v>64</v>
      </c>
      <c r="D96" s="6" t="s">
        <v>58</v>
      </c>
      <c r="E96" s="7">
        <v>11.71</v>
      </c>
      <c r="F96" s="8">
        <v>11.51</v>
      </c>
      <c r="G96" s="8">
        <v>11.06</v>
      </c>
      <c r="H96" s="8">
        <v>10.7</v>
      </c>
      <c r="I96" s="8">
        <v>10.51</v>
      </c>
      <c r="J96" s="8">
        <v>10.35</v>
      </c>
      <c r="K96" s="8">
        <v>10.28</v>
      </c>
      <c r="L96" s="8">
        <v>10.28</v>
      </c>
      <c r="M96" s="8">
        <v>10.33</v>
      </c>
      <c r="N96" s="7">
        <v>10.15</v>
      </c>
      <c r="O96" s="8">
        <v>10.4</v>
      </c>
      <c r="P96" s="8">
        <v>10.4</v>
      </c>
      <c r="Q96" s="8">
        <v>10.47</v>
      </c>
      <c r="R96" s="8">
        <v>10.57</v>
      </c>
      <c r="S96" s="8">
        <v>10.63</v>
      </c>
      <c r="T96" s="8">
        <v>10.57</v>
      </c>
      <c r="U96" s="8">
        <v>10.74</v>
      </c>
      <c r="V96" s="8">
        <v>10.84</v>
      </c>
      <c r="W96" s="8">
        <v>10.91</v>
      </c>
      <c r="X96" s="8">
        <v>10.73</v>
      </c>
      <c r="Y96" s="8">
        <v>10.38</v>
      </c>
      <c r="Z96" s="8">
        <v>10.36</v>
      </c>
      <c r="AA96" s="8">
        <v>10.46</v>
      </c>
      <c r="AB96" s="8">
        <v>10.28</v>
      </c>
      <c r="AC96" s="8">
        <v>10.37</v>
      </c>
      <c r="AD96" s="8">
        <v>10.42</v>
      </c>
      <c r="AE96" s="8">
        <v>10.49</v>
      </c>
      <c r="AF96" s="8">
        <v>10.47</v>
      </c>
      <c r="AG96" s="8">
        <v>10.61</v>
      </c>
      <c r="AH96" s="8">
        <v>10.57</v>
      </c>
      <c r="AI96" s="7">
        <v>10.58</v>
      </c>
      <c r="AJ96" s="7">
        <v>10.6</v>
      </c>
      <c r="AK96" s="7">
        <v>10.59</v>
      </c>
      <c r="AL96" s="7">
        <v>10.65</v>
      </c>
      <c r="AM96" s="7">
        <v>10.68</v>
      </c>
      <c r="AN96" s="8">
        <v>10.71</v>
      </c>
      <c r="AO96" s="8">
        <v>10.83</v>
      </c>
      <c r="AP96" s="8">
        <v>10.91</v>
      </c>
      <c r="AQ96" s="8">
        <v>11.07</v>
      </c>
      <c r="AR96" s="8">
        <v>10.98</v>
      </c>
      <c r="AS96" s="8">
        <v>10.9</v>
      </c>
      <c r="AT96" s="8">
        <v>10.85</v>
      </c>
      <c r="AU96" s="8">
        <v>10.75</v>
      </c>
      <c r="AV96" s="8">
        <v>10.72</v>
      </c>
      <c r="AW96" s="8">
        <v>10.8</v>
      </c>
      <c r="AX96" s="8">
        <v>10.97</v>
      </c>
      <c r="AY96" s="8">
        <v>11.01</v>
      </c>
      <c r="AZ96" s="7">
        <v>11.09</v>
      </c>
      <c r="BA96" s="8">
        <v>11.12</v>
      </c>
      <c r="BB96" s="8">
        <v>11.45</v>
      </c>
      <c r="BC96" s="8">
        <v>12.02</v>
      </c>
      <c r="BD96" s="8">
        <v>12.14</v>
      </c>
    </row>
    <row r="97" spans="3:56" x14ac:dyDescent="0.2">
      <c r="C97" s="5" t="s">
        <v>65</v>
      </c>
      <c r="D97" s="6" t="s">
        <v>58</v>
      </c>
      <c r="E97" s="7">
        <v>3.55</v>
      </c>
      <c r="F97" s="8">
        <v>3.56</v>
      </c>
      <c r="G97" s="8">
        <v>3.49</v>
      </c>
      <c r="H97" s="8">
        <v>3.51</v>
      </c>
      <c r="I97" s="8">
        <v>3.56</v>
      </c>
      <c r="J97" s="8">
        <v>3.46</v>
      </c>
      <c r="K97" s="8">
        <v>3.42</v>
      </c>
      <c r="L97" s="8">
        <v>3.46</v>
      </c>
      <c r="M97" s="8">
        <v>3.37</v>
      </c>
      <c r="N97" s="7">
        <v>3.39</v>
      </c>
      <c r="O97" s="8">
        <v>3.34</v>
      </c>
      <c r="P97" s="8">
        <v>3.33</v>
      </c>
      <c r="Q97" s="8">
        <v>3.33</v>
      </c>
      <c r="R97" s="8">
        <v>3.3</v>
      </c>
      <c r="S97" s="8">
        <v>3.42</v>
      </c>
      <c r="T97" s="8">
        <v>3.36</v>
      </c>
      <c r="U97" s="8">
        <v>3.4</v>
      </c>
      <c r="V97" s="8">
        <v>3.33</v>
      </c>
      <c r="W97" s="8">
        <v>3.23</v>
      </c>
      <c r="X97" s="8">
        <v>3.28</v>
      </c>
      <c r="Y97" s="8">
        <v>3.32</v>
      </c>
      <c r="Z97" s="8">
        <v>3.31</v>
      </c>
      <c r="AA97" s="8">
        <v>3.39</v>
      </c>
      <c r="AB97" s="8">
        <v>3.38</v>
      </c>
      <c r="AC97" s="8">
        <v>3.35</v>
      </c>
      <c r="AD97" s="8">
        <v>3.39</v>
      </c>
      <c r="AE97" s="8">
        <v>3.38</v>
      </c>
      <c r="AF97" s="8">
        <v>3.38</v>
      </c>
      <c r="AG97" s="8">
        <v>3.45</v>
      </c>
      <c r="AH97" s="8">
        <v>3.43</v>
      </c>
      <c r="AI97" s="7">
        <v>3.42</v>
      </c>
      <c r="AJ97" s="7">
        <v>3.45</v>
      </c>
      <c r="AK97" s="7">
        <v>3.43</v>
      </c>
      <c r="AL97" s="7">
        <v>3.44</v>
      </c>
      <c r="AM97" s="7">
        <v>3.4</v>
      </c>
      <c r="AN97" s="8">
        <v>3.38</v>
      </c>
      <c r="AO97" s="8">
        <v>3.33</v>
      </c>
      <c r="AP97" s="8">
        <v>3.28</v>
      </c>
      <c r="AQ97" s="8">
        <v>3.35</v>
      </c>
      <c r="AR97" s="8">
        <v>3.28</v>
      </c>
      <c r="AS97" s="8">
        <v>3.35</v>
      </c>
      <c r="AT97" s="8">
        <v>3.42</v>
      </c>
      <c r="AU97" s="8">
        <v>3.4</v>
      </c>
      <c r="AV97" s="8">
        <v>3.39</v>
      </c>
      <c r="AW97" s="8">
        <v>3.41</v>
      </c>
      <c r="AX97" s="8">
        <v>3.4</v>
      </c>
      <c r="AY97" s="8">
        <v>3.41</v>
      </c>
      <c r="AZ97" s="7">
        <v>3.36</v>
      </c>
      <c r="BA97" s="8">
        <v>3.38</v>
      </c>
      <c r="BB97" s="8">
        <v>3.46</v>
      </c>
      <c r="BC97" s="8">
        <v>3.42</v>
      </c>
      <c r="BD97" s="8">
        <v>3.45</v>
      </c>
    </row>
    <row r="98" spans="3:56" x14ac:dyDescent="0.2">
      <c r="C98" s="5" t="s">
        <v>66</v>
      </c>
      <c r="D98" s="6" t="s">
        <v>58</v>
      </c>
      <c r="E98" s="7">
        <v>8.15</v>
      </c>
      <c r="F98" s="8">
        <v>8.16</v>
      </c>
      <c r="G98" s="8">
        <v>7.66</v>
      </c>
      <c r="H98" s="8">
        <v>7.61</v>
      </c>
      <c r="I98" s="8">
        <v>7.9</v>
      </c>
      <c r="J98" s="8">
        <v>8.1999999999999993</v>
      </c>
      <c r="K98" s="8">
        <v>8.1300000000000008</v>
      </c>
      <c r="L98" s="8">
        <v>8.08</v>
      </c>
      <c r="M98" s="8">
        <v>8.18</v>
      </c>
      <c r="N98" s="7">
        <v>8.27</v>
      </c>
      <c r="O98" s="8">
        <v>7.86</v>
      </c>
      <c r="P98" s="8">
        <v>7.74</v>
      </c>
      <c r="Q98" s="8">
        <v>7.53</v>
      </c>
      <c r="R98" s="8">
        <v>7.38</v>
      </c>
      <c r="S98" s="8">
        <v>7.79</v>
      </c>
      <c r="T98" s="8">
        <v>7.92</v>
      </c>
      <c r="U98" s="8">
        <v>7.65</v>
      </c>
      <c r="V98" s="8">
        <v>7.73</v>
      </c>
      <c r="W98" s="8">
        <v>7.53</v>
      </c>
      <c r="X98" s="8">
        <v>7.49</v>
      </c>
      <c r="Y98" s="8">
        <v>7.53</v>
      </c>
      <c r="Z98" s="8">
        <v>7.27</v>
      </c>
      <c r="AA98" s="8">
        <v>7.44</v>
      </c>
      <c r="AB98" s="8">
        <v>7.34</v>
      </c>
      <c r="AC98" s="8">
        <v>7.11</v>
      </c>
      <c r="AD98" s="8">
        <v>7.01</v>
      </c>
      <c r="AE98" s="8">
        <v>6.95</v>
      </c>
      <c r="AF98" s="8">
        <v>7.25</v>
      </c>
      <c r="AG98" s="8">
        <v>7.5</v>
      </c>
      <c r="AH98" s="8">
        <v>7.51</v>
      </c>
      <c r="AI98" s="7">
        <v>7.54</v>
      </c>
      <c r="AJ98" s="7">
        <v>7.55</v>
      </c>
      <c r="AK98" s="7">
        <v>7.55</v>
      </c>
      <c r="AL98" s="7">
        <v>7.67</v>
      </c>
      <c r="AM98" s="7">
        <v>7.74</v>
      </c>
      <c r="AN98" s="8">
        <v>7.39</v>
      </c>
      <c r="AO98" s="8">
        <v>6.88</v>
      </c>
      <c r="AP98" s="8">
        <v>7.19</v>
      </c>
      <c r="AQ98" s="8">
        <v>7.22</v>
      </c>
      <c r="AR98" s="8">
        <v>7.06</v>
      </c>
      <c r="AS98" s="8">
        <v>7.23</v>
      </c>
      <c r="AT98" s="8">
        <v>7.01</v>
      </c>
      <c r="AU98" s="8">
        <v>7.05</v>
      </c>
      <c r="AV98" s="8">
        <v>7.18</v>
      </c>
      <c r="AW98" s="8">
        <v>7.05</v>
      </c>
      <c r="AX98" s="8">
        <v>7.14</v>
      </c>
      <c r="AY98" s="8">
        <v>7</v>
      </c>
      <c r="AZ98" s="7">
        <v>7.06</v>
      </c>
      <c r="BA98" s="8">
        <v>6.99</v>
      </c>
      <c r="BB98" s="8">
        <v>7.3</v>
      </c>
      <c r="BC98" s="8">
        <v>7.21</v>
      </c>
      <c r="BD98" s="8">
        <v>7.48</v>
      </c>
    </row>
    <row r="99" spans="3:56" x14ac:dyDescent="0.2">
      <c r="C99" s="5" t="s">
        <v>67</v>
      </c>
      <c r="D99" s="6" t="s">
        <v>58</v>
      </c>
      <c r="E99" s="7">
        <v>13.52</v>
      </c>
      <c r="F99" s="8">
        <v>13.26</v>
      </c>
      <c r="G99" s="8">
        <v>12.66</v>
      </c>
      <c r="H99" s="8">
        <v>12.95</v>
      </c>
      <c r="I99" s="8">
        <v>12.81</v>
      </c>
      <c r="J99" s="8">
        <v>12.39</v>
      </c>
      <c r="K99" s="8">
        <v>12.21</v>
      </c>
      <c r="L99" s="8">
        <v>12.07</v>
      </c>
      <c r="M99" s="8">
        <v>12.54</v>
      </c>
      <c r="N99" s="7">
        <v>12.49</v>
      </c>
      <c r="O99" s="8">
        <v>12.43</v>
      </c>
      <c r="P99" s="8">
        <v>12.42</v>
      </c>
      <c r="Q99" s="8">
        <v>12.2</v>
      </c>
      <c r="R99" s="8">
        <v>12.17</v>
      </c>
      <c r="S99" s="8">
        <v>12.41</v>
      </c>
      <c r="T99" s="8">
        <v>12.54</v>
      </c>
      <c r="U99" s="8">
        <v>12.15</v>
      </c>
      <c r="V99" s="8">
        <v>12.07</v>
      </c>
      <c r="W99" s="8">
        <v>12.08</v>
      </c>
      <c r="X99" s="8">
        <v>12</v>
      </c>
      <c r="Y99" s="8">
        <v>12.01</v>
      </c>
      <c r="Z99" s="8">
        <v>12</v>
      </c>
      <c r="AA99" s="8">
        <v>12.16</v>
      </c>
      <c r="AB99" s="8">
        <v>12.33</v>
      </c>
      <c r="AC99" s="8">
        <v>12.51</v>
      </c>
      <c r="AD99" s="8">
        <v>12.09</v>
      </c>
      <c r="AE99" s="8">
        <v>11.78</v>
      </c>
      <c r="AF99" s="8">
        <v>11.66</v>
      </c>
      <c r="AG99" s="8">
        <v>11.89</v>
      </c>
      <c r="AH99" s="8">
        <v>11.76</v>
      </c>
      <c r="AI99" s="7">
        <v>11.75</v>
      </c>
      <c r="AJ99" s="7">
        <v>11.74</v>
      </c>
      <c r="AK99" s="7">
        <v>11.71</v>
      </c>
      <c r="AL99" s="7">
        <v>11.82</v>
      </c>
      <c r="AM99" s="7">
        <v>11.8</v>
      </c>
      <c r="AN99" s="8">
        <v>11.7</v>
      </c>
      <c r="AO99" s="8">
        <v>12.12</v>
      </c>
      <c r="AP99" s="8">
        <v>12.09</v>
      </c>
      <c r="AQ99" s="8">
        <v>12.42</v>
      </c>
      <c r="AR99" s="8">
        <v>12.6</v>
      </c>
      <c r="AS99" s="8">
        <v>12.13</v>
      </c>
      <c r="AT99" s="8">
        <v>12.09</v>
      </c>
      <c r="AU99" s="8">
        <v>12.24</v>
      </c>
      <c r="AV99" s="8">
        <v>12.07</v>
      </c>
      <c r="AW99" s="8">
        <v>12.19</v>
      </c>
      <c r="AX99" s="8">
        <v>12.07</v>
      </c>
      <c r="AY99" s="8">
        <v>12.29</v>
      </c>
      <c r="AZ99" s="7">
        <v>12.31</v>
      </c>
      <c r="BA99" s="8">
        <v>12.26</v>
      </c>
      <c r="BB99" s="8">
        <v>13.88</v>
      </c>
      <c r="BC99" s="8">
        <v>14.98</v>
      </c>
      <c r="BD99" s="8">
        <v>14.93</v>
      </c>
    </row>
    <row r="100" spans="3:56" x14ac:dyDescent="0.2">
      <c r="C100" s="5" t="s">
        <v>68</v>
      </c>
      <c r="D100" s="6" t="s">
        <v>58</v>
      </c>
      <c r="E100" s="7">
        <v>4.8899999999999997</v>
      </c>
      <c r="F100" s="8">
        <v>4.8600000000000003</v>
      </c>
      <c r="G100" s="8">
        <v>4.91</v>
      </c>
      <c r="H100" s="8">
        <v>4.91</v>
      </c>
      <c r="I100" s="8">
        <v>4.9400000000000004</v>
      </c>
      <c r="J100" s="8">
        <v>4.91</v>
      </c>
      <c r="K100" s="8">
        <v>4.8899999999999997</v>
      </c>
      <c r="L100" s="8">
        <v>4.8600000000000003</v>
      </c>
      <c r="M100" s="8">
        <v>4.91</v>
      </c>
      <c r="N100" s="7">
        <v>4.8600000000000003</v>
      </c>
      <c r="O100" s="8">
        <v>4.8600000000000003</v>
      </c>
      <c r="P100" s="8">
        <v>4.74</v>
      </c>
      <c r="Q100" s="8">
        <v>4.6399999999999997</v>
      </c>
      <c r="R100" s="8">
        <v>4.67</v>
      </c>
      <c r="S100" s="8">
        <v>4.83</v>
      </c>
      <c r="T100" s="8">
        <v>4.63</v>
      </c>
      <c r="U100" s="8">
        <v>4.5999999999999996</v>
      </c>
      <c r="V100" s="8">
        <v>4.59</v>
      </c>
      <c r="W100" s="8">
        <v>4.54</v>
      </c>
      <c r="X100" s="8">
        <v>4.37</v>
      </c>
      <c r="Y100" s="8">
        <v>4.4800000000000004</v>
      </c>
      <c r="Z100" s="8">
        <v>4.4000000000000004</v>
      </c>
      <c r="AA100" s="8">
        <v>4.47</v>
      </c>
      <c r="AB100" s="8">
        <v>4.37</v>
      </c>
      <c r="AC100" s="8">
        <v>4.41</v>
      </c>
      <c r="AD100" s="8">
        <v>4.33</v>
      </c>
      <c r="AE100" s="8">
        <v>4.2699999999999996</v>
      </c>
      <c r="AF100" s="8">
        <v>4.47</v>
      </c>
      <c r="AG100" s="8">
        <v>4.41</v>
      </c>
      <c r="AH100" s="8">
        <v>4.37</v>
      </c>
      <c r="AI100" s="7">
        <v>4.33</v>
      </c>
      <c r="AJ100" s="7">
        <v>4.38</v>
      </c>
      <c r="AK100" s="7">
        <v>4.37</v>
      </c>
      <c r="AL100" s="7">
        <v>4.3899999999999997</v>
      </c>
      <c r="AM100" s="7">
        <v>4.34</v>
      </c>
      <c r="AN100" s="8">
        <v>4.32</v>
      </c>
      <c r="AO100" s="8">
        <v>4.33</v>
      </c>
      <c r="AP100" s="8">
        <v>4.25</v>
      </c>
      <c r="AQ100" s="8">
        <v>4.3499999999999996</v>
      </c>
      <c r="AR100" s="8">
        <v>4.45</v>
      </c>
      <c r="AS100" s="8">
        <v>4.4400000000000004</v>
      </c>
      <c r="AT100" s="8">
        <v>4.41</v>
      </c>
      <c r="AU100" s="8">
        <v>4.46</v>
      </c>
      <c r="AV100" s="8">
        <v>4.43</v>
      </c>
      <c r="AW100" s="8">
        <v>4.41</v>
      </c>
      <c r="AX100" s="8">
        <v>4.32</v>
      </c>
      <c r="AY100" s="8">
        <v>4.3600000000000003</v>
      </c>
      <c r="AZ100" s="7">
        <v>4.33</v>
      </c>
      <c r="BA100" s="8">
        <v>4.38</v>
      </c>
      <c r="BB100" s="8">
        <v>4.4000000000000004</v>
      </c>
      <c r="BC100" s="8">
        <v>4.43</v>
      </c>
      <c r="BD100" s="8">
        <v>4.42</v>
      </c>
    </row>
    <row r="101" spans="3:56" x14ac:dyDescent="0.2">
      <c r="C101" s="5" t="s">
        <v>69</v>
      </c>
      <c r="D101" s="6" t="s">
        <v>58</v>
      </c>
      <c r="E101" s="7">
        <v>3.68</v>
      </c>
      <c r="F101" s="8">
        <v>3.71</v>
      </c>
      <c r="G101" s="8">
        <v>3.59</v>
      </c>
      <c r="H101" s="8">
        <v>3.58</v>
      </c>
      <c r="I101" s="8">
        <v>3.65</v>
      </c>
      <c r="J101" s="8">
        <v>3.64</v>
      </c>
      <c r="K101" s="8">
        <v>3.59</v>
      </c>
      <c r="L101" s="8">
        <v>3.5</v>
      </c>
      <c r="M101" s="8">
        <v>3.46</v>
      </c>
      <c r="N101" s="7">
        <v>3.52</v>
      </c>
      <c r="O101" s="8">
        <v>3.5</v>
      </c>
      <c r="P101" s="8">
        <v>3.48</v>
      </c>
      <c r="Q101" s="8">
        <v>3.5</v>
      </c>
      <c r="R101" s="8">
        <v>3.43</v>
      </c>
      <c r="S101" s="8">
        <v>3.49</v>
      </c>
      <c r="T101" s="8">
        <v>3.43</v>
      </c>
      <c r="U101" s="8">
        <v>3.5</v>
      </c>
      <c r="V101" s="8">
        <v>3.48</v>
      </c>
      <c r="W101" s="8">
        <v>3.47</v>
      </c>
      <c r="X101" s="8">
        <v>3.45</v>
      </c>
      <c r="Y101" s="8">
        <v>3.51</v>
      </c>
      <c r="Z101" s="8">
        <v>3.45</v>
      </c>
      <c r="AA101" s="8">
        <v>3.49</v>
      </c>
      <c r="AB101" s="8">
        <v>3.47</v>
      </c>
      <c r="AC101" s="8">
        <v>3.43</v>
      </c>
      <c r="AD101" s="8">
        <v>3.4</v>
      </c>
      <c r="AE101" s="8">
        <v>3.46</v>
      </c>
      <c r="AF101" s="8">
        <v>3.44</v>
      </c>
      <c r="AG101" s="8">
        <v>3.48</v>
      </c>
      <c r="AH101" s="8">
        <v>3.45</v>
      </c>
      <c r="AI101" s="7">
        <v>3.43</v>
      </c>
      <c r="AJ101" s="7">
        <v>3.45</v>
      </c>
      <c r="AK101" s="7">
        <v>3.45</v>
      </c>
      <c r="AL101" s="7">
        <v>3.47</v>
      </c>
      <c r="AM101" s="7">
        <v>3.49</v>
      </c>
      <c r="AN101" s="8">
        <v>3.46</v>
      </c>
      <c r="AO101" s="8">
        <v>3.45</v>
      </c>
      <c r="AP101" s="8">
        <v>3.47</v>
      </c>
      <c r="AQ101" s="8">
        <v>3.54</v>
      </c>
      <c r="AR101" s="8">
        <v>3.53</v>
      </c>
      <c r="AS101" s="8">
        <v>3.54</v>
      </c>
      <c r="AT101" s="8">
        <v>3.55</v>
      </c>
      <c r="AU101" s="8">
        <v>3.56</v>
      </c>
      <c r="AV101" s="8">
        <v>3.59</v>
      </c>
      <c r="AW101" s="8">
        <v>3.62</v>
      </c>
      <c r="AX101" s="8">
        <v>3.53</v>
      </c>
      <c r="AY101" s="8">
        <v>3.58</v>
      </c>
      <c r="AZ101" s="7">
        <v>3.76</v>
      </c>
      <c r="BA101" s="8">
        <v>3.76</v>
      </c>
      <c r="BB101" s="8">
        <v>3.86</v>
      </c>
      <c r="BC101" s="8">
        <v>3.9</v>
      </c>
      <c r="BD101" s="8">
        <v>3.93</v>
      </c>
    </row>
    <row r="102" spans="3:56" x14ac:dyDescent="0.2">
      <c r="C102" s="5" t="s">
        <v>70</v>
      </c>
      <c r="D102" s="6" t="s">
        <v>58</v>
      </c>
      <c r="E102" s="7">
        <v>4.07</v>
      </c>
      <c r="F102" s="8">
        <v>4</v>
      </c>
      <c r="G102" s="8">
        <v>4.0199999999999996</v>
      </c>
      <c r="H102" s="8">
        <v>4.01</v>
      </c>
      <c r="I102" s="8">
        <v>3.94</v>
      </c>
      <c r="J102" s="8">
        <v>3.87</v>
      </c>
      <c r="K102" s="8">
        <v>3.87</v>
      </c>
      <c r="L102" s="8">
        <v>3.73</v>
      </c>
      <c r="M102" s="8">
        <v>3.73</v>
      </c>
      <c r="N102" s="7">
        <v>3.59</v>
      </c>
      <c r="O102" s="8">
        <v>3.59</v>
      </c>
      <c r="P102" s="8">
        <v>3.55</v>
      </c>
      <c r="Q102" s="8">
        <v>3.57</v>
      </c>
      <c r="R102" s="8">
        <v>3.56</v>
      </c>
      <c r="S102" s="8">
        <v>3.5</v>
      </c>
      <c r="T102" s="8">
        <v>3.53</v>
      </c>
      <c r="U102" s="8">
        <v>3.56</v>
      </c>
      <c r="V102" s="8">
        <v>3.54</v>
      </c>
      <c r="W102" s="8">
        <v>3.6</v>
      </c>
      <c r="X102" s="8">
        <v>3.52</v>
      </c>
      <c r="Y102" s="8">
        <v>3.56</v>
      </c>
      <c r="Z102" s="8">
        <v>3.57</v>
      </c>
      <c r="AA102" s="8">
        <v>3.75</v>
      </c>
      <c r="AB102" s="8">
        <v>3.66</v>
      </c>
      <c r="AC102" s="8">
        <v>3.7</v>
      </c>
      <c r="AD102" s="8">
        <v>3.59</v>
      </c>
      <c r="AE102" s="8">
        <v>3.63</v>
      </c>
      <c r="AF102" s="8">
        <v>3.8</v>
      </c>
      <c r="AG102" s="8">
        <v>3.79</v>
      </c>
      <c r="AH102" s="8">
        <v>3.81</v>
      </c>
      <c r="AI102" s="24">
        <v>3.87</v>
      </c>
      <c r="AJ102" s="24">
        <v>3.85</v>
      </c>
      <c r="AK102" s="24">
        <v>3.85</v>
      </c>
      <c r="AL102" s="24">
        <v>3.85</v>
      </c>
      <c r="AM102" s="24">
        <v>3.89</v>
      </c>
      <c r="AN102" s="8">
        <v>3.85</v>
      </c>
      <c r="AO102" s="8">
        <v>3.92</v>
      </c>
      <c r="AP102" s="8">
        <v>3.88</v>
      </c>
      <c r="AQ102" s="8">
        <v>3.9</v>
      </c>
      <c r="AR102" s="8">
        <v>3.88</v>
      </c>
      <c r="AS102" s="8">
        <v>3.88</v>
      </c>
      <c r="AT102" s="8">
        <v>3.8</v>
      </c>
      <c r="AU102" s="8">
        <v>3.85</v>
      </c>
      <c r="AV102" s="8">
        <v>3.76</v>
      </c>
      <c r="AW102" s="8">
        <v>3.8</v>
      </c>
      <c r="AX102" s="8">
        <v>3.75</v>
      </c>
      <c r="AY102" s="8">
        <v>3.73</v>
      </c>
      <c r="AZ102" s="24">
        <v>3.97</v>
      </c>
      <c r="BA102" s="8">
        <v>3.77</v>
      </c>
      <c r="BB102" s="8">
        <v>3.84</v>
      </c>
      <c r="BC102" s="8">
        <v>3.83</v>
      </c>
      <c r="BD102" s="8">
        <v>3.84</v>
      </c>
    </row>
    <row r="103" spans="3:56" x14ac:dyDescent="0.2">
      <c r="C103" s="5" t="s">
        <v>71</v>
      </c>
      <c r="D103" s="6" t="s">
        <v>58</v>
      </c>
      <c r="E103" s="7">
        <v>4.46</v>
      </c>
      <c r="F103" s="8">
        <v>4.53</v>
      </c>
      <c r="G103" s="8">
        <v>4.5</v>
      </c>
      <c r="H103" s="8">
        <v>4.49</v>
      </c>
      <c r="I103" s="8">
        <v>4.49</v>
      </c>
      <c r="J103" s="8">
        <v>4.53</v>
      </c>
      <c r="K103" s="8">
        <v>4.51</v>
      </c>
      <c r="L103" s="8">
        <v>4.53</v>
      </c>
      <c r="M103" s="8">
        <v>4.5</v>
      </c>
      <c r="N103" s="7">
        <v>4.53</v>
      </c>
      <c r="O103" s="8">
        <v>4.5599999999999996</v>
      </c>
      <c r="P103" s="8">
        <v>4.5599999999999996</v>
      </c>
      <c r="Q103" s="8">
        <v>4.5199999999999996</v>
      </c>
      <c r="R103" s="8">
        <v>4.49</v>
      </c>
      <c r="S103" s="8">
        <v>4.5</v>
      </c>
      <c r="T103" s="8">
        <v>4.49</v>
      </c>
      <c r="U103" s="8">
        <v>4.4800000000000004</v>
      </c>
      <c r="V103" s="8">
        <v>4.5</v>
      </c>
      <c r="W103" s="8">
        <v>4.49</v>
      </c>
      <c r="X103" s="8">
        <v>4.49</v>
      </c>
      <c r="Y103" s="8">
        <v>4.5</v>
      </c>
      <c r="Z103" s="8">
        <v>4.5</v>
      </c>
      <c r="AA103" s="8">
        <v>4.5199999999999996</v>
      </c>
      <c r="AB103" s="8">
        <v>4.5199999999999996</v>
      </c>
      <c r="AC103" s="8">
        <v>4.53</v>
      </c>
      <c r="AD103" s="8">
        <v>4.54</v>
      </c>
      <c r="AE103" s="8">
        <v>4.51</v>
      </c>
      <c r="AF103" s="8">
        <v>4.49</v>
      </c>
      <c r="AG103" s="8">
        <v>4.45</v>
      </c>
      <c r="AH103" s="8">
        <v>4.5199999999999996</v>
      </c>
      <c r="AI103" s="7">
        <v>4.53</v>
      </c>
      <c r="AJ103" s="7">
        <v>4.5199999999999996</v>
      </c>
      <c r="AK103" s="7">
        <v>4.5199999999999996</v>
      </c>
      <c r="AL103" s="7">
        <v>4.53</v>
      </c>
      <c r="AM103" s="7">
        <v>4.55</v>
      </c>
      <c r="AN103" s="8">
        <v>4.57</v>
      </c>
      <c r="AO103" s="8">
        <v>4.53</v>
      </c>
      <c r="AP103" s="8">
        <v>4.55</v>
      </c>
      <c r="AQ103" s="8">
        <v>4.59</v>
      </c>
      <c r="AR103" s="8">
        <v>4.68</v>
      </c>
      <c r="AS103" s="8">
        <v>4.72</v>
      </c>
      <c r="AT103" s="8">
        <v>4.72</v>
      </c>
      <c r="AU103" s="8">
        <v>4.78</v>
      </c>
      <c r="AV103" s="8">
        <v>4.78</v>
      </c>
      <c r="AW103" s="8">
        <v>4.83</v>
      </c>
      <c r="AX103" s="8">
        <v>4.8899999999999997</v>
      </c>
      <c r="AY103" s="8">
        <v>4.8899999999999997</v>
      </c>
      <c r="AZ103" s="7">
        <v>4.88</v>
      </c>
      <c r="BA103" s="8">
        <v>4.88</v>
      </c>
      <c r="BB103" s="8">
        <v>4.87</v>
      </c>
      <c r="BC103" s="8">
        <v>4.93</v>
      </c>
      <c r="BD103" s="8">
        <v>4.9400000000000004</v>
      </c>
    </row>
    <row r="104" spans="3:56" x14ac:dyDescent="0.2">
      <c r="C104" s="5" t="s">
        <v>72</v>
      </c>
      <c r="D104" s="6" t="s">
        <v>58</v>
      </c>
      <c r="E104" s="7">
        <v>8.23</v>
      </c>
      <c r="F104" s="8">
        <v>8.16</v>
      </c>
      <c r="G104" s="8">
        <v>8.15</v>
      </c>
      <c r="H104" s="8">
        <v>8.18</v>
      </c>
      <c r="I104" s="8">
        <v>8.19</v>
      </c>
      <c r="J104" s="8">
        <v>8.16</v>
      </c>
      <c r="K104" s="8">
        <v>8.17</v>
      </c>
      <c r="L104" s="8">
        <v>8.18</v>
      </c>
      <c r="M104" s="8">
        <v>8.1300000000000008</v>
      </c>
      <c r="N104" s="7">
        <v>8.17</v>
      </c>
      <c r="O104" s="8">
        <v>8.2200000000000006</v>
      </c>
      <c r="P104" s="8">
        <v>8.24</v>
      </c>
      <c r="Q104" s="8">
        <v>8.23</v>
      </c>
      <c r="R104" s="8">
        <v>8.3699999999999992</v>
      </c>
      <c r="S104" s="8">
        <v>8.4600000000000009</v>
      </c>
      <c r="T104" s="8">
        <v>8.64</v>
      </c>
      <c r="U104" s="8">
        <v>8.69</v>
      </c>
      <c r="V104" s="8">
        <v>8.7799999999999994</v>
      </c>
      <c r="W104" s="8">
        <v>8.86</v>
      </c>
      <c r="X104" s="8">
        <v>8.9</v>
      </c>
      <c r="Y104" s="8">
        <v>8.94</v>
      </c>
      <c r="Z104" s="8">
        <v>9.11</v>
      </c>
      <c r="AA104" s="8">
        <v>9.17</v>
      </c>
      <c r="AB104" s="8">
        <v>9.23</v>
      </c>
      <c r="AC104" s="8">
        <v>9.25</v>
      </c>
      <c r="AD104" s="8">
        <v>9.23</v>
      </c>
      <c r="AE104" s="8">
        <v>9.2100000000000009</v>
      </c>
      <c r="AF104" s="8">
        <v>9.2200000000000006</v>
      </c>
      <c r="AG104" s="8">
        <v>9.27</v>
      </c>
      <c r="AH104" s="8">
        <v>9.3000000000000007</v>
      </c>
      <c r="AI104" s="7">
        <v>9.31</v>
      </c>
      <c r="AJ104" s="7">
        <v>9.35</v>
      </c>
      <c r="AK104" s="7">
        <v>9.34</v>
      </c>
      <c r="AL104" s="7">
        <v>9.35</v>
      </c>
      <c r="AM104" s="7">
        <v>9.36</v>
      </c>
      <c r="AN104" s="8">
        <v>9.33</v>
      </c>
      <c r="AO104" s="8">
        <v>9.32</v>
      </c>
      <c r="AP104" s="8">
        <v>9.4</v>
      </c>
      <c r="AQ104" s="8">
        <v>9.4499999999999993</v>
      </c>
      <c r="AR104" s="8">
        <v>9.3699999999999992</v>
      </c>
      <c r="AS104" s="8">
        <v>9.2799999999999994</v>
      </c>
      <c r="AT104" s="8">
        <v>9.31</v>
      </c>
      <c r="AU104" s="8">
        <v>9.25</v>
      </c>
      <c r="AV104" s="8">
        <v>9.19</v>
      </c>
      <c r="AW104" s="8">
        <v>9.24</v>
      </c>
      <c r="AX104" s="8">
        <v>9.23</v>
      </c>
      <c r="AY104" s="8">
        <v>9.18</v>
      </c>
      <c r="AZ104" s="7">
        <v>9.1999999999999993</v>
      </c>
      <c r="BA104" s="8">
        <v>9.23</v>
      </c>
      <c r="BB104" s="8">
        <v>9.25</v>
      </c>
      <c r="BC104" s="8">
        <v>9.2100000000000009</v>
      </c>
      <c r="BD104" s="8">
        <v>9.19</v>
      </c>
    </row>
    <row r="105" spans="3:56" x14ac:dyDescent="0.2">
      <c r="C105" s="5" t="s">
        <v>73</v>
      </c>
      <c r="D105" s="6" t="s">
        <v>58</v>
      </c>
      <c r="E105" s="7">
        <v>9.6</v>
      </c>
      <c r="F105" s="8">
        <v>9.1999999999999993</v>
      </c>
      <c r="G105" s="8">
        <v>9.2799999999999994</v>
      </c>
      <c r="H105" s="8">
        <v>9.2899999999999991</v>
      </c>
      <c r="I105" s="8">
        <v>9.3699999999999992</v>
      </c>
      <c r="J105" s="8">
        <v>9.34</v>
      </c>
      <c r="K105" s="8">
        <v>9.34</v>
      </c>
      <c r="L105" s="8">
        <v>9.24</v>
      </c>
      <c r="M105" s="8">
        <v>9.32</v>
      </c>
      <c r="N105" s="7">
        <v>9.51</v>
      </c>
      <c r="O105" s="8">
        <v>9.65</v>
      </c>
      <c r="P105" s="8">
        <v>9.81</v>
      </c>
      <c r="Q105" s="8">
        <v>9.86</v>
      </c>
      <c r="R105" s="8">
        <v>9.84</v>
      </c>
      <c r="S105" s="8">
        <v>10.02</v>
      </c>
      <c r="T105" s="8">
        <v>9.86</v>
      </c>
      <c r="U105" s="8">
        <v>9.77</v>
      </c>
      <c r="V105" s="8">
        <v>9.83</v>
      </c>
      <c r="W105" s="8">
        <v>9.9499999999999993</v>
      </c>
      <c r="X105" s="8">
        <v>9.83</v>
      </c>
      <c r="Y105" s="8">
        <v>9.84</v>
      </c>
      <c r="Z105" s="8">
        <v>9.81</v>
      </c>
      <c r="AA105" s="8">
        <v>10.27</v>
      </c>
      <c r="AB105" s="8">
        <v>9.9700000000000006</v>
      </c>
      <c r="AC105" s="8">
        <v>9.83</v>
      </c>
      <c r="AD105" s="8">
        <v>9.5</v>
      </c>
      <c r="AE105" s="8">
        <v>9.66</v>
      </c>
      <c r="AF105" s="8">
        <v>9.58</v>
      </c>
      <c r="AG105" s="8">
        <v>9.4600000000000009</v>
      </c>
      <c r="AH105" s="8">
        <v>9.32</v>
      </c>
      <c r="AI105" s="7">
        <v>9.24</v>
      </c>
      <c r="AJ105" s="7">
        <v>9.1199999999999992</v>
      </c>
      <c r="AK105" s="7">
        <v>9.16</v>
      </c>
      <c r="AL105" s="7">
        <v>9.19</v>
      </c>
      <c r="AM105" s="7">
        <v>9.2200000000000006</v>
      </c>
      <c r="AN105" s="8">
        <v>9.1999999999999993</v>
      </c>
      <c r="AO105" s="8">
        <v>9.1199999999999992</v>
      </c>
      <c r="AP105" s="8">
        <v>9.02</v>
      </c>
      <c r="AQ105" s="8">
        <v>9.02</v>
      </c>
      <c r="AR105" s="8">
        <v>8.91</v>
      </c>
      <c r="AS105" s="8">
        <v>8.77</v>
      </c>
      <c r="AT105" s="8">
        <v>8.92</v>
      </c>
      <c r="AU105" s="8">
        <v>8.93</v>
      </c>
      <c r="AV105" s="8">
        <v>8.8699999999999992</v>
      </c>
      <c r="AW105" s="8">
        <v>8.89</v>
      </c>
      <c r="AX105" s="8">
        <v>8.93</v>
      </c>
      <c r="AY105" s="8">
        <v>8.75</v>
      </c>
      <c r="AZ105" s="7">
        <v>8.81</v>
      </c>
      <c r="BA105" s="8">
        <v>8.83</v>
      </c>
      <c r="BB105" s="8">
        <v>8.73</v>
      </c>
      <c r="BC105" s="8">
        <v>8.9499999999999993</v>
      </c>
      <c r="BD105" s="8">
        <v>8.99</v>
      </c>
    </row>
    <row r="106" spans="3:56" x14ac:dyDescent="0.2">
      <c r="C106" s="5" t="s">
        <v>74</v>
      </c>
      <c r="D106" s="6" t="s">
        <v>58</v>
      </c>
      <c r="E106" s="13">
        <v>3.05</v>
      </c>
      <c r="F106" s="8">
        <v>3.06</v>
      </c>
      <c r="G106" s="8">
        <v>3.08</v>
      </c>
      <c r="H106" s="8">
        <v>3.07</v>
      </c>
      <c r="I106" s="8">
        <v>3.07</v>
      </c>
      <c r="J106" s="8">
        <v>3.08</v>
      </c>
      <c r="K106" s="8">
        <v>3.08</v>
      </c>
      <c r="L106" s="8">
        <v>3.05</v>
      </c>
      <c r="M106" s="8">
        <v>3.02</v>
      </c>
      <c r="N106" s="13">
        <v>3.02</v>
      </c>
      <c r="O106" s="8">
        <v>3.02</v>
      </c>
      <c r="P106" s="8">
        <v>3.01</v>
      </c>
      <c r="Q106" s="8">
        <v>3.02</v>
      </c>
      <c r="R106" s="8">
        <v>3</v>
      </c>
      <c r="S106" s="8">
        <v>3</v>
      </c>
      <c r="T106" s="8">
        <v>2.99</v>
      </c>
      <c r="U106" s="8">
        <v>2.99</v>
      </c>
      <c r="V106" s="8">
        <v>2.98</v>
      </c>
      <c r="W106" s="8">
        <v>2.98</v>
      </c>
      <c r="X106" s="8">
        <v>2.97</v>
      </c>
      <c r="Y106" s="8">
        <v>2.99</v>
      </c>
      <c r="Z106" s="8">
        <v>2.98</v>
      </c>
      <c r="AA106" s="8">
        <v>2.99</v>
      </c>
      <c r="AB106" s="8">
        <v>2.98</v>
      </c>
      <c r="AC106" s="8">
        <v>2.98</v>
      </c>
      <c r="AD106" s="8">
        <v>3.02</v>
      </c>
      <c r="AE106" s="8">
        <v>3.02</v>
      </c>
      <c r="AF106" s="8">
        <v>3.04</v>
      </c>
      <c r="AG106" s="8">
        <v>3.04</v>
      </c>
      <c r="AH106" s="8">
        <v>3.04</v>
      </c>
      <c r="AI106" s="13">
        <v>3.04</v>
      </c>
      <c r="AJ106" s="13">
        <v>3.04</v>
      </c>
      <c r="AK106" s="13">
        <v>3.04</v>
      </c>
      <c r="AL106" s="13">
        <v>3.05</v>
      </c>
      <c r="AM106" s="13">
        <v>3.05</v>
      </c>
      <c r="AN106" s="8">
        <v>3.04</v>
      </c>
      <c r="AO106" s="8">
        <v>3.04</v>
      </c>
      <c r="AP106" s="8">
        <v>3.04</v>
      </c>
      <c r="AQ106" s="8">
        <v>3.04</v>
      </c>
      <c r="AR106" s="8">
        <v>3.03</v>
      </c>
      <c r="AS106" s="8">
        <v>3.02</v>
      </c>
      <c r="AT106" s="8">
        <v>2.99</v>
      </c>
      <c r="AU106" s="8">
        <v>2.97</v>
      </c>
      <c r="AV106" s="8">
        <v>2.94</v>
      </c>
      <c r="AW106" s="8">
        <v>2.92</v>
      </c>
      <c r="AX106" s="8">
        <v>2.94</v>
      </c>
      <c r="AY106" s="8">
        <v>2.93</v>
      </c>
      <c r="AZ106" s="13">
        <v>2.92</v>
      </c>
      <c r="BA106" s="8">
        <v>2.92</v>
      </c>
      <c r="BB106" s="8">
        <v>2.96</v>
      </c>
      <c r="BC106" s="8">
        <v>2.96</v>
      </c>
      <c r="BD106" s="8">
        <v>2.98</v>
      </c>
    </row>
    <row r="107" spans="3:56" x14ac:dyDescent="0.2">
      <c r="C107" s="5" t="s">
        <v>75</v>
      </c>
      <c r="D107" s="15" t="s">
        <v>76</v>
      </c>
      <c r="E107" s="8">
        <v>1.2</v>
      </c>
      <c r="F107" s="8">
        <v>1.2</v>
      </c>
      <c r="G107" s="8">
        <v>1.19</v>
      </c>
      <c r="H107" s="8">
        <v>1.2</v>
      </c>
      <c r="I107" s="8">
        <v>1.2</v>
      </c>
      <c r="J107" s="8">
        <v>1.2</v>
      </c>
      <c r="K107" s="8">
        <v>1.2</v>
      </c>
      <c r="L107" s="8">
        <v>1.18</v>
      </c>
      <c r="M107" s="8">
        <v>1.18</v>
      </c>
      <c r="N107" s="8">
        <v>1.19</v>
      </c>
      <c r="O107" s="8">
        <v>1.19</v>
      </c>
      <c r="P107" s="8">
        <v>1.19</v>
      </c>
      <c r="Q107" s="8">
        <v>1.19</v>
      </c>
      <c r="R107" s="8">
        <v>1.18</v>
      </c>
      <c r="S107" s="8">
        <v>1.18</v>
      </c>
      <c r="T107" s="8">
        <v>1.18</v>
      </c>
      <c r="U107" s="8">
        <v>1.18</v>
      </c>
      <c r="V107" s="8">
        <v>1.18</v>
      </c>
      <c r="W107" s="8">
        <v>1.19</v>
      </c>
      <c r="X107" s="8">
        <v>1.2</v>
      </c>
      <c r="Y107" s="8">
        <v>1.2</v>
      </c>
      <c r="Z107" s="8">
        <v>1.2</v>
      </c>
      <c r="AA107" s="8">
        <v>1.2</v>
      </c>
      <c r="AB107" s="8">
        <v>1.2</v>
      </c>
      <c r="AC107" s="8">
        <v>1.2</v>
      </c>
      <c r="AD107" s="8">
        <v>1.21</v>
      </c>
      <c r="AE107" s="8">
        <v>1.21</v>
      </c>
      <c r="AF107" s="8">
        <v>1.2</v>
      </c>
      <c r="AG107" s="8">
        <v>1.2</v>
      </c>
      <c r="AH107" s="8">
        <v>1.2</v>
      </c>
      <c r="AI107" s="8">
        <v>1.2</v>
      </c>
      <c r="AJ107" s="8">
        <v>1.2</v>
      </c>
      <c r="AK107" s="8">
        <v>1.2</v>
      </c>
      <c r="AL107" s="8">
        <v>1.2</v>
      </c>
      <c r="AM107" s="8">
        <v>1.2</v>
      </c>
      <c r="AN107" s="8">
        <v>1.2</v>
      </c>
      <c r="AO107" s="8">
        <v>1.2</v>
      </c>
      <c r="AP107" s="8">
        <v>1.2</v>
      </c>
      <c r="AQ107" s="8">
        <v>1.2</v>
      </c>
      <c r="AR107" s="8">
        <v>1.2</v>
      </c>
      <c r="AS107" s="8">
        <v>1.2</v>
      </c>
      <c r="AT107" s="8">
        <v>1.2</v>
      </c>
      <c r="AU107" s="8">
        <v>1.21</v>
      </c>
      <c r="AV107" s="8">
        <v>1.21</v>
      </c>
      <c r="AW107" s="8">
        <v>1.21</v>
      </c>
      <c r="AX107" s="8">
        <v>1.22</v>
      </c>
      <c r="AY107" s="8">
        <v>1.22</v>
      </c>
      <c r="AZ107" s="8">
        <v>1.22</v>
      </c>
      <c r="BA107" s="8">
        <v>1.22</v>
      </c>
      <c r="BB107" s="8">
        <v>1.22</v>
      </c>
      <c r="BC107" s="8">
        <v>1.22</v>
      </c>
      <c r="BD107" s="8">
        <v>1.22</v>
      </c>
    </row>
    <row r="108" spans="3:56" x14ac:dyDescent="0.2">
      <c r="C108" s="16" t="s">
        <v>78</v>
      </c>
      <c r="D108" s="6" t="s">
        <v>58</v>
      </c>
      <c r="E108" s="8">
        <v>0.64</v>
      </c>
      <c r="F108" s="8">
        <v>0.64</v>
      </c>
      <c r="G108" s="8">
        <v>0.66</v>
      </c>
      <c r="H108" s="8">
        <v>0.65</v>
      </c>
      <c r="I108" s="8">
        <v>0.66</v>
      </c>
      <c r="J108" s="8">
        <v>0.66</v>
      </c>
      <c r="K108" s="8">
        <v>0.66</v>
      </c>
      <c r="L108" s="8">
        <v>0.65</v>
      </c>
      <c r="M108" s="8">
        <v>0.66</v>
      </c>
      <c r="N108" s="8">
        <v>0.68</v>
      </c>
      <c r="O108" s="8">
        <v>0.68</v>
      </c>
      <c r="P108" s="8">
        <v>0.68</v>
      </c>
      <c r="Q108" s="8">
        <v>0.69</v>
      </c>
      <c r="R108" s="8">
        <v>0.69</v>
      </c>
      <c r="S108" s="8">
        <v>0.69</v>
      </c>
      <c r="T108" s="8">
        <v>0.7</v>
      </c>
      <c r="U108" s="8">
        <v>0.71</v>
      </c>
      <c r="V108" s="8">
        <v>0.72</v>
      </c>
      <c r="W108" s="8">
        <v>0.75</v>
      </c>
      <c r="X108" s="8">
        <v>0.76</v>
      </c>
      <c r="Y108" s="8">
        <v>0.77</v>
      </c>
      <c r="Z108" s="8">
        <v>0.77</v>
      </c>
      <c r="AA108" s="8">
        <v>0.77</v>
      </c>
      <c r="AB108" s="8">
        <v>0.78</v>
      </c>
      <c r="AC108" s="8">
        <v>0.79</v>
      </c>
      <c r="AD108" s="8">
        <v>0.79</v>
      </c>
      <c r="AE108" s="8">
        <v>0.8</v>
      </c>
      <c r="AF108" s="8">
        <v>0.79</v>
      </c>
      <c r="AG108" s="8">
        <v>0.8</v>
      </c>
      <c r="AH108" s="8">
        <v>0.8</v>
      </c>
      <c r="AI108" s="8">
        <v>0.8</v>
      </c>
      <c r="AJ108" s="8">
        <v>0.79</v>
      </c>
      <c r="AK108" s="8">
        <v>0.8</v>
      </c>
      <c r="AL108" s="8">
        <v>0.8</v>
      </c>
      <c r="AM108" s="8">
        <v>0.79</v>
      </c>
      <c r="AN108" s="8">
        <v>0.79</v>
      </c>
      <c r="AO108" s="8">
        <v>0.78</v>
      </c>
      <c r="AP108" s="8">
        <v>0.79</v>
      </c>
      <c r="AQ108" s="8">
        <v>0.79</v>
      </c>
      <c r="AR108" s="8">
        <v>0.78</v>
      </c>
      <c r="AS108" s="8">
        <v>0.78</v>
      </c>
      <c r="AT108" s="8">
        <v>0.78</v>
      </c>
      <c r="AU108" s="8">
        <v>0.78</v>
      </c>
      <c r="AV108" s="8">
        <v>0.78</v>
      </c>
      <c r="AW108" s="8">
        <v>0.79</v>
      </c>
      <c r="AX108" s="8">
        <v>0.79</v>
      </c>
      <c r="AY108" s="8">
        <v>0.79</v>
      </c>
      <c r="AZ108" s="8">
        <v>0.79</v>
      </c>
      <c r="BA108" s="8">
        <v>0.79</v>
      </c>
      <c r="BB108" s="8">
        <v>0.78</v>
      </c>
      <c r="BC108" s="8">
        <v>0.78</v>
      </c>
      <c r="BD108" s="8">
        <v>0.78</v>
      </c>
    </row>
    <row r="109" spans="3:56" x14ac:dyDescent="0.2">
      <c r="C109" s="16" t="s">
        <v>79</v>
      </c>
      <c r="D109" s="6" t="s">
        <v>58</v>
      </c>
      <c r="E109" s="8">
        <v>1.3</v>
      </c>
      <c r="F109" s="8">
        <v>1.36</v>
      </c>
      <c r="G109" s="8">
        <v>1.39</v>
      </c>
      <c r="H109" s="8">
        <v>1.38</v>
      </c>
      <c r="I109" s="8">
        <v>1.38</v>
      </c>
      <c r="J109" s="8">
        <v>1.38</v>
      </c>
      <c r="K109" s="8">
        <v>1.38</v>
      </c>
      <c r="L109" s="8">
        <v>1.44</v>
      </c>
      <c r="M109" s="8">
        <v>1.44</v>
      </c>
      <c r="N109" s="8">
        <v>1.46</v>
      </c>
      <c r="O109" s="8">
        <v>1.42</v>
      </c>
      <c r="P109" s="8">
        <v>1.39</v>
      </c>
      <c r="Q109" s="8">
        <v>1.41</v>
      </c>
      <c r="R109" s="8">
        <v>1.41</v>
      </c>
      <c r="S109" s="8">
        <v>1.39</v>
      </c>
      <c r="T109" s="8">
        <v>1.36</v>
      </c>
      <c r="U109" s="8">
        <v>1.36</v>
      </c>
      <c r="V109" s="8">
        <v>1.37</v>
      </c>
      <c r="W109" s="8">
        <v>1.37</v>
      </c>
      <c r="X109" s="8">
        <v>1.37</v>
      </c>
      <c r="Y109" s="8">
        <v>1.38</v>
      </c>
      <c r="Z109" s="8">
        <v>1.37</v>
      </c>
      <c r="AA109" s="8">
        <v>1.38</v>
      </c>
      <c r="AB109" s="8">
        <v>1.38</v>
      </c>
      <c r="AC109" s="8">
        <v>1.37</v>
      </c>
      <c r="AD109" s="8">
        <v>1.36</v>
      </c>
      <c r="AE109" s="8">
        <v>1.36</v>
      </c>
      <c r="AF109" s="8">
        <v>1.36</v>
      </c>
      <c r="AG109" s="8">
        <v>1.36</v>
      </c>
      <c r="AH109" s="8">
        <v>1.36</v>
      </c>
      <c r="AI109" s="8">
        <v>1.36</v>
      </c>
      <c r="AJ109" s="8">
        <v>1.36</v>
      </c>
      <c r="AK109" s="8">
        <v>1.36</v>
      </c>
      <c r="AL109" s="8">
        <v>1.37</v>
      </c>
      <c r="AM109" s="8">
        <v>1.37</v>
      </c>
      <c r="AN109" s="8">
        <v>1.37</v>
      </c>
      <c r="AO109" s="8">
        <v>1.36</v>
      </c>
      <c r="AP109" s="8">
        <v>1.37</v>
      </c>
      <c r="AQ109" s="8">
        <v>1.36</v>
      </c>
      <c r="AR109" s="8">
        <v>1.38</v>
      </c>
      <c r="AS109" s="8">
        <v>1.39</v>
      </c>
      <c r="AT109" s="8">
        <v>1.38</v>
      </c>
      <c r="AU109" s="8">
        <v>1.39</v>
      </c>
      <c r="AV109" s="8">
        <v>1.41</v>
      </c>
      <c r="AW109" s="8">
        <v>1.39</v>
      </c>
      <c r="AX109" s="8">
        <v>1.4</v>
      </c>
      <c r="AY109" s="8">
        <v>1.4</v>
      </c>
      <c r="AZ109" s="8">
        <v>1.41</v>
      </c>
      <c r="BA109" s="8">
        <v>1.39</v>
      </c>
      <c r="BB109" s="8">
        <v>1.41</v>
      </c>
      <c r="BC109" s="8">
        <v>1.42</v>
      </c>
      <c r="BD109" s="8">
        <v>1.43</v>
      </c>
    </row>
    <row r="110" spans="3:56" x14ac:dyDescent="0.2">
      <c r="C110" s="16" t="s">
        <v>80</v>
      </c>
      <c r="D110" s="6" t="s">
        <v>58</v>
      </c>
      <c r="E110" s="8">
        <v>2</v>
      </c>
      <c r="F110" s="8">
        <v>1.94</v>
      </c>
      <c r="G110" s="8">
        <v>2.29</v>
      </c>
      <c r="H110" s="8">
        <v>2.42</v>
      </c>
      <c r="I110" s="8">
        <v>2.38</v>
      </c>
      <c r="J110" s="8">
        <v>2.44</v>
      </c>
      <c r="K110" s="8">
        <v>2.62</v>
      </c>
      <c r="L110" s="8">
        <v>2.2400000000000002</v>
      </c>
      <c r="M110" s="8">
        <v>2.11</v>
      </c>
      <c r="N110" s="8">
        <v>2</v>
      </c>
      <c r="O110" s="8">
        <v>1.95</v>
      </c>
      <c r="P110" s="8">
        <v>1.78</v>
      </c>
      <c r="Q110" s="8">
        <v>1.71</v>
      </c>
      <c r="R110" s="8">
        <v>1.77</v>
      </c>
      <c r="S110" s="8">
        <v>1.68</v>
      </c>
      <c r="T110" s="8">
        <v>1.66</v>
      </c>
      <c r="U110" s="8">
        <v>1.59</v>
      </c>
      <c r="V110" s="8">
        <v>1.58</v>
      </c>
      <c r="W110" s="8">
        <v>1.54</v>
      </c>
      <c r="X110" s="8">
        <v>1.53</v>
      </c>
      <c r="Y110" s="8">
        <v>1.49</v>
      </c>
      <c r="Z110" s="8">
        <v>1.49</v>
      </c>
      <c r="AA110" s="8">
        <v>1.54</v>
      </c>
      <c r="AB110" s="8">
        <v>1.54</v>
      </c>
      <c r="AC110" s="8">
        <v>1.57</v>
      </c>
      <c r="AD110" s="8">
        <v>1.5</v>
      </c>
      <c r="AE110" s="8">
        <v>1.45</v>
      </c>
      <c r="AF110" s="8">
        <v>1.41</v>
      </c>
      <c r="AG110" s="8">
        <v>1.41</v>
      </c>
      <c r="AH110" s="8">
        <v>1.4</v>
      </c>
      <c r="AI110" s="8">
        <v>1.41</v>
      </c>
      <c r="AJ110" s="8">
        <v>1.44</v>
      </c>
      <c r="AK110" s="8">
        <v>1.43</v>
      </c>
      <c r="AL110" s="8">
        <v>1.47</v>
      </c>
      <c r="AM110" s="8">
        <v>1.52</v>
      </c>
      <c r="AN110" s="8">
        <v>1.63</v>
      </c>
      <c r="AO110" s="8">
        <v>1.73</v>
      </c>
      <c r="AP110" s="8">
        <v>1.81</v>
      </c>
      <c r="AQ110" s="8">
        <v>1.79</v>
      </c>
      <c r="AR110" s="8">
        <v>1.75</v>
      </c>
      <c r="AS110" s="8">
        <v>1.69</v>
      </c>
      <c r="AT110" s="8">
        <v>1.63</v>
      </c>
      <c r="AU110" s="8">
        <v>1.63</v>
      </c>
      <c r="AV110" s="8">
        <v>1.68</v>
      </c>
      <c r="AW110" s="8">
        <v>1.76</v>
      </c>
      <c r="AX110" s="8">
        <v>2.0099999999999998</v>
      </c>
      <c r="AY110" s="8">
        <v>2.09</v>
      </c>
      <c r="AZ110" s="8">
        <v>2.0099999999999998</v>
      </c>
      <c r="BA110" s="8">
        <v>1.97</v>
      </c>
      <c r="BB110" s="8">
        <v>1.93</v>
      </c>
      <c r="BC110" s="8">
        <v>1.99</v>
      </c>
      <c r="BD110" s="8">
        <v>1.96</v>
      </c>
    </row>
    <row r="111" spans="3:56" x14ac:dyDescent="0.2">
      <c r="C111" s="16" t="s">
        <v>81</v>
      </c>
      <c r="D111" s="6" t="s">
        <v>58</v>
      </c>
      <c r="E111" s="8">
        <v>0.86</v>
      </c>
      <c r="F111" s="8">
        <v>0.87</v>
      </c>
      <c r="G111" s="8">
        <v>0.87</v>
      </c>
      <c r="H111" s="8">
        <v>0.87</v>
      </c>
      <c r="I111" s="8">
        <v>0.87</v>
      </c>
      <c r="J111" s="8">
        <v>0.87</v>
      </c>
      <c r="K111" s="8">
        <v>0.87</v>
      </c>
      <c r="L111" s="8">
        <v>0.87</v>
      </c>
      <c r="M111" s="8">
        <v>0.87</v>
      </c>
      <c r="N111" s="8">
        <v>0.87</v>
      </c>
      <c r="O111" s="8">
        <v>0.88</v>
      </c>
      <c r="P111" s="8">
        <v>0.88</v>
      </c>
      <c r="Q111" s="8">
        <v>0.88</v>
      </c>
      <c r="R111" s="8">
        <v>0.89</v>
      </c>
      <c r="S111" s="8">
        <v>0.88</v>
      </c>
      <c r="T111" s="8">
        <v>0.91</v>
      </c>
      <c r="U111" s="8">
        <v>0.91</v>
      </c>
      <c r="V111" s="8">
        <v>0.92</v>
      </c>
      <c r="W111" s="8">
        <v>0.93</v>
      </c>
      <c r="X111" s="8">
        <v>0.94</v>
      </c>
      <c r="Y111" s="8">
        <v>0.95</v>
      </c>
      <c r="Z111" s="8">
        <v>0.96</v>
      </c>
      <c r="AA111" s="8">
        <v>0.97</v>
      </c>
      <c r="AB111" s="8">
        <v>0.97</v>
      </c>
      <c r="AC111" s="8">
        <v>0.97</v>
      </c>
      <c r="AD111" s="8">
        <v>0.97</v>
      </c>
      <c r="AE111" s="8">
        <v>0.97</v>
      </c>
      <c r="AF111" s="8">
        <v>0.96</v>
      </c>
      <c r="AG111" s="8">
        <v>0.95</v>
      </c>
      <c r="AH111" s="8">
        <v>0.95</v>
      </c>
      <c r="AI111" s="8">
        <v>0.95</v>
      </c>
      <c r="AJ111" s="8">
        <v>0.94</v>
      </c>
      <c r="AK111" s="8">
        <v>0.94</v>
      </c>
      <c r="AL111" s="8">
        <v>0.94</v>
      </c>
      <c r="AM111" s="8">
        <v>0.94</v>
      </c>
      <c r="AN111" s="8">
        <v>0.94</v>
      </c>
      <c r="AO111" s="8">
        <v>0.91</v>
      </c>
      <c r="AP111" s="8">
        <v>0.92</v>
      </c>
      <c r="AQ111" s="8">
        <v>0.92</v>
      </c>
      <c r="AR111" s="8">
        <v>0.94</v>
      </c>
      <c r="AS111" s="8">
        <v>0.94</v>
      </c>
      <c r="AT111" s="8">
        <v>0.93</v>
      </c>
      <c r="AU111" s="8">
        <v>0.93</v>
      </c>
      <c r="AV111" s="8">
        <v>0.95</v>
      </c>
      <c r="AW111" s="8">
        <v>0.95</v>
      </c>
      <c r="AX111" s="8">
        <v>0.94</v>
      </c>
      <c r="AY111" s="8">
        <v>0.95</v>
      </c>
      <c r="AZ111" s="8">
        <v>0.95</v>
      </c>
      <c r="BA111" s="8">
        <v>0.95</v>
      </c>
      <c r="BB111" s="8">
        <v>0.95</v>
      </c>
      <c r="BC111" s="8">
        <v>0.95</v>
      </c>
      <c r="BD111" s="8">
        <v>0.96</v>
      </c>
    </row>
    <row r="112" spans="3:56" x14ac:dyDescent="0.2">
      <c r="C112" s="16" t="s">
        <v>82</v>
      </c>
      <c r="D112" s="6" t="s">
        <v>58</v>
      </c>
      <c r="E112" s="8">
        <v>3.93</v>
      </c>
      <c r="F112" s="8">
        <v>4.0599999999999996</v>
      </c>
      <c r="G112" s="8">
        <v>4.5</v>
      </c>
      <c r="H112" s="8">
        <v>4.6100000000000003</v>
      </c>
      <c r="I112" s="8">
        <v>4.7300000000000004</v>
      </c>
      <c r="J112" s="8">
        <v>4.6399999999999997</v>
      </c>
      <c r="K112" s="8">
        <v>4.59</v>
      </c>
      <c r="L112" s="8">
        <v>4.53</v>
      </c>
      <c r="M112" s="8">
        <v>4.6100000000000003</v>
      </c>
      <c r="N112" s="8">
        <v>4.66</v>
      </c>
      <c r="O112" s="8">
        <v>4.58</v>
      </c>
      <c r="P112" s="8">
        <v>4.2699999999999996</v>
      </c>
      <c r="Q112" s="8">
        <v>4.09</v>
      </c>
      <c r="R112" s="8">
        <v>4.03</v>
      </c>
      <c r="S112" s="8">
        <v>3.89</v>
      </c>
      <c r="T112" s="8">
        <v>3.61</v>
      </c>
      <c r="U112" s="8">
        <v>3.6</v>
      </c>
      <c r="V112" s="8">
        <v>3.58</v>
      </c>
      <c r="W112" s="8">
        <v>3.47</v>
      </c>
      <c r="X112" s="8">
        <v>3.29</v>
      </c>
      <c r="Y112" s="8">
        <v>3.11</v>
      </c>
      <c r="Z112" s="8">
        <v>3.11</v>
      </c>
      <c r="AA112" s="8">
        <v>3.14</v>
      </c>
      <c r="AB112" s="8">
        <v>3.25</v>
      </c>
      <c r="AC112" s="8">
        <v>3.25</v>
      </c>
      <c r="AD112" s="8">
        <v>3.09</v>
      </c>
      <c r="AE112" s="8">
        <v>3.14</v>
      </c>
      <c r="AF112" s="8">
        <v>3.12</v>
      </c>
      <c r="AG112" s="8">
        <v>3.02</v>
      </c>
      <c r="AH112" s="8">
        <v>2.91</v>
      </c>
      <c r="AI112" s="8">
        <v>2.98</v>
      </c>
      <c r="AJ112" s="8">
        <v>3.11</v>
      </c>
      <c r="AK112" s="8">
        <v>3.18</v>
      </c>
      <c r="AL112" s="8">
        <v>3.41</v>
      </c>
      <c r="AM112" s="8">
        <v>3.41</v>
      </c>
      <c r="AN112" s="8">
        <v>3.45</v>
      </c>
      <c r="AO112" s="8">
        <v>3.46</v>
      </c>
      <c r="AP112" s="8">
        <v>3.53</v>
      </c>
      <c r="AQ112" s="8">
        <v>3.76</v>
      </c>
      <c r="AR112" s="8">
        <v>3.84</v>
      </c>
      <c r="AS112" s="8">
        <v>3.66</v>
      </c>
      <c r="AT112" s="8">
        <v>3.4</v>
      </c>
      <c r="AU112" s="8">
        <v>3.29</v>
      </c>
      <c r="AV112" s="8">
        <v>3.34</v>
      </c>
      <c r="AW112" s="8">
        <v>3.53</v>
      </c>
      <c r="AX112" s="8">
        <v>3.53</v>
      </c>
      <c r="AY112" s="8">
        <v>3.53</v>
      </c>
      <c r="AZ112" s="8">
        <v>3.54</v>
      </c>
      <c r="BA112" s="8">
        <v>3.55</v>
      </c>
      <c r="BB112" s="8">
        <v>3.58</v>
      </c>
      <c r="BC112" s="8">
        <v>3.74</v>
      </c>
      <c r="BD112" s="8">
        <v>3.84</v>
      </c>
    </row>
    <row r="113" spans="3:56" x14ac:dyDescent="0.2">
      <c r="C113" s="16" t="s">
        <v>84</v>
      </c>
      <c r="D113" s="6" t="s">
        <v>85</v>
      </c>
      <c r="E113" s="8">
        <v>0.85</v>
      </c>
      <c r="F113" s="8">
        <v>0.85</v>
      </c>
      <c r="G113" s="8">
        <v>0.87</v>
      </c>
      <c r="H113" s="8">
        <v>0.87</v>
      </c>
      <c r="I113" s="8">
        <v>0.86</v>
      </c>
      <c r="J113" s="8">
        <v>0.86</v>
      </c>
      <c r="K113" s="8">
        <v>0.86</v>
      </c>
      <c r="L113" s="8">
        <v>0.85</v>
      </c>
      <c r="M113" s="8">
        <v>0.84</v>
      </c>
      <c r="N113" s="8">
        <v>0.85</v>
      </c>
      <c r="O113" s="8">
        <v>0.85</v>
      </c>
      <c r="P113" s="8">
        <v>0.84</v>
      </c>
      <c r="Q113" s="8">
        <v>0.82</v>
      </c>
      <c r="R113" s="8">
        <v>0.81</v>
      </c>
      <c r="S113" s="8">
        <v>0.82</v>
      </c>
      <c r="T113" s="8">
        <v>0.8</v>
      </c>
      <c r="U113" s="8">
        <v>0.8</v>
      </c>
      <c r="V113" s="8">
        <v>0.82</v>
      </c>
      <c r="W113" s="8">
        <v>0.82</v>
      </c>
      <c r="X113" s="8">
        <v>0.83</v>
      </c>
      <c r="Y113" s="8">
        <v>0.83</v>
      </c>
      <c r="Z113" s="8">
        <v>0.83</v>
      </c>
      <c r="AA113" s="8">
        <v>0.84</v>
      </c>
      <c r="AB113" s="8">
        <v>0.85</v>
      </c>
      <c r="AC113" s="8">
        <v>0.85</v>
      </c>
      <c r="AD113" s="8">
        <v>0.86</v>
      </c>
      <c r="AE113" s="8">
        <v>0.88</v>
      </c>
      <c r="AF113" s="8">
        <v>0.88</v>
      </c>
      <c r="AG113" s="8">
        <v>0.89</v>
      </c>
      <c r="AH113" s="8">
        <v>0.88</v>
      </c>
      <c r="AI113" s="8">
        <v>0.89</v>
      </c>
      <c r="AJ113" s="8">
        <v>0.89</v>
      </c>
      <c r="AK113" s="8">
        <v>0.89</v>
      </c>
      <c r="AL113" s="8">
        <v>0.89</v>
      </c>
      <c r="AM113" s="8">
        <v>0.88</v>
      </c>
      <c r="AN113" s="8">
        <v>0.88</v>
      </c>
      <c r="AO113" s="8">
        <v>0.89</v>
      </c>
      <c r="AP113" s="8">
        <v>0.9</v>
      </c>
      <c r="AQ113" s="8">
        <v>0.9</v>
      </c>
      <c r="AR113" s="8">
        <v>0.89</v>
      </c>
      <c r="AS113" s="8">
        <v>0.89</v>
      </c>
      <c r="AT113" s="8">
        <v>0.89</v>
      </c>
      <c r="AU113" s="8">
        <v>0.88</v>
      </c>
      <c r="AV113" s="8">
        <v>0.88</v>
      </c>
      <c r="AW113" s="8">
        <v>0.88</v>
      </c>
      <c r="AX113" s="8">
        <v>0.89</v>
      </c>
      <c r="AY113" s="8">
        <v>0.9</v>
      </c>
      <c r="AZ113" s="8">
        <v>0.91</v>
      </c>
      <c r="BA113" s="8">
        <v>0.93</v>
      </c>
      <c r="BB113" s="8">
        <v>0.94</v>
      </c>
      <c r="BC113" s="8">
        <v>0.95</v>
      </c>
      <c r="BD113" s="8">
        <v>0.96</v>
      </c>
    </row>
    <row r="114" spans="3:56" x14ac:dyDescent="0.2">
      <c r="C114" s="16" t="s">
        <v>86</v>
      </c>
      <c r="D114" s="6" t="s">
        <v>58</v>
      </c>
      <c r="E114" s="8">
        <v>1.93</v>
      </c>
      <c r="F114" s="8">
        <v>1.95</v>
      </c>
      <c r="G114" s="8">
        <v>2.08</v>
      </c>
      <c r="H114" s="8">
        <v>2.12</v>
      </c>
      <c r="I114" s="8">
        <v>2.12</v>
      </c>
      <c r="J114" s="8">
        <v>2.15</v>
      </c>
      <c r="K114" s="8">
        <v>2.16</v>
      </c>
      <c r="L114" s="8">
        <v>2.17</v>
      </c>
      <c r="M114" s="8">
        <v>2.1800000000000002</v>
      </c>
      <c r="N114" s="8">
        <v>2.2400000000000002</v>
      </c>
      <c r="O114" s="8">
        <v>2.3199999999999998</v>
      </c>
      <c r="P114" s="8">
        <v>2.34</v>
      </c>
      <c r="Q114" s="8">
        <v>2.38</v>
      </c>
      <c r="R114" s="8">
        <v>2.4300000000000002</v>
      </c>
      <c r="S114" s="8">
        <v>2.4300000000000002</v>
      </c>
      <c r="T114" s="8">
        <v>2.4700000000000002</v>
      </c>
      <c r="U114" s="8">
        <v>2.4700000000000002</v>
      </c>
      <c r="V114" s="8">
        <v>2.5299999999999998</v>
      </c>
      <c r="W114" s="8">
        <v>2.54</v>
      </c>
      <c r="X114" s="8">
        <v>2.4900000000000002</v>
      </c>
      <c r="Y114" s="8">
        <v>2.38</v>
      </c>
      <c r="Z114" s="8">
        <v>2.27</v>
      </c>
      <c r="AA114" s="8">
        <v>2.21</v>
      </c>
      <c r="AB114" s="8">
        <v>2.1800000000000002</v>
      </c>
      <c r="AC114" s="8">
        <v>2.2200000000000002</v>
      </c>
      <c r="AD114" s="8">
        <v>2.17</v>
      </c>
      <c r="AE114" s="8">
        <v>2.17</v>
      </c>
      <c r="AF114" s="8">
        <v>2.11</v>
      </c>
      <c r="AG114" s="8">
        <v>2.09</v>
      </c>
      <c r="AH114" s="8">
        <v>2.0699999999999998</v>
      </c>
      <c r="AI114" s="8">
        <v>2.0699999999999998</v>
      </c>
      <c r="AJ114" s="8">
        <v>2.08</v>
      </c>
      <c r="AK114" s="8">
        <v>2.0699999999999998</v>
      </c>
      <c r="AL114" s="8">
        <v>2.0499999999999998</v>
      </c>
      <c r="AM114" s="8">
        <v>2.06</v>
      </c>
      <c r="AN114" s="8">
        <v>2.06</v>
      </c>
      <c r="AO114" s="8">
        <v>2.1</v>
      </c>
      <c r="AP114" s="8">
        <v>2.1</v>
      </c>
      <c r="AQ114" s="8">
        <v>2.11</v>
      </c>
      <c r="AR114" s="8">
        <v>2.13</v>
      </c>
      <c r="AS114" s="8">
        <v>2.15</v>
      </c>
      <c r="AT114" s="8">
        <v>2.1800000000000002</v>
      </c>
      <c r="AU114" s="8">
        <v>2.14</v>
      </c>
      <c r="AV114" s="8">
        <v>2.17</v>
      </c>
      <c r="AW114" s="8">
        <v>2.15</v>
      </c>
      <c r="AX114" s="8">
        <v>2.14</v>
      </c>
      <c r="AY114" s="8">
        <v>2.0699999999999998</v>
      </c>
      <c r="AZ114" s="8">
        <v>2.02</v>
      </c>
      <c r="BA114" s="8">
        <v>2.02</v>
      </c>
      <c r="BB114" s="8">
        <v>2.0299999999999998</v>
      </c>
      <c r="BC114" s="8">
        <v>2.0699999999999998</v>
      </c>
      <c r="BD114" s="8">
        <v>2.0499999999999998</v>
      </c>
    </row>
    <row r="115" spans="3:56" x14ac:dyDescent="0.2">
      <c r="C115" s="16" t="s">
        <v>104</v>
      </c>
      <c r="D115" s="6" t="s">
        <v>58</v>
      </c>
      <c r="E115" s="8">
        <v>2.12</v>
      </c>
      <c r="F115" s="8">
        <v>2.0499999999999998</v>
      </c>
      <c r="G115" s="8">
        <v>2.02</v>
      </c>
      <c r="H115" s="8">
        <v>2.04</v>
      </c>
      <c r="I115" s="8">
        <v>2.02</v>
      </c>
      <c r="J115" s="8">
        <v>2.0299999999999998</v>
      </c>
      <c r="K115" s="8">
        <v>2.0099999999999998</v>
      </c>
      <c r="L115" s="8">
        <v>2.0699999999999998</v>
      </c>
      <c r="M115" s="8">
        <v>2.0699999999999998</v>
      </c>
      <c r="N115" s="8">
        <v>2.09</v>
      </c>
      <c r="O115" s="8">
        <v>2.11</v>
      </c>
      <c r="P115" s="8">
        <v>2.11</v>
      </c>
      <c r="Q115" s="8">
        <v>2.14</v>
      </c>
      <c r="R115" s="8">
        <v>2.2999999999999998</v>
      </c>
      <c r="S115" s="8">
        <v>2.39</v>
      </c>
      <c r="T115" s="8">
        <v>2.4900000000000002</v>
      </c>
      <c r="U115" s="8">
        <v>2.5099999999999998</v>
      </c>
      <c r="V115" s="8">
        <v>2.58</v>
      </c>
      <c r="W115" s="8">
        <v>2.68</v>
      </c>
      <c r="X115" s="8">
        <v>2.63</v>
      </c>
      <c r="Y115" s="8">
        <v>2.31</v>
      </c>
      <c r="Z115" s="8">
        <v>2.19</v>
      </c>
      <c r="AA115" s="8">
        <v>2.13</v>
      </c>
      <c r="AB115" s="8">
        <v>2.13</v>
      </c>
      <c r="AC115" s="8">
        <v>2.11</v>
      </c>
      <c r="AD115" s="8">
        <v>2.09</v>
      </c>
      <c r="AE115" s="8">
        <v>2.06</v>
      </c>
      <c r="AF115" s="8">
        <v>2.02</v>
      </c>
      <c r="AG115" s="8">
        <v>2.02</v>
      </c>
      <c r="AH115" s="8">
        <v>2</v>
      </c>
      <c r="AI115" s="8">
        <v>2</v>
      </c>
      <c r="AJ115" s="8">
        <v>2</v>
      </c>
      <c r="AK115" s="8">
        <v>2</v>
      </c>
      <c r="AL115" s="8">
        <v>1.99</v>
      </c>
      <c r="AM115" s="8">
        <v>1.99</v>
      </c>
      <c r="AN115" s="8">
        <v>2.02</v>
      </c>
      <c r="AO115" s="8">
        <v>2.0699999999999998</v>
      </c>
      <c r="AP115" s="8">
        <v>2.08</v>
      </c>
      <c r="AQ115" s="8">
        <v>2.1</v>
      </c>
      <c r="AR115" s="8">
        <v>2.14</v>
      </c>
      <c r="AS115" s="8">
        <v>2.12</v>
      </c>
      <c r="AT115" s="8">
        <v>2.09</v>
      </c>
      <c r="AU115" s="8">
        <v>2.08</v>
      </c>
      <c r="AV115" s="8">
        <v>2.1</v>
      </c>
      <c r="AW115" s="8">
        <v>2.11</v>
      </c>
      <c r="AX115" s="8">
        <v>2.1</v>
      </c>
      <c r="AY115" s="8">
        <v>2.09</v>
      </c>
      <c r="AZ115" s="8">
        <v>2.0699999999999998</v>
      </c>
      <c r="BA115" s="8">
        <v>2.09</v>
      </c>
      <c r="BB115" s="8">
        <v>2.12</v>
      </c>
      <c r="BC115" s="8">
        <v>2.21</v>
      </c>
      <c r="BD115" s="8">
        <v>2.23</v>
      </c>
    </row>
    <row r="116" spans="3:56" x14ac:dyDescent="0.2">
      <c r="C116" s="16" t="s">
        <v>87</v>
      </c>
      <c r="D116" s="6" t="s">
        <v>58</v>
      </c>
      <c r="E116" s="8">
        <v>0.94</v>
      </c>
      <c r="F116" s="8">
        <v>0.95</v>
      </c>
      <c r="G116" s="8">
        <v>0.95</v>
      </c>
      <c r="H116" s="8">
        <v>0.95</v>
      </c>
      <c r="I116" s="8">
        <v>0.95</v>
      </c>
      <c r="J116" s="8">
        <v>0.95</v>
      </c>
      <c r="K116" s="8">
        <v>0.96</v>
      </c>
      <c r="L116" s="8">
        <v>0.97</v>
      </c>
      <c r="M116" s="8">
        <v>0.97</v>
      </c>
      <c r="N116" s="8">
        <v>0.97</v>
      </c>
      <c r="O116" s="8">
        <v>0.98</v>
      </c>
      <c r="P116" s="8">
        <v>0.98</v>
      </c>
      <c r="Q116" s="8">
        <v>0.97</v>
      </c>
      <c r="R116" s="8">
        <v>0.98</v>
      </c>
      <c r="S116" s="8">
        <v>1.03</v>
      </c>
      <c r="T116" s="8">
        <v>1.03</v>
      </c>
      <c r="U116" s="8">
        <v>0.99</v>
      </c>
      <c r="V116" s="8">
        <v>0.99</v>
      </c>
      <c r="W116" s="8">
        <v>0.98</v>
      </c>
      <c r="X116" s="8">
        <v>0.98</v>
      </c>
      <c r="Y116" s="8">
        <v>0.97</v>
      </c>
      <c r="Z116" s="8">
        <v>0.97</v>
      </c>
      <c r="AA116" s="8">
        <v>0.97</v>
      </c>
      <c r="AB116" s="8">
        <v>0.96</v>
      </c>
      <c r="AC116" s="8">
        <v>0.96</v>
      </c>
      <c r="AD116" s="8">
        <v>0.96</v>
      </c>
      <c r="AE116" s="8">
        <v>0.96</v>
      </c>
      <c r="AF116" s="8">
        <v>0.96</v>
      </c>
      <c r="AG116" s="8">
        <v>0.96</v>
      </c>
      <c r="AH116" s="8">
        <v>0.96</v>
      </c>
      <c r="AI116" s="8">
        <v>1.22</v>
      </c>
      <c r="AJ116" s="8">
        <v>0.95</v>
      </c>
      <c r="AK116" s="8">
        <v>0.95</v>
      </c>
      <c r="AL116" s="8">
        <v>0.95</v>
      </c>
      <c r="AM116" s="8">
        <v>0.95</v>
      </c>
      <c r="AN116" s="8">
        <v>0.96</v>
      </c>
      <c r="AO116" s="8">
        <v>0.96</v>
      </c>
      <c r="AP116" s="8">
        <v>0.96</v>
      </c>
      <c r="AQ116" s="8">
        <v>0.96</v>
      </c>
      <c r="AR116" s="8">
        <v>0.97</v>
      </c>
      <c r="AS116" s="8">
        <v>0.96</v>
      </c>
      <c r="AT116" s="8">
        <v>0.96</v>
      </c>
      <c r="AU116" s="8">
        <v>0.95</v>
      </c>
      <c r="AV116" s="8">
        <v>0.95</v>
      </c>
      <c r="AW116" s="8">
        <v>0.95</v>
      </c>
      <c r="AX116" s="8">
        <v>0.96</v>
      </c>
      <c r="AY116" s="8">
        <v>0.96</v>
      </c>
      <c r="AZ116" s="8">
        <v>0.97</v>
      </c>
      <c r="BA116" s="8">
        <v>0.97</v>
      </c>
      <c r="BB116" s="8">
        <v>0.98</v>
      </c>
      <c r="BC116" s="8">
        <v>0.97</v>
      </c>
      <c r="BD116" s="8">
        <v>0.96</v>
      </c>
    </row>
    <row r="117" spans="3:56" x14ac:dyDescent="0.2">
      <c r="C117" s="16" t="s">
        <v>88</v>
      </c>
      <c r="D117" s="6" t="s">
        <v>58</v>
      </c>
      <c r="E117" s="8">
        <v>1.46</v>
      </c>
      <c r="F117" s="8">
        <v>1.43</v>
      </c>
      <c r="G117" s="8">
        <v>1.43</v>
      </c>
      <c r="H117" s="8">
        <v>1.42</v>
      </c>
      <c r="I117" s="8">
        <v>1.42</v>
      </c>
      <c r="J117" s="8">
        <v>1.41</v>
      </c>
      <c r="K117" s="8">
        <v>1.39</v>
      </c>
      <c r="L117" s="8">
        <v>1.39</v>
      </c>
      <c r="M117" s="8">
        <v>1.37</v>
      </c>
      <c r="N117" s="8">
        <v>1.37</v>
      </c>
      <c r="O117" s="8">
        <v>1.35</v>
      </c>
      <c r="P117" s="8">
        <v>1.34</v>
      </c>
      <c r="Q117" s="8">
        <v>1.33</v>
      </c>
      <c r="R117" s="8">
        <v>1.33</v>
      </c>
      <c r="S117" s="8">
        <v>1.31</v>
      </c>
      <c r="T117" s="8">
        <v>1.31</v>
      </c>
      <c r="U117" s="8">
        <v>1.31</v>
      </c>
      <c r="V117" s="8">
        <v>1.3</v>
      </c>
      <c r="W117" s="8">
        <v>1.3</v>
      </c>
      <c r="X117" s="8">
        <v>1.3</v>
      </c>
      <c r="Y117" s="8">
        <v>1.29</v>
      </c>
      <c r="Z117" s="8">
        <v>1.29</v>
      </c>
      <c r="AA117" s="8">
        <v>1.31</v>
      </c>
      <c r="AB117" s="8">
        <v>1.32</v>
      </c>
      <c r="AC117" s="8">
        <v>1.33</v>
      </c>
      <c r="AD117" s="8">
        <v>1.32</v>
      </c>
      <c r="AE117" s="8">
        <v>1.32</v>
      </c>
      <c r="AF117" s="8">
        <v>1.3</v>
      </c>
      <c r="AG117" s="8">
        <v>1.3</v>
      </c>
      <c r="AH117" s="8">
        <v>1.29</v>
      </c>
      <c r="AI117" s="8">
        <v>1.29</v>
      </c>
      <c r="AJ117" s="8">
        <v>1.29</v>
      </c>
      <c r="AK117" s="8">
        <v>1.29</v>
      </c>
      <c r="AL117" s="8">
        <v>1.31</v>
      </c>
      <c r="AM117" s="8">
        <v>1.31</v>
      </c>
      <c r="AN117" s="8">
        <v>1.32</v>
      </c>
      <c r="AO117" s="17">
        <v>1.33</v>
      </c>
      <c r="AP117" s="8">
        <v>1.35</v>
      </c>
      <c r="AQ117" s="17">
        <v>1.36</v>
      </c>
      <c r="AR117" s="8">
        <v>1.37</v>
      </c>
      <c r="AS117" s="8">
        <v>1.38</v>
      </c>
      <c r="AT117" s="8">
        <v>1.38</v>
      </c>
      <c r="AU117" s="8">
        <v>1.38</v>
      </c>
      <c r="AV117" s="8">
        <v>1.39</v>
      </c>
      <c r="AW117" s="8">
        <v>1.4</v>
      </c>
      <c r="AX117" s="8">
        <v>1.39</v>
      </c>
      <c r="AY117" s="8">
        <v>1.38</v>
      </c>
      <c r="AZ117" s="8">
        <v>1.38</v>
      </c>
      <c r="BA117" s="8">
        <v>1.37</v>
      </c>
      <c r="BB117" s="8">
        <v>1.37</v>
      </c>
      <c r="BC117" s="8">
        <v>1.38</v>
      </c>
      <c r="BD117" s="8">
        <v>1.39</v>
      </c>
    </row>
    <row r="118" spans="3:56" x14ac:dyDescent="0.2">
      <c r="C118" s="16" t="s">
        <v>89</v>
      </c>
      <c r="D118" s="6" t="s">
        <v>58</v>
      </c>
      <c r="E118" s="8">
        <v>1.53</v>
      </c>
      <c r="F118" s="8">
        <v>1.52</v>
      </c>
      <c r="G118" s="8">
        <v>1.51</v>
      </c>
      <c r="H118" s="8">
        <v>1.51</v>
      </c>
      <c r="I118" s="8">
        <v>1.5</v>
      </c>
      <c r="J118" s="8">
        <v>1.51</v>
      </c>
      <c r="K118" s="8">
        <v>1.49</v>
      </c>
      <c r="L118" s="8">
        <v>1.48</v>
      </c>
      <c r="M118" s="8">
        <v>1.48</v>
      </c>
      <c r="N118" s="8">
        <v>1.48</v>
      </c>
      <c r="O118" s="8">
        <v>1.49</v>
      </c>
      <c r="P118" s="8">
        <v>1.49</v>
      </c>
      <c r="Q118" s="8">
        <v>1.49</v>
      </c>
      <c r="R118" s="8">
        <v>1.49</v>
      </c>
      <c r="S118" s="8">
        <v>1.5</v>
      </c>
      <c r="T118" s="8">
        <v>1.49</v>
      </c>
      <c r="U118" s="8">
        <v>1.49</v>
      </c>
      <c r="V118" s="8">
        <v>1.5</v>
      </c>
      <c r="W118" s="8">
        <v>1.5</v>
      </c>
      <c r="X118" s="8">
        <v>1.51</v>
      </c>
      <c r="Y118" s="8">
        <v>1.54</v>
      </c>
      <c r="Z118" s="8">
        <v>1.54</v>
      </c>
      <c r="AA118" s="8">
        <v>1.56</v>
      </c>
      <c r="AB118" s="8">
        <v>1.57</v>
      </c>
      <c r="AC118" s="8">
        <v>1.58</v>
      </c>
      <c r="AD118" s="8">
        <v>1.61</v>
      </c>
      <c r="AE118" s="8">
        <v>1.6</v>
      </c>
      <c r="AF118" s="8">
        <v>1.61</v>
      </c>
      <c r="AG118" s="8">
        <v>1.63</v>
      </c>
      <c r="AH118" s="8">
        <v>1.64</v>
      </c>
      <c r="AI118" s="8">
        <v>1.65</v>
      </c>
      <c r="AJ118" s="8">
        <v>1.65</v>
      </c>
      <c r="AK118" s="8">
        <v>1.65</v>
      </c>
      <c r="AL118" s="8">
        <v>1.65</v>
      </c>
      <c r="AM118" s="8">
        <v>1.65</v>
      </c>
      <c r="AN118" s="8">
        <v>1.64</v>
      </c>
      <c r="AO118" s="17">
        <v>1.66</v>
      </c>
      <c r="AP118" s="8">
        <v>1.67</v>
      </c>
      <c r="AQ118" s="17">
        <v>1.67</v>
      </c>
      <c r="AR118" s="8">
        <v>1.66</v>
      </c>
      <c r="AS118" s="8">
        <v>1.65</v>
      </c>
      <c r="AT118" s="8">
        <v>1.61</v>
      </c>
      <c r="AU118" s="8">
        <v>1.62</v>
      </c>
      <c r="AV118" s="8">
        <v>1.61</v>
      </c>
      <c r="AW118" s="8">
        <v>1.6</v>
      </c>
      <c r="AX118" s="8">
        <v>1.61</v>
      </c>
      <c r="AY118" s="8">
        <v>1.6</v>
      </c>
      <c r="AZ118" s="8">
        <v>1.6</v>
      </c>
      <c r="BA118" s="8">
        <v>1.59</v>
      </c>
      <c r="BB118" s="8">
        <v>1.61</v>
      </c>
      <c r="BC118" s="8">
        <v>1.62</v>
      </c>
      <c r="BD118" s="8">
        <v>1.61</v>
      </c>
    </row>
    <row r="119" spans="3:56" x14ac:dyDescent="0.2">
      <c r="C119" s="18" t="s">
        <v>91</v>
      </c>
      <c r="D119" s="6" t="s">
        <v>58</v>
      </c>
      <c r="E119" s="8">
        <v>1.68</v>
      </c>
      <c r="F119" s="8">
        <v>1.7</v>
      </c>
      <c r="G119" s="8">
        <v>1.66</v>
      </c>
      <c r="H119" s="8">
        <v>1.65</v>
      </c>
      <c r="I119" s="8">
        <v>1.65</v>
      </c>
      <c r="J119" s="8">
        <v>1.69</v>
      </c>
      <c r="K119" s="8">
        <v>1.7</v>
      </c>
      <c r="L119" s="8">
        <v>1.7</v>
      </c>
      <c r="M119" s="8">
        <v>1.71</v>
      </c>
      <c r="N119" s="8">
        <v>1.7</v>
      </c>
      <c r="O119" s="8"/>
      <c r="P119" s="8"/>
      <c r="Q119" s="8"/>
      <c r="R119" s="8"/>
      <c r="S119" s="8"/>
      <c r="T119" s="8"/>
      <c r="U119" s="8"/>
      <c r="V119" s="8"/>
      <c r="W119" s="21"/>
      <c r="X119" s="8"/>
      <c r="Y119" s="8"/>
      <c r="Z119" s="8"/>
      <c r="AA119" s="8"/>
      <c r="AB119" s="8"/>
      <c r="AC119" s="8"/>
      <c r="AD119" s="8"/>
      <c r="AE119" s="8"/>
      <c r="AF119" s="8"/>
      <c r="AG119" s="8"/>
      <c r="AH119" s="8"/>
      <c r="AI119" s="8"/>
      <c r="AJ119" s="8"/>
      <c r="AK119" s="8"/>
      <c r="AL119" s="8"/>
      <c r="AM119" s="8"/>
      <c r="AN119" s="8"/>
      <c r="AO119" s="17"/>
      <c r="AP119" s="8">
        <v>1.63</v>
      </c>
      <c r="AQ119" s="17">
        <v>1.66</v>
      </c>
      <c r="AR119" s="8">
        <v>1.64</v>
      </c>
      <c r="AS119" s="8">
        <v>1.73</v>
      </c>
      <c r="AT119" s="8">
        <v>1.8</v>
      </c>
      <c r="AU119" s="8">
        <v>1.68</v>
      </c>
      <c r="AV119" s="8">
        <v>1.79</v>
      </c>
      <c r="AW119" s="8">
        <v>1.77</v>
      </c>
      <c r="AX119" s="8">
        <v>1.74</v>
      </c>
      <c r="AY119" s="8">
        <v>1.69</v>
      </c>
      <c r="AZ119" s="8">
        <v>1.68</v>
      </c>
      <c r="BA119" s="8">
        <v>1.65</v>
      </c>
      <c r="BB119" s="8">
        <v>1.5</v>
      </c>
      <c r="BC119" s="8">
        <v>1.55</v>
      </c>
      <c r="BD119" s="8">
        <v>1.55</v>
      </c>
    </row>
    <row r="120" spans="3:56" x14ac:dyDescent="0.2">
      <c r="C120" s="18" t="s">
        <v>93</v>
      </c>
      <c r="D120" s="6" t="s">
        <v>58</v>
      </c>
      <c r="E120" s="17"/>
      <c r="F120" s="17"/>
      <c r="G120" s="17"/>
      <c r="H120" s="17"/>
      <c r="I120" s="23"/>
      <c r="J120" s="17"/>
      <c r="K120" s="17"/>
      <c r="L120" s="21"/>
      <c r="M120" s="17"/>
      <c r="N120" s="17">
        <v>1.33</v>
      </c>
      <c r="O120" s="8">
        <v>1.32</v>
      </c>
      <c r="P120" s="8">
        <v>1.32</v>
      </c>
      <c r="Q120" s="8">
        <v>1.36</v>
      </c>
      <c r="R120" s="8">
        <v>1.34</v>
      </c>
      <c r="S120" s="8">
        <v>1.35</v>
      </c>
      <c r="T120" s="8">
        <v>1.34</v>
      </c>
      <c r="U120" s="8">
        <v>1.35</v>
      </c>
      <c r="V120" s="8">
        <v>1.34</v>
      </c>
      <c r="W120" s="8">
        <v>1.33</v>
      </c>
      <c r="X120" s="8">
        <v>1.32</v>
      </c>
      <c r="Y120" s="8">
        <v>1.32</v>
      </c>
      <c r="Z120" s="8">
        <v>1.24</v>
      </c>
      <c r="AA120" s="8">
        <v>1.24</v>
      </c>
      <c r="AB120" s="8">
        <v>1.24</v>
      </c>
      <c r="AC120" s="8">
        <v>1.25</v>
      </c>
      <c r="AD120" s="8">
        <v>1.28</v>
      </c>
      <c r="AE120" s="8">
        <v>1.27</v>
      </c>
      <c r="AF120" s="8">
        <v>1.27</v>
      </c>
      <c r="AG120" s="8">
        <v>1.27</v>
      </c>
      <c r="AH120" s="8">
        <v>1.28</v>
      </c>
      <c r="AI120" s="17">
        <v>1.29</v>
      </c>
      <c r="AJ120" s="17">
        <v>1.3</v>
      </c>
      <c r="AK120" s="17">
        <v>1.29</v>
      </c>
      <c r="AL120" s="17">
        <v>1.3</v>
      </c>
      <c r="AM120" s="8">
        <v>1.3</v>
      </c>
      <c r="AN120" s="8">
        <v>1.33</v>
      </c>
      <c r="AO120" s="17">
        <v>1.35</v>
      </c>
      <c r="AP120" s="8"/>
      <c r="AQ120" s="17"/>
      <c r="AS120" s="17"/>
      <c r="AT120" s="17"/>
      <c r="AU120" s="17"/>
      <c r="AV120" s="17"/>
      <c r="AW120" s="17"/>
      <c r="AX120" s="17"/>
      <c r="AY120" s="8"/>
      <c r="AZ120" s="26"/>
      <c r="BA120" s="17"/>
      <c r="BB120" s="17"/>
      <c r="BC120" s="17"/>
      <c r="BD120" s="17"/>
    </row>
    <row r="121" spans="3:56" x14ac:dyDescent="0.2">
      <c r="C121" s="16" t="s">
        <v>95</v>
      </c>
      <c r="D121" s="6" t="s">
        <v>58</v>
      </c>
      <c r="E121" s="17">
        <v>1.47</v>
      </c>
      <c r="F121" s="17">
        <v>1.48</v>
      </c>
      <c r="G121" s="17">
        <v>1.48</v>
      </c>
      <c r="H121" s="17">
        <v>1.48</v>
      </c>
      <c r="I121" s="17">
        <v>1.46</v>
      </c>
      <c r="J121" s="17">
        <v>1.47</v>
      </c>
      <c r="K121" s="17">
        <v>1.45</v>
      </c>
      <c r="L121" s="17">
        <v>1.45</v>
      </c>
      <c r="M121" s="17">
        <v>1.44</v>
      </c>
      <c r="N121" s="17">
        <v>1.45</v>
      </c>
      <c r="O121" s="17">
        <v>1.44</v>
      </c>
      <c r="P121" s="17">
        <v>1.44</v>
      </c>
      <c r="Q121" s="17">
        <v>1.44</v>
      </c>
      <c r="R121" s="17">
        <v>1.43</v>
      </c>
      <c r="S121" s="17">
        <v>1.44</v>
      </c>
      <c r="T121" s="17">
        <v>1.43</v>
      </c>
      <c r="U121" s="17">
        <v>1.43</v>
      </c>
      <c r="V121" s="17">
        <v>1.45</v>
      </c>
      <c r="W121" s="17">
        <v>1.47</v>
      </c>
      <c r="X121" s="17">
        <v>1.47</v>
      </c>
      <c r="Y121" s="17">
        <v>1.47</v>
      </c>
      <c r="Z121" s="17">
        <v>1.47</v>
      </c>
      <c r="AA121" s="17">
        <v>1.47</v>
      </c>
      <c r="AB121" s="17">
        <v>1.48</v>
      </c>
      <c r="AC121" s="17">
        <v>1.5</v>
      </c>
      <c r="AD121" s="17">
        <v>1.51</v>
      </c>
      <c r="AE121" s="17">
        <v>1.52</v>
      </c>
      <c r="AF121" s="17">
        <v>1.55</v>
      </c>
      <c r="AG121" s="17">
        <v>1.55</v>
      </c>
      <c r="AH121" s="17">
        <v>1.54</v>
      </c>
      <c r="AI121" s="17">
        <v>1.62</v>
      </c>
      <c r="AJ121" s="17">
        <v>1.64</v>
      </c>
      <c r="AK121" s="17">
        <v>1.62</v>
      </c>
      <c r="AL121" s="17">
        <v>1.64</v>
      </c>
      <c r="AM121" s="17">
        <v>1.62</v>
      </c>
      <c r="AN121" s="17">
        <v>1.63</v>
      </c>
      <c r="AO121" s="17">
        <v>1.63</v>
      </c>
      <c r="AP121" s="17">
        <v>1.65</v>
      </c>
      <c r="AQ121" s="17">
        <v>1.64</v>
      </c>
      <c r="AR121" s="17">
        <v>1.68</v>
      </c>
      <c r="AS121" s="17">
        <v>1.67</v>
      </c>
      <c r="AT121" s="17">
        <v>1.64</v>
      </c>
      <c r="AU121" s="17">
        <v>1.64</v>
      </c>
      <c r="AV121" s="17">
        <v>1.63</v>
      </c>
      <c r="AW121" s="17">
        <v>1.65</v>
      </c>
      <c r="AX121" s="17">
        <v>1.65</v>
      </c>
      <c r="AY121" s="8">
        <v>1.65</v>
      </c>
      <c r="AZ121" s="17">
        <v>1.65</v>
      </c>
      <c r="BA121" s="17">
        <v>1.66</v>
      </c>
      <c r="BB121" s="17">
        <v>1.65</v>
      </c>
      <c r="BC121" s="17">
        <v>1.66</v>
      </c>
      <c r="BD121" s="17">
        <v>1.66</v>
      </c>
    </row>
    <row r="122" spans="3:56" x14ac:dyDescent="0.2">
      <c r="C122" s="23" t="s">
        <v>96</v>
      </c>
      <c r="D122" s="6" t="s">
        <v>58</v>
      </c>
      <c r="E122" s="17">
        <v>1.97</v>
      </c>
      <c r="F122" s="17">
        <v>1.93</v>
      </c>
      <c r="G122" s="17">
        <v>1.9</v>
      </c>
      <c r="H122" s="17">
        <v>1.88</v>
      </c>
      <c r="I122" s="17">
        <v>1.88</v>
      </c>
      <c r="J122" s="17">
        <v>1.89</v>
      </c>
      <c r="K122" s="17">
        <v>1.89</v>
      </c>
      <c r="L122" s="17">
        <v>1.89</v>
      </c>
      <c r="M122" s="17">
        <v>1.88</v>
      </c>
      <c r="N122" s="17">
        <v>1.87</v>
      </c>
      <c r="O122" s="17">
        <v>1.86</v>
      </c>
      <c r="P122" s="17">
        <v>1.84</v>
      </c>
      <c r="Q122" s="17">
        <v>1.8</v>
      </c>
      <c r="R122" s="17">
        <v>1.77</v>
      </c>
      <c r="S122" s="17">
        <v>1.78</v>
      </c>
      <c r="T122" s="17">
        <v>1.78</v>
      </c>
      <c r="U122" s="17">
        <v>1.77</v>
      </c>
      <c r="V122" s="17">
        <v>1.78</v>
      </c>
      <c r="W122" s="17">
        <v>1.81</v>
      </c>
      <c r="X122" s="17">
        <v>1.83</v>
      </c>
      <c r="Y122" s="17">
        <v>1.87</v>
      </c>
      <c r="Z122" s="17">
        <v>1.87</v>
      </c>
      <c r="AA122" s="17">
        <v>1.87</v>
      </c>
      <c r="AB122" s="17">
        <v>1.88</v>
      </c>
      <c r="AC122" s="17">
        <v>1.88</v>
      </c>
      <c r="AD122" s="17">
        <v>1.84</v>
      </c>
      <c r="AE122" s="17">
        <v>1.81</v>
      </c>
      <c r="AF122" s="17">
        <v>1.78</v>
      </c>
      <c r="AG122" s="17">
        <v>1.76</v>
      </c>
      <c r="AH122" s="17">
        <v>1.76</v>
      </c>
      <c r="AI122" s="17">
        <v>1.78</v>
      </c>
      <c r="AJ122" s="17">
        <v>1.78</v>
      </c>
      <c r="AK122" s="17">
        <v>1.79</v>
      </c>
      <c r="AL122" s="17">
        <v>1.81</v>
      </c>
      <c r="AM122" s="17">
        <v>1.81</v>
      </c>
      <c r="AN122" s="17">
        <v>1.84</v>
      </c>
      <c r="AO122" s="17">
        <v>1.87</v>
      </c>
      <c r="AP122" s="17">
        <v>1.88</v>
      </c>
      <c r="AQ122" s="17">
        <v>1.86</v>
      </c>
      <c r="AR122" s="17">
        <v>1.86</v>
      </c>
      <c r="AS122" s="17">
        <v>1.84</v>
      </c>
      <c r="AT122" s="17">
        <v>1.82</v>
      </c>
      <c r="AU122" s="17">
        <v>1.81</v>
      </c>
      <c r="AV122" s="17">
        <v>1.77</v>
      </c>
      <c r="AW122" s="17">
        <v>1.78</v>
      </c>
      <c r="AX122" s="17">
        <v>1.83</v>
      </c>
      <c r="AY122" s="17">
        <v>1.87</v>
      </c>
      <c r="AZ122" s="17">
        <v>1.89</v>
      </c>
      <c r="BA122" s="17">
        <v>1.9</v>
      </c>
      <c r="BB122" s="17">
        <v>1.89</v>
      </c>
      <c r="BC122" s="17">
        <v>1.86</v>
      </c>
      <c r="BD122" s="17">
        <v>1.83</v>
      </c>
    </row>
  </sheetData>
  <mergeCells count="1">
    <mergeCell ref="D4:G4"/>
  </mergeCells>
  <phoneticPr fontId="0" type="noConversion"/>
  <printOptions verticalCentered="1"/>
  <pageMargins left="0.39370078740157483" right="0.39370078740157483" top="0.39370078740157483" bottom="0.39370078740157483" header="0" footer="0"/>
  <pageSetup paperSize="8" scale="34" orientation="landscape" horizontalDpi="1200" verticalDpi="1200" r:id="rId1"/>
  <headerFooter alignWithMargins="0"/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C2:BD122"/>
  <sheetViews>
    <sheetView workbookViewId="0">
      <selection activeCell="C2" sqref="C2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56" width="5.42578125" bestFit="1" customWidth="1"/>
  </cols>
  <sheetData>
    <row r="2" spans="3:56" ht="18" customHeight="1" x14ac:dyDescent="0.2">
      <c r="D2" s="30"/>
    </row>
    <row r="3" spans="3:56" ht="21" customHeight="1" x14ac:dyDescent="0.2">
      <c r="D3" s="30"/>
    </row>
    <row r="4" spans="3:56" ht="32.25" customHeight="1" x14ac:dyDescent="0.2">
      <c r="D4" s="214"/>
      <c r="E4" s="214"/>
      <c r="F4" s="214"/>
      <c r="G4" s="214"/>
    </row>
    <row r="5" spans="3:56" x14ac:dyDescent="0.2">
      <c r="E5" s="27"/>
    </row>
    <row r="6" spans="3:56" ht="24.95" customHeight="1" x14ac:dyDescent="0.2">
      <c r="C6" s="28" t="s">
        <v>98</v>
      </c>
    </row>
    <row r="7" spans="3:56" ht="24.95" customHeight="1" x14ac:dyDescent="0.2">
      <c r="C7" s="29" t="s">
        <v>99</v>
      </c>
    </row>
    <row r="11" spans="3:56" x14ac:dyDescent="0.2">
      <c r="C11" s="1" t="s">
        <v>0</v>
      </c>
    </row>
    <row r="12" spans="3:56" ht="15" customHeight="1" x14ac:dyDescent="0.2">
      <c r="E12" s="2">
        <v>2007</v>
      </c>
      <c r="F12" s="2"/>
      <c r="G12" s="2"/>
      <c r="H12" s="2"/>
      <c r="I12" s="2"/>
      <c r="J12" s="2"/>
      <c r="K12" s="2"/>
      <c r="L12" s="2"/>
      <c r="M12" s="2"/>
    </row>
    <row r="13" spans="3:56" x14ac:dyDescent="0.2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">
      <c r="C14" s="5" t="s">
        <v>57</v>
      </c>
      <c r="D14" s="6" t="s">
        <v>58</v>
      </c>
      <c r="E14" s="8">
        <v>3.7</v>
      </c>
      <c r="F14" s="8">
        <v>3.64</v>
      </c>
      <c r="G14" s="34">
        <v>3.65</v>
      </c>
      <c r="H14" s="34">
        <v>3.66</v>
      </c>
      <c r="I14" s="7">
        <v>3.7</v>
      </c>
      <c r="J14" s="41">
        <v>3.71</v>
      </c>
      <c r="K14" s="41">
        <v>3.81</v>
      </c>
      <c r="L14" s="41">
        <v>3.8</v>
      </c>
      <c r="M14" s="40">
        <v>3.8</v>
      </c>
      <c r="N14" s="40">
        <v>3.78</v>
      </c>
      <c r="O14" s="42">
        <v>3.66</v>
      </c>
      <c r="P14" s="40">
        <v>3.59</v>
      </c>
      <c r="Q14" s="40">
        <v>3.52</v>
      </c>
      <c r="R14" s="40">
        <v>3.52</v>
      </c>
      <c r="S14" s="40">
        <v>3.53</v>
      </c>
      <c r="T14" s="40">
        <v>3.52</v>
      </c>
      <c r="U14" s="40">
        <v>3.5</v>
      </c>
      <c r="V14" s="40">
        <v>3.47</v>
      </c>
      <c r="W14" s="40">
        <v>3.45</v>
      </c>
      <c r="X14" s="40">
        <v>3.42</v>
      </c>
      <c r="Y14" s="40">
        <v>3.37</v>
      </c>
      <c r="Z14" s="40">
        <v>3.37</v>
      </c>
      <c r="AA14" s="40">
        <v>3.34</v>
      </c>
      <c r="AB14" s="40">
        <v>3.31</v>
      </c>
      <c r="AC14" s="40">
        <v>3.29</v>
      </c>
      <c r="AD14" s="40">
        <v>3.27</v>
      </c>
      <c r="AE14" s="40">
        <v>3.26</v>
      </c>
      <c r="AF14" s="40">
        <v>3.25</v>
      </c>
      <c r="AG14" s="40">
        <v>3.24</v>
      </c>
      <c r="AH14" s="40">
        <v>3.26</v>
      </c>
      <c r="AI14" s="40">
        <v>3.27</v>
      </c>
      <c r="AJ14" s="40">
        <v>3.3</v>
      </c>
      <c r="AK14" s="40">
        <v>3.33</v>
      </c>
      <c r="AL14" s="40">
        <v>3.42</v>
      </c>
      <c r="AM14" s="40">
        <v>3.43</v>
      </c>
      <c r="AN14" s="40">
        <v>3.47</v>
      </c>
      <c r="AO14" s="40">
        <v>3.48</v>
      </c>
      <c r="AP14" s="40">
        <v>3.47</v>
      </c>
      <c r="AQ14" s="40">
        <v>3.46</v>
      </c>
      <c r="AR14" s="40">
        <v>3.44</v>
      </c>
      <c r="AS14" s="40">
        <v>3.44</v>
      </c>
      <c r="AT14" s="8">
        <v>3.44</v>
      </c>
      <c r="AU14" s="40">
        <v>3.45</v>
      </c>
      <c r="AV14" s="40">
        <v>3.46</v>
      </c>
      <c r="AW14" s="40">
        <v>3.46</v>
      </c>
      <c r="AX14" s="40">
        <v>3.47</v>
      </c>
      <c r="AY14" s="40">
        <v>3.47</v>
      </c>
      <c r="AZ14" s="40">
        <v>3.5</v>
      </c>
      <c r="BA14" s="40">
        <v>3.48</v>
      </c>
      <c r="BB14" s="40">
        <v>3.47</v>
      </c>
      <c r="BC14" s="40">
        <v>3.47</v>
      </c>
      <c r="BD14" s="40">
        <v>3.48</v>
      </c>
    </row>
    <row r="15" spans="3:56" x14ac:dyDescent="0.2">
      <c r="C15" s="5" t="s">
        <v>59</v>
      </c>
      <c r="D15" s="6" t="s">
        <v>58</v>
      </c>
      <c r="E15" s="8">
        <v>4.54</v>
      </c>
      <c r="F15" s="8">
        <v>4.1900000000000004</v>
      </c>
      <c r="G15" s="40">
        <v>4.04</v>
      </c>
      <c r="H15" s="40">
        <v>4.1100000000000003</v>
      </c>
      <c r="I15" s="7">
        <v>4.41</v>
      </c>
      <c r="J15" s="40">
        <v>4.66</v>
      </c>
      <c r="K15" s="40">
        <v>4.79</v>
      </c>
      <c r="L15" s="40">
        <v>4.76</v>
      </c>
      <c r="M15" s="40">
        <v>4.76</v>
      </c>
      <c r="N15" s="40">
        <v>4.76</v>
      </c>
      <c r="O15" s="40">
        <v>4.8099999999999996</v>
      </c>
      <c r="P15" s="40">
        <v>4.95</v>
      </c>
      <c r="Q15" s="40">
        <v>4.99</v>
      </c>
      <c r="R15" s="40">
        <v>4.9400000000000004</v>
      </c>
      <c r="S15" s="40">
        <v>4.8099999999999996</v>
      </c>
      <c r="T15" s="40">
        <v>4.49</v>
      </c>
      <c r="U15" s="40">
        <v>4.28</v>
      </c>
      <c r="V15" s="40">
        <v>4.25</v>
      </c>
      <c r="W15" s="40">
        <v>4.2</v>
      </c>
      <c r="X15" s="40">
        <v>4.22</v>
      </c>
      <c r="Y15" s="40">
        <v>4.1900000000000004</v>
      </c>
      <c r="Z15" s="40">
        <v>4.1900000000000004</v>
      </c>
      <c r="AA15" s="40">
        <v>4.13</v>
      </c>
      <c r="AB15" s="40">
        <v>4.0999999999999996</v>
      </c>
      <c r="AC15" s="40">
        <v>4.0999999999999996</v>
      </c>
      <c r="AD15" s="40">
        <v>4.0999999999999996</v>
      </c>
      <c r="AE15" s="40">
        <v>4.29</v>
      </c>
      <c r="AF15" s="40">
        <v>4.43</v>
      </c>
      <c r="AG15" s="40">
        <v>4.5</v>
      </c>
      <c r="AH15" s="40">
        <v>4.5999999999999996</v>
      </c>
      <c r="AI15" s="40">
        <v>4.6100000000000003</v>
      </c>
      <c r="AJ15" s="40">
        <v>4.6900000000000004</v>
      </c>
      <c r="AK15" s="40">
        <v>4.87</v>
      </c>
      <c r="AL15" s="40">
        <v>5.0199999999999996</v>
      </c>
      <c r="AM15" s="40">
        <v>5.0199999999999996</v>
      </c>
      <c r="AN15" s="40">
        <v>5.2</v>
      </c>
      <c r="AO15" s="40">
        <v>5.01</v>
      </c>
      <c r="AP15" s="40">
        <v>5.0999999999999996</v>
      </c>
      <c r="AQ15" s="40">
        <v>5.27</v>
      </c>
      <c r="AR15" s="40">
        <v>5.54</v>
      </c>
      <c r="AS15" s="40">
        <v>5.85</v>
      </c>
      <c r="AT15" s="8">
        <v>5.95</v>
      </c>
      <c r="AU15" s="40">
        <v>6.17</v>
      </c>
      <c r="AV15" s="41">
        <v>6.2</v>
      </c>
      <c r="AW15" s="40">
        <v>6.41</v>
      </c>
      <c r="AX15" s="40">
        <v>6.49</v>
      </c>
      <c r="AY15" s="40">
        <v>6.3</v>
      </c>
      <c r="AZ15" s="40">
        <v>6.15</v>
      </c>
      <c r="BA15" s="40">
        <v>6.13</v>
      </c>
      <c r="BB15" s="40">
        <v>6.12</v>
      </c>
      <c r="BC15" s="40">
        <v>6.12</v>
      </c>
      <c r="BD15" s="40">
        <v>6.09</v>
      </c>
    </row>
    <row r="16" spans="3:56" x14ac:dyDescent="0.2">
      <c r="C16" s="5" t="s">
        <v>60</v>
      </c>
      <c r="D16" s="6" t="s">
        <v>58</v>
      </c>
      <c r="E16" s="8">
        <v>1.21</v>
      </c>
      <c r="F16" s="8">
        <v>1.22</v>
      </c>
      <c r="G16" s="40">
        <v>1.29</v>
      </c>
      <c r="H16" s="40">
        <v>1.21</v>
      </c>
      <c r="I16" s="7">
        <v>1.25</v>
      </c>
      <c r="J16" s="40">
        <v>1.28</v>
      </c>
      <c r="K16" s="40">
        <v>1.33</v>
      </c>
      <c r="L16" s="40">
        <v>1.37</v>
      </c>
      <c r="M16" s="40">
        <v>1.38</v>
      </c>
      <c r="N16" s="40">
        <v>1.39</v>
      </c>
      <c r="O16" s="40">
        <v>1.39</v>
      </c>
      <c r="P16" s="40">
        <v>1.38</v>
      </c>
      <c r="Q16" s="40">
        <v>1.38</v>
      </c>
      <c r="R16" s="40">
        <v>1.37</v>
      </c>
      <c r="S16" s="40">
        <v>1.37</v>
      </c>
      <c r="T16" s="40">
        <v>1.38</v>
      </c>
      <c r="U16" s="40">
        <v>1.4</v>
      </c>
      <c r="V16" s="40">
        <v>1.38</v>
      </c>
      <c r="W16" s="40">
        <v>1.38</v>
      </c>
      <c r="X16" s="40">
        <v>1.38</v>
      </c>
      <c r="Y16" s="40">
        <v>1.4</v>
      </c>
      <c r="Z16" s="40">
        <v>1.4</v>
      </c>
      <c r="AA16" s="40">
        <v>1.45</v>
      </c>
      <c r="AB16" s="40">
        <v>1.54</v>
      </c>
      <c r="AC16" s="40">
        <v>1.58</v>
      </c>
      <c r="AD16" s="40">
        <v>1.61</v>
      </c>
      <c r="AE16" s="40">
        <v>1.59</v>
      </c>
      <c r="AF16" s="40">
        <v>1.59</v>
      </c>
      <c r="AG16" s="40">
        <v>1.57</v>
      </c>
      <c r="AH16" s="40">
        <v>1.55</v>
      </c>
      <c r="AI16" s="40">
        <v>1.53</v>
      </c>
      <c r="AJ16" s="40">
        <v>1.51</v>
      </c>
      <c r="AK16" s="40">
        <v>1.51</v>
      </c>
      <c r="AL16" s="40">
        <v>1.51</v>
      </c>
      <c r="AM16" s="40">
        <v>1.51</v>
      </c>
      <c r="AN16" s="40">
        <v>1.46</v>
      </c>
      <c r="AO16" s="40">
        <v>1.39</v>
      </c>
      <c r="AP16" s="40">
        <v>1.34</v>
      </c>
      <c r="AQ16" s="40">
        <v>1.28</v>
      </c>
      <c r="AR16" s="40">
        <v>1.24</v>
      </c>
      <c r="AS16" s="40">
        <v>1.22</v>
      </c>
      <c r="AT16" s="8">
        <v>1.17</v>
      </c>
      <c r="AU16" s="40">
        <v>1.1599999999999999</v>
      </c>
      <c r="AV16" s="41">
        <v>1.1499999999999999</v>
      </c>
      <c r="AW16" s="40">
        <v>1.1499999999999999</v>
      </c>
      <c r="AX16" s="40">
        <v>1.1499999999999999</v>
      </c>
      <c r="AY16" s="40">
        <v>1.1499999999999999</v>
      </c>
      <c r="AZ16" s="40">
        <v>1.18</v>
      </c>
      <c r="BA16" s="40">
        <v>1.21</v>
      </c>
      <c r="BB16" s="40">
        <v>1.25</v>
      </c>
      <c r="BC16" s="40">
        <v>1.25</v>
      </c>
      <c r="BD16" s="40">
        <v>1.25</v>
      </c>
    </row>
    <row r="17" spans="3:56" x14ac:dyDescent="0.2">
      <c r="C17" s="5" t="s">
        <v>61</v>
      </c>
      <c r="D17" s="6" t="s">
        <v>58</v>
      </c>
      <c r="E17" s="8">
        <v>1.67</v>
      </c>
      <c r="F17" s="8">
        <v>1.59</v>
      </c>
      <c r="G17" s="40">
        <v>1.47</v>
      </c>
      <c r="H17" s="40">
        <v>1.44</v>
      </c>
      <c r="I17" s="7">
        <v>1.4</v>
      </c>
      <c r="J17" s="40">
        <v>1.36</v>
      </c>
      <c r="K17" s="40">
        <v>1.5</v>
      </c>
      <c r="L17" s="40">
        <v>1.58</v>
      </c>
      <c r="M17" s="40">
        <v>1.52</v>
      </c>
      <c r="N17" s="40">
        <v>1.54</v>
      </c>
      <c r="O17" s="40">
        <v>1.56</v>
      </c>
      <c r="P17" s="40">
        <v>1.54</v>
      </c>
      <c r="Q17" s="40">
        <v>1.59</v>
      </c>
      <c r="R17" s="40">
        <v>1.65</v>
      </c>
      <c r="S17" s="40">
        <v>1.88</v>
      </c>
      <c r="T17" s="40">
        <v>1.78</v>
      </c>
      <c r="U17" s="40">
        <v>1.84</v>
      </c>
      <c r="V17" s="40">
        <v>1.89</v>
      </c>
      <c r="W17" s="40">
        <v>1.92</v>
      </c>
      <c r="X17" s="40">
        <v>1.92</v>
      </c>
      <c r="Y17" s="40">
        <v>1.92</v>
      </c>
      <c r="Z17" s="40">
        <v>1.92</v>
      </c>
      <c r="AA17" s="40">
        <v>1.8</v>
      </c>
      <c r="AB17" s="40">
        <v>1.81</v>
      </c>
      <c r="AC17" s="40">
        <v>1.76</v>
      </c>
      <c r="AD17" s="40">
        <v>1.77</v>
      </c>
      <c r="AE17" s="40">
        <v>1.77</v>
      </c>
      <c r="AF17" s="40">
        <v>1.81</v>
      </c>
      <c r="AG17" s="40">
        <v>1.81</v>
      </c>
      <c r="AH17" s="40">
        <v>1.8</v>
      </c>
      <c r="AI17" s="40">
        <v>1.83</v>
      </c>
      <c r="AJ17" s="40">
        <v>1.87</v>
      </c>
      <c r="AK17" s="40">
        <v>1.9</v>
      </c>
      <c r="AL17" s="40">
        <v>1.89</v>
      </c>
      <c r="AM17" s="40">
        <v>1.89</v>
      </c>
      <c r="AN17" s="40">
        <v>1.87</v>
      </c>
      <c r="AO17" s="40">
        <v>1.92</v>
      </c>
      <c r="AP17" s="40">
        <v>1.94</v>
      </c>
      <c r="AQ17" s="40">
        <v>2.06</v>
      </c>
      <c r="AR17" s="40">
        <v>1.99</v>
      </c>
      <c r="AS17" s="40">
        <v>2.0299999999999998</v>
      </c>
      <c r="AT17" s="8">
        <v>2</v>
      </c>
      <c r="AU17" s="40">
        <v>2</v>
      </c>
      <c r="AV17" s="41">
        <v>1.95</v>
      </c>
      <c r="AW17" s="40">
        <v>1.87</v>
      </c>
      <c r="AX17" s="40">
        <v>1.94</v>
      </c>
      <c r="AY17" s="40">
        <v>1.87</v>
      </c>
      <c r="AZ17" s="40">
        <v>1.87</v>
      </c>
      <c r="BA17" s="40">
        <v>1.82</v>
      </c>
      <c r="BB17" s="40">
        <v>1.83</v>
      </c>
      <c r="BC17" s="40">
        <v>1.83</v>
      </c>
      <c r="BD17" s="40">
        <v>1.83</v>
      </c>
    </row>
    <row r="18" spans="3:56" x14ac:dyDescent="0.2">
      <c r="C18" s="5" t="s">
        <v>62</v>
      </c>
      <c r="D18" s="6" t="s">
        <v>58</v>
      </c>
      <c r="E18" s="8">
        <v>2.73</v>
      </c>
      <c r="F18" s="37">
        <v>2.4700000000000002</v>
      </c>
      <c r="G18" s="40">
        <v>2.4500000000000002</v>
      </c>
      <c r="H18" s="40">
        <v>2.5499999999999998</v>
      </c>
      <c r="I18" s="7">
        <v>2.5499999999999998</v>
      </c>
      <c r="J18" s="42">
        <v>2.73</v>
      </c>
      <c r="K18" s="40">
        <v>2.83</v>
      </c>
      <c r="L18" s="40">
        <v>2.83</v>
      </c>
      <c r="M18" s="40">
        <v>2.64</v>
      </c>
      <c r="N18" s="40">
        <v>2.65</v>
      </c>
      <c r="O18" s="40">
        <v>2.65</v>
      </c>
      <c r="P18" s="40">
        <v>2.83</v>
      </c>
      <c r="Q18" s="40">
        <v>2.86</v>
      </c>
      <c r="R18" s="40">
        <v>3.01</v>
      </c>
      <c r="S18" s="40">
        <v>3.02</v>
      </c>
      <c r="T18" s="42">
        <v>3.01</v>
      </c>
      <c r="U18" s="40">
        <v>2.94</v>
      </c>
      <c r="V18" s="40">
        <v>2.74</v>
      </c>
      <c r="W18" s="40">
        <v>2.74</v>
      </c>
      <c r="X18" s="40">
        <v>2.65</v>
      </c>
      <c r="Y18" s="42">
        <v>2.4700000000000002</v>
      </c>
      <c r="Z18" s="40">
        <v>2.4700000000000002</v>
      </c>
      <c r="AA18" s="40">
        <v>2.38</v>
      </c>
      <c r="AB18" s="40">
        <v>2.46</v>
      </c>
      <c r="AC18" s="42">
        <v>2.46</v>
      </c>
      <c r="AD18" s="40">
        <v>2.46</v>
      </c>
      <c r="AE18" s="40">
        <v>2.46</v>
      </c>
      <c r="AF18" s="40">
        <v>2.41</v>
      </c>
      <c r="AG18" s="42">
        <v>2.41</v>
      </c>
      <c r="AH18" s="40">
        <v>2.41</v>
      </c>
      <c r="AI18" s="40">
        <v>2.41</v>
      </c>
      <c r="AJ18" s="40">
        <v>2.41</v>
      </c>
      <c r="AK18" s="40">
        <v>2.41</v>
      </c>
      <c r="AL18" s="40">
        <v>2.41</v>
      </c>
      <c r="AM18" s="40">
        <v>2.4300000000000002</v>
      </c>
      <c r="AN18" s="40">
        <v>2.4300000000000002</v>
      </c>
      <c r="AO18" s="40">
        <v>2.63</v>
      </c>
      <c r="AP18" s="40">
        <v>2.91</v>
      </c>
      <c r="AQ18" s="40">
        <v>2.9</v>
      </c>
      <c r="AR18" s="40">
        <v>3</v>
      </c>
      <c r="AS18" s="40">
        <v>3.17</v>
      </c>
      <c r="AT18" s="8">
        <v>3.18</v>
      </c>
      <c r="AU18" s="40">
        <v>3.27</v>
      </c>
      <c r="AV18" s="41">
        <v>3.25</v>
      </c>
      <c r="AW18" s="40">
        <v>3.25</v>
      </c>
      <c r="AX18" s="40">
        <v>3.23</v>
      </c>
      <c r="AY18" s="40">
        <v>2.87</v>
      </c>
      <c r="AZ18" s="40">
        <v>2.87</v>
      </c>
      <c r="BA18" s="40">
        <v>2.81</v>
      </c>
      <c r="BB18" s="40">
        <v>2.64</v>
      </c>
      <c r="BC18" s="42">
        <v>2.57</v>
      </c>
      <c r="BD18" s="40">
        <v>2.57</v>
      </c>
    </row>
    <row r="19" spans="3:56" x14ac:dyDescent="0.2">
      <c r="C19" s="5" t="s">
        <v>63</v>
      </c>
      <c r="D19" s="6" t="s">
        <v>58</v>
      </c>
      <c r="E19" s="8">
        <v>8.0399999999999991</v>
      </c>
      <c r="F19" s="38">
        <v>8.8000000000000007</v>
      </c>
      <c r="G19" s="38">
        <v>8.26</v>
      </c>
      <c r="H19" s="38">
        <v>6.36</v>
      </c>
      <c r="I19" s="38">
        <v>6.36</v>
      </c>
      <c r="J19" s="38">
        <v>5.47</v>
      </c>
      <c r="K19" s="38">
        <v>6.05</v>
      </c>
      <c r="L19" s="38">
        <v>6.79</v>
      </c>
      <c r="M19" s="38">
        <v>6.59</v>
      </c>
      <c r="N19" s="38">
        <v>6.3</v>
      </c>
      <c r="O19" s="38">
        <v>7.2</v>
      </c>
      <c r="P19" s="38">
        <v>6.34</v>
      </c>
      <c r="Q19" s="38">
        <v>6.07</v>
      </c>
      <c r="R19" s="38">
        <v>5.8</v>
      </c>
      <c r="S19" s="38">
        <v>6.8</v>
      </c>
      <c r="T19" s="38">
        <v>6.4</v>
      </c>
      <c r="U19" s="38">
        <v>5.7</v>
      </c>
      <c r="V19" s="38">
        <v>3.92</v>
      </c>
      <c r="W19" s="38">
        <v>3.2</v>
      </c>
      <c r="X19" s="38">
        <v>3.4</v>
      </c>
      <c r="Y19" s="38">
        <v>4.3</v>
      </c>
      <c r="Z19" s="38">
        <v>5</v>
      </c>
      <c r="AA19" s="38">
        <v>4.16</v>
      </c>
      <c r="AB19" s="38">
        <v>4.8</v>
      </c>
      <c r="AC19" s="38">
        <v>3.85</v>
      </c>
      <c r="AD19" s="38">
        <v>4.1500000000000004</v>
      </c>
      <c r="AE19" s="38">
        <v>5.98</v>
      </c>
      <c r="AF19" s="38">
        <v>5.8</v>
      </c>
      <c r="AG19" s="38">
        <v>4.3</v>
      </c>
      <c r="AH19" s="38">
        <v>3.7</v>
      </c>
      <c r="AI19" s="47">
        <v>4.05</v>
      </c>
      <c r="AJ19" s="47">
        <v>5.5</v>
      </c>
      <c r="AK19" s="48">
        <v>6.74</v>
      </c>
      <c r="AL19" s="48">
        <v>6.85</v>
      </c>
      <c r="AM19" s="47">
        <v>6.8</v>
      </c>
      <c r="AN19" s="38">
        <v>6.15</v>
      </c>
      <c r="AO19" s="38">
        <v>6.15</v>
      </c>
      <c r="AP19" s="38">
        <v>5.34</v>
      </c>
      <c r="AQ19" s="38">
        <v>5.74</v>
      </c>
      <c r="AR19" s="38">
        <v>6.56</v>
      </c>
      <c r="AS19" s="38">
        <v>5.44</v>
      </c>
      <c r="AT19" s="7">
        <v>4.93</v>
      </c>
      <c r="AU19" s="38">
        <v>4.5</v>
      </c>
      <c r="AV19" s="38">
        <v>5.5</v>
      </c>
      <c r="AW19" s="38">
        <v>6.5</v>
      </c>
      <c r="AX19" s="38">
        <v>7</v>
      </c>
      <c r="AY19" s="38">
        <v>6.75</v>
      </c>
      <c r="AZ19" s="38">
        <v>7.75</v>
      </c>
      <c r="BA19" s="38">
        <v>9.25</v>
      </c>
      <c r="BB19" s="38">
        <v>11.25</v>
      </c>
      <c r="BC19" s="38">
        <v>14.25</v>
      </c>
      <c r="BD19" s="38">
        <v>12.75</v>
      </c>
    </row>
    <row r="20" spans="3:56" x14ac:dyDescent="0.2">
      <c r="C20" s="5" t="s">
        <v>64</v>
      </c>
      <c r="D20" s="6" t="s">
        <v>58</v>
      </c>
      <c r="E20" s="8">
        <v>6.2</v>
      </c>
      <c r="F20" s="38">
        <v>5.5</v>
      </c>
      <c r="G20" s="38">
        <v>5</v>
      </c>
      <c r="H20" s="38">
        <v>3.26</v>
      </c>
      <c r="I20" s="38">
        <v>3.36</v>
      </c>
      <c r="J20" s="38">
        <v>3</v>
      </c>
      <c r="K20" s="38">
        <v>3.5</v>
      </c>
      <c r="L20" s="38">
        <v>4.0999999999999996</v>
      </c>
      <c r="M20" s="38">
        <v>3.92</v>
      </c>
      <c r="N20" s="38">
        <v>3.55</v>
      </c>
      <c r="O20" s="38">
        <v>4.5999999999999996</v>
      </c>
      <c r="P20" s="38">
        <v>4.3</v>
      </c>
      <c r="Q20" s="38">
        <v>4.3</v>
      </c>
      <c r="R20" s="38">
        <v>4</v>
      </c>
      <c r="S20" s="38">
        <v>4.16</v>
      </c>
      <c r="T20" s="38">
        <v>3.95</v>
      </c>
      <c r="U20" s="38">
        <v>3.5</v>
      </c>
      <c r="V20" s="38">
        <v>2.5</v>
      </c>
      <c r="W20" s="38">
        <v>2.2000000000000002</v>
      </c>
      <c r="X20" s="38">
        <v>2.6</v>
      </c>
      <c r="Y20" s="38">
        <v>3.15</v>
      </c>
      <c r="Z20" s="38">
        <v>3.66</v>
      </c>
      <c r="AA20" s="38">
        <v>3.61</v>
      </c>
      <c r="AB20" s="38">
        <v>3.33</v>
      </c>
      <c r="AC20" s="38">
        <v>2.9</v>
      </c>
      <c r="AD20" s="38">
        <v>3</v>
      </c>
      <c r="AE20" s="38">
        <v>3.36</v>
      </c>
      <c r="AF20" s="38">
        <v>3.6</v>
      </c>
      <c r="AG20" s="38">
        <v>2.35</v>
      </c>
      <c r="AH20" s="38">
        <v>2.2000000000000002</v>
      </c>
      <c r="AI20" s="49">
        <v>2.2999999999999998</v>
      </c>
      <c r="AJ20" s="49">
        <v>3.15</v>
      </c>
      <c r="AK20" s="48">
        <v>4.55</v>
      </c>
      <c r="AL20" s="48">
        <v>5</v>
      </c>
      <c r="AM20" s="47">
        <v>5</v>
      </c>
      <c r="AN20" s="38">
        <v>4.0599999999999996</v>
      </c>
      <c r="AO20" s="38">
        <v>3.4</v>
      </c>
      <c r="AP20" s="38">
        <v>3</v>
      </c>
      <c r="AQ20" s="38">
        <v>3.4</v>
      </c>
      <c r="AR20" s="38">
        <v>4.0999999999999996</v>
      </c>
      <c r="AS20" s="38">
        <v>3.2</v>
      </c>
      <c r="AT20" s="7">
        <v>2.6</v>
      </c>
      <c r="AU20" s="38">
        <v>2.95</v>
      </c>
      <c r="AV20" s="38">
        <v>3.15</v>
      </c>
      <c r="AW20" s="38">
        <v>2.85</v>
      </c>
      <c r="AX20" s="38">
        <v>2.92</v>
      </c>
      <c r="AY20" s="38">
        <v>2.92</v>
      </c>
      <c r="AZ20" s="38">
        <v>3</v>
      </c>
      <c r="BA20" s="38">
        <v>4</v>
      </c>
      <c r="BB20" s="38">
        <v>5</v>
      </c>
      <c r="BC20" s="38">
        <v>5</v>
      </c>
      <c r="BD20" s="38">
        <v>4.5</v>
      </c>
    </row>
    <row r="21" spans="3:56" x14ac:dyDescent="0.2">
      <c r="C21" s="5" t="s">
        <v>65</v>
      </c>
      <c r="D21" s="6" t="s">
        <v>58</v>
      </c>
      <c r="E21" s="8">
        <v>0.71</v>
      </c>
      <c r="F21" s="38">
        <v>0.59</v>
      </c>
      <c r="G21" s="38">
        <v>0.73</v>
      </c>
      <c r="H21" s="38">
        <v>0.83</v>
      </c>
      <c r="I21" s="38">
        <v>0.78</v>
      </c>
      <c r="J21" s="38">
        <v>0.57999999999999996</v>
      </c>
      <c r="K21" s="38">
        <v>1.07</v>
      </c>
      <c r="L21" s="38">
        <v>0.79</v>
      </c>
      <c r="M21" s="38">
        <v>0.77</v>
      </c>
      <c r="N21" s="38">
        <v>0.87</v>
      </c>
      <c r="O21" s="38">
        <v>0.97</v>
      </c>
      <c r="P21" s="38">
        <v>1.37</v>
      </c>
      <c r="Q21" s="38">
        <v>1</v>
      </c>
      <c r="R21" s="38">
        <v>1</v>
      </c>
      <c r="S21" s="38">
        <v>0.9</v>
      </c>
      <c r="T21" s="38">
        <v>0.9</v>
      </c>
      <c r="U21" s="38">
        <v>0.9</v>
      </c>
      <c r="V21" s="38">
        <v>0.9</v>
      </c>
      <c r="W21" s="38">
        <v>0.9</v>
      </c>
      <c r="X21" s="38">
        <v>1.08</v>
      </c>
      <c r="Y21" s="38">
        <v>1.28</v>
      </c>
      <c r="Z21" s="38">
        <v>1.1579999999999999</v>
      </c>
      <c r="AA21" s="38">
        <v>1.18</v>
      </c>
      <c r="AB21" s="38">
        <v>1.18</v>
      </c>
      <c r="AC21" s="38">
        <v>1.25</v>
      </c>
      <c r="AD21" s="38">
        <v>1.3</v>
      </c>
      <c r="AE21" s="38">
        <v>1.4</v>
      </c>
      <c r="AF21" s="38">
        <v>1.8</v>
      </c>
      <c r="AG21" s="38">
        <v>1.6</v>
      </c>
      <c r="AH21" s="38">
        <v>1.3</v>
      </c>
      <c r="AI21" s="49">
        <v>1.1499999999999999</v>
      </c>
      <c r="AJ21" s="49">
        <v>1.5</v>
      </c>
      <c r="AK21" s="48">
        <v>1.5</v>
      </c>
      <c r="AL21" s="48">
        <v>1.55</v>
      </c>
      <c r="AM21" s="47">
        <v>1.25</v>
      </c>
      <c r="AN21" s="38">
        <v>1.3</v>
      </c>
      <c r="AO21" s="38">
        <v>1.35</v>
      </c>
      <c r="AP21" s="38">
        <v>1.1499999999999999</v>
      </c>
      <c r="AQ21" s="38">
        <v>1.1000000000000001</v>
      </c>
      <c r="AR21" s="38">
        <v>1.1000000000000001</v>
      </c>
      <c r="AS21" s="38">
        <v>0.81</v>
      </c>
      <c r="AT21" s="7">
        <v>0.81</v>
      </c>
      <c r="AU21" s="38">
        <v>0.81</v>
      </c>
      <c r="AV21" s="38">
        <v>1.1100000000000001</v>
      </c>
      <c r="AW21" s="38">
        <v>1.1100000000000001</v>
      </c>
      <c r="AX21" s="38">
        <v>0.98</v>
      </c>
      <c r="AY21" s="38">
        <v>1</v>
      </c>
      <c r="AZ21" s="38">
        <v>0.8</v>
      </c>
      <c r="BA21" s="38">
        <v>0.8</v>
      </c>
      <c r="BB21" s="38">
        <v>0.8</v>
      </c>
      <c r="BC21" s="38">
        <v>0.9</v>
      </c>
      <c r="BD21" s="38">
        <v>1.3</v>
      </c>
    </row>
    <row r="22" spans="3:56" x14ac:dyDescent="0.2">
      <c r="C22" s="5" t="s">
        <v>66</v>
      </c>
      <c r="D22" s="6" t="s">
        <v>58</v>
      </c>
      <c r="E22" s="8">
        <v>2.74</v>
      </c>
      <c r="F22" s="38">
        <v>2.4</v>
      </c>
      <c r="G22" s="38">
        <v>2</v>
      </c>
      <c r="H22" s="38">
        <v>2.6</v>
      </c>
      <c r="I22" s="38">
        <v>2.2000000000000002</v>
      </c>
      <c r="J22" s="38">
        <v>1.8</v>
      </c>
      <c r="K22" s="38">
        <v>2.2999999999999998</v>
      </c>
      <c r="L22" s="38">
        <v>1.87</v>
      </c>
      <c r="M22" s="38">
        <v>2.2000000000000002</v>
      </c>
      <c r="N22" s="38">
        <v>2.4</v>
      </c>
      <c r="O22" s="38">
        <v>2.15</v>
      </c>
      <c r="P22" s="38">
        <v>2.2999999999999998</v>
      </c>
      <c r="Q22" s="38">
        <v>2.4500000000000002</v>
      </c>
      <c r="R22" s="38">
        <v>2.8</v>
      </c>
      <c r="S22" s="38">
        <v>2</v>
      </c>
      <c r="T22" s="38">
        <v>2.2000000000000002</v>
      </c>
      <c r="U22" s="38">
        <v>2.4</v>
      </c>
      <c r="V22" s="38">
        <v>3.4</v>
      </c>
      <c r="W22" s="38">
        <v>3</v>
      </c>
      <c r="X22" s="38">
        <v>2.7</v>
      </c>
      <c r="Y22" s="38">
        <v>2.7</v>
      </c>
      <c r="Z22" s="38">
        <v>3</v>
      </c>
      <c r="AA22" s="38">
        <v>2.75</v>
      </c>
      <c r="AB22" s="38">
        <v>2.75</v>
      </c>
      <c r="AC22" s="38">
        <v>2.85</v>
      </c>
      <c r="AD22" s="38">
        <v>3.15</v>
      </c>
      <c r="AE22" s="38">
        <v>3.15</v>
      </c>
      <c r="AF22" s="38">
        <v>3.4</v>
      </c>
      <c r="AG22" s="38">
        <v>3.1</v>
      </c>
      <c r="AH22" s="38">
        <v>3.1</v>
      </c>
      <c r="AI22" s="49">
        <v>3.7</v>
      </c>
      <c r="AJ22" s="49">
        <v>3.4</v>
      </c>
      <c r="AK22" s="48">
        <v>3.35</v>
      </c>
      <c r="AL22" s="48">
        <v>4.4000000000000004</v>
      </c>
      <c r="AM22" s="47">
        <v>3.4</v>
      </c>
      <c r="AN22" s="38">
        <v>3.34</v>
      </c>
      <c r="AO22" s="38">
        <v>2.34</v>
      </c>
      <c r="AP22" s="38">
        <v>2.34</v>
      </c>
      <c r="AQ22" s="38">
        <v>3.54</v>
      </c>
      <c r="AR22" s="38">
        <v>3.14</v>
      </c>
      <c r="AS22" s="38">
        <v>2.6</v>
      </c>
      <c r="AT22" s="7">
        <v>2.6</v>
      </c>
      <c r="AU22" s="38">
        <v>3.8</v>
      </c>
      <c r="AV22" s="38">
        <v>4.8</v>
      </c>
      <c r="AW22" s="38">
        <v>4.45</v>
      </c>
      <c r="AX22" s="38">
        <v>4.08</v>
      </c>
      <c r="AY22" s="38">
        <v>3.88</v>
      </c>
      <c r="AZ22" s="38">
        <v>3.38</v>
      </c>
      <c r="BA22" s="38">
        <v>3.38</v>
      </c>
      <c r="BB22" s="38">
        <v>2.27</v>
      </c>
      <c r="BC22" s="38">
        <v>2.77</v>
      </c>
      <c r="BD22" s="38">
        <v>3</v>
      </c>
    </row>
    <row r="23" spans="3:56" x14ac:dyDescent="0.2">
      <c r="C23" s="5" t="s">
        <v>67</v>
      </c>
      <c r="D23" s="6" t="s">
        <v>58</v>
      </c>
      <c r="E23" s="8">
        <v>5.85</v>
      </c>
      <c r="F23" s="38">
        <v>7.3</v>
      </c>
      <c r="G23" s="38">
        <v>7.6</v>
      </c>
      <c r="H23" s="38">
        <v>7.45</v>
      </c>
      <c r="I23" s="38">
        <v>6.45</v>
      </c>
      <c r="J23" s="38">
        <v>5.28</v>
      </c>
      <c r="K23" s="38">
        <v>5.08</v>
      </c>
      <c r="L23" s="38">
        <v>6.08</v>
      </c>
      <c r="M23" s="38">
        <v>7</v>
      </c>
      <c r="N23" s="38">
        <v>6.9</v>
      </c>
      <c r="O23" s="38">
        <v>6.7</v>
      </c>
      <c r="P23" s="38">
        <v>6</v>
      </c>
      <c r="Q23" s="38">
        <v>5.25</v>
      </c>
      <c r="R23" s="38">
        <v>3.59</v>
      </c>
      <c r="S23" s="38">
        <v>3.46</v>
      </c>
      <c r="T23" s="38">
        <v>3</v>
      </c>
      <c r="U23" s="38">
        <v>2.75</v>
      </c>
      <c r="V23" s="38">
        <v>2.25</v>
      </c>
      <c r="W23" s="38">
        <v>2.25</v>
      </c>
      <c r="X23" s="38">
        <v>2.6</v>
      </c>
      <c r="Y23" s="38">
        <v>3.7</v>
      </c>
      <c r="Z23" s="38">
        <v>4</v>
      </c>
      <c r="AA23" s="38">
        <v>4</v>
      </c>
      <c r="AB23" s="38">
        <v>3.75</v>
      </c>
      <c r="AC23" s="38">
        <v>3.25</v>
      </c>
      <c r="AD23" s="38">
        <v>3.15</v>
      </c>
      <c r="AE23" s="38">
        <v>3.15</v>
      </c>
      <c r="AF23" s="38">
        <v>3.65</v>
      </c>
      <c r="AG23" s="38">
        <v>3.25</v>
      </c>
      <c r="AH23" s="38">
        <v>3.25</v>
      </c>
      <c r="AI23" s="49">
        <v>3.05</v>
      </c>
      <c r="AJ23" s="49">
        <v>3.5</v>
      </c>
      <c r="AK23" s="48">
        <v>3.45</v>
      </c>
      <c r="AL23" s="48">
        <v>4.5</v>
      </c>
      <c r="AM23" s="47">
        <v>5</v>
      </c>
      <c r="AN23" s="38">
        <v>5</v>
      </c>
      <c r="AO23" s="38">
        <v>5</v>
      </c>
      <c r="AP23" s="38">
        <v>4.3600000000000003</v>
      </c>
      <c r="AQ23" s="38">
        <v>4.76</v>
      </c>
      <c r="AR23" s="38">
        <v>5.16</v>
      </c>
      <c r="AS23" s="38">
        <v>5.05</v>
      </c>
      <c r="AT23" s="7">
        <v>4</v>
      </c>
      <c r="AU23" s="38">
        <v>4</v>
      </c>
      <c r="AV23" s="38">
        <v>5</v>
      </c>
      <c r="AW23" s="38">
        <v>5.2</v>
      </c>
      <c r="AX23" s="38">
        <v>6</v>
      </c>
      <c r="AY23" s="38">
        <v>6.2</v>
      </c>
      <c r="AZ23" s="38">
        <v>5.9</v>
      </c>
      <c r="BA23" s="38">
        <v>6.1</v>
      </c>
      <c r="BB23" s="38">
        <v>6.25</v>
      </c>
      <c r="BC23" s="38">
        <v>6.5</v>
      </c>
      <c r="BD23" s="38">
        <v>6</v>
      </c>
    </row>
    <row r="24" spans="3:56" x14ac:dyDescent="0.2">
      <c r="C24" s="5" t="s">
        <v>68</v>
      </c>
      <c r="D24" s="6" t="s">
        <v>58</v>
      </c>
      <c r="E24" s="8">
        <v>1.5</v>
      </c>
      <c r="F24" s="38">
        <v>1.4</v>
      </c>
      <c r="G24" s="38">
        <v>1.4</v>
      </c>
      <c r="H24" s="38">
        <v>1.4</v>
      </c>
      <c r="I24" s="38">
        <v>1.1000000000000001</v>
      </c>
      <c r="J24" s="38">
        <v>0.9</v>
      </c>
      <c r="K24" s="38">
        <v>0.9</v>
      </c>
      <c r="L24" s="38">
        <v>1.2</v>
      </c>
      <c r="M24" s="38">
        <v>1.35</v>
      </c>
      <c r="N24" s="38">
        <v>0.54</v>
      </c>
      <c r="O24" s="38">
        <v>0.76</v>
      </c>
      <c r="P24" s="38">
        <v>0.85</v>
      </c>
      <c r="Q24" s="38">
        <v>0.55000000000000004</v>
      </c>
      <c r="R24" s="38">
        <v>0.55000000000000004</v>
      </c>
      <c r="S24" s="38">
        <v>1.06</v>
      </c>
      <c r="T24" s="38">
        <v>1.06</v>
      </c>
      <c r="U24" s="38">
        <v>0.96</v>
      </c>
      <c r="V24" s="38">
        <v>1.1599999999999999</v>
      </c>
      <c r="W24" s="38">
        <v>1</v>
      </c>
      <c r="X24" s="38">
        <v>0.88</v>
      </c>
      <c r="Y24" s="38">
        <v>0.88</v>
      </c>
      <c r="Z24" s="38">
        <v>0.77</v>
      </c>
      <c r="AA24" s="38">
        <v>1</v>
      </c>
      <c r="AB24" s="38">
        <v>1.1000000000000001</v>
      </c>
      <c r="AC24" s="38">
        <v>1.1000000000000001</v>
      </c>
      <c r="AD24" s="38">
        <v>1</v>
      </c>
      <c r="AE24" s="38">
        <v>1.1000000000000001</v>
      </c>
      <c r="AF24" s="38">
        <v>0.8</v>
      </c>
      <c r="AG24" s="38">
        <v>0.7</v>
      </c>
      <c r="AH24" s="38">
        <v>0.54</v>
      </c>
      <c r="AI24" s="49">
        <v>0.64</v>
      </c>
      <c r="AJ24" s="49">
        <v>1.1100000000000001</v>
      </c>
      <c r="AK24" s="48">
        <v>1.4</v>
      </c>
      <c r="AL24" s="48">
        <v>1.19</v>
      </c>
      <c r="AM24" s="47">
        <v>1.4</v>
      </c>
      <c r="AN24" s="38">
        <v>1.35</v>
      </c>
      <c r="AO24" s="38">
        <v>1.25</v>
      </c>
      <c r="AP24" s="38">
        <v>1.1000000000000001</v>
      </c>
      <c r="AQ24" s="38">
        <v>1.1000000000000001</v>
      </c>
      <c r="AR24" s="38">
        <v>1.1000000000000001</v>
      </c>
      <c r="AS24" s="38">
        <v>1</v>
      </c>
      <c r="AT24" s="7">
        <v>0.77</v>
      </c>
      <c r="AU24" s="38">
        <v>0.77</v>
      </c>
      <c r="AV24" s="38">
        <v>0.87</v>
      </c>
      <c r="AW24" s="38">
        <v>0.87</v>
      </c>
      <c r="AX24" s="38">
        <v>0.56999999999999995</v>
      </c>
      <c r="AY24" s="38">
        <v>0.56999999999999995</v>
      </c>
      <c r="AZ24" s="38">
        <v>0.56999999999999995</v>
      </c>
      <c r="BA24" s="38">
        <v>0.56999999999999995</v>
      </c>
      <c r="BB24" s="38">
        <v>0.83</v>
      </c>
      <c r="BC24" s="38">
        <v>1.1299999999999999</v>
      </c>
      <c r="BD24" s="38">
        <v>1.1299999999999999</v>
      </c>
    </row>
    <row r="25" spans="3:56" x14ac:dyDescent="0.2">
      <c r="C25" s="5" t="s">
        <v>69</v>
      </c>
      <c r="D25" s="6" t="s">
        <v>58</v>
      </c>
      <c r="E25" s="8">
        <v>1.1299999999999999</v>
      </c>
      <c r="F25" s="38">
        <v>1.27</v>
      </c>
      <c r="G25" s="38">
        <v>1.02</v>
      </c>
      <c r="H25" s="38">
        <v>1.3</v>
      </c>
      <c r="I25" s="38">
        <v>1.2</v>
      </c>
      <c r="J25" s="38">
        <v>1.01</v>
      </c>
      <c r="K25" s="38">
        <v>1.25</v>
      </c>
      <c r="L25" s="38">
        <v>0.81</v>
      </c>
      <c r="M25" s="38">
        <v>0.69</v>
      </c>
      <c r="N25" s="38">
        <v>0.94</v>
      </c>
      <c r="O25" s="38">
        <v>0.85</v>
      </c>
      <c r="P25" s="38">
        <v>1.2</v>
      </c>
      <c r="Q25" s="38">
        <v>0.83</v>
      </c>
      <c r="R25" s="38">
        <v>0.88</v>
      </c>
      <c r="S25" s="38">
        <v>0.88</v>
      </c>
      <c r="T25" s="38">
        <v>0.95</v>
      </c>
      <c r="U25" s="38">
        <v>0.9</v>
      </c>
      <c r="V25" s="38">
        <v>1</v>
      </c>
      <c r="W25" s="38">
        <v>0.9</v>
      </c>
      <c r="X25" s="38">
        <v>0.8</v>
      </c>
      <c r="Y25" s="38">
        <v>0.95</v>
      </c>
      <c r="Z25" s="38">
        <v>1.08</v>
      </c>
      <c r="AA25" s="38">
        <v>0.84</v>
      </c>
      <c r="AB25" s="38">
        <v>0.95</v>
      </c>
      <c r="AC25" s="38">
        <v>0.9</v>
      </c>
      <c r="AD25" s="38">
        <v>1.1000000000000001</v>
      </c>
      <c r="AE25" s="38">
        <v>0.88</v>
      </c>
      <c r="AF25" s="38">
        <v>0.96</v>
      </c>
      <c r="AG25" s="38">
        <v>1.1599999999999999</v>
      </c>
      <c r="AH25" s="38">
        <v>1.01</v>
      </c>
      <c r="AI25" s="49">
        <v>1.1599999999999999</v>
      </c>
      <c r="AJ25" s="49">
        <v>1.22</v>
      </c>
      <c r="AK25" s="48">
        <v>1.18</v>
      </c>
      <c r="AL25" s="48">
        <v>1.4</v>
      </c>
      <c r="AM25" s="47">
        <v>1.25</v>
      </c>
      <c r="AN25" s="38">
        <v>1</v>
      </c>
      <c r="AO25" s="38">
        <v>1.1100000000000001</v>
      </c>
      <c r="AP25" s="38">
        <v>1.1100000000000001</v>
      </c>
      <c r="AQ25" s="38">
        <v>1.24</v>
      </c>
      <c r="AR25" s="38">
        <v>1.1000000000000001</v>
      </c>
      <c r="AS25" s="38">
        <v>1</v>
      </c>
      <c r="AT25" s="7">
        <v>1</v>
      </c>
      <c r="AU25" s="38">
        <v>0.84</v>
      </c>
      <c r="AV25" s="38">
        <v>1.01</v>
      </c>
      <c r="AW25" s="38">
        <v>1.1100000000000001</v>
      </c>
      <c r="AX25" s="38">
        <v>1</v>
      </c>
      <c r="AY25" s="38">
        <v>1</v>
      </c>
      <c r="AZ25" s="38">
        <v>1.05</v>
      </c>
      <c r="BA25" s="38">
        <v>1.08</v>
      </c>
      <c r="BB25" s="38">
        <v>1.72</v>
      </c>
      <c r="BC25" s="38">
        <v>1.6</v>
      </c>
      <c r="BD25" s="38">
        <v>2.2999999999999998</v>
      </c>
    </row>
    <row r="26" spans="3:56" x14ac:dyDescent="0.2">
      <c r="C26" s="5" t="s">
        <v>70</v>
      </c>
      <c r="D26" s="6" t="s">
        <v>58</v>
      </c>
      <c r="E26" s="8">
        <v>1.6</v>
      </c>
      <c r="F26" s="38">
        <v>1.61</v>
      </c>
      <c r="G26" s="38">
        <v>1.1100000000000001</v>
      </c>
      <c r="H26" s="38">
        <v>1.32</v>
      </c>
      <c r="I26" s="38">
        <v>1.32</v>
      </c>
      <c r="J26" s="38">
        <v>0.62</v>
      </c>
      <c r="K26" s="38">
        <v>0.93</v>
      </c>
      <c r="L26" s="38">
        <v>0.47</v>
      </c>
      <c r="M26" s="38">
        <v>0.34</v>
      </c>
      <c r="N26" s="38">
        <v>0.4</v>
      </c>
      <c r="O26" s="38">
        <v>0.3</v>
      </c>
      <c r="P26" s="38">
        <v>0.62</v>
      </c>
      <c r="Q26" s="38">
        <v>0.41</v>
      </c>
      <c r="R26" s="38">
        <v>0.28999999999999998</v>
      </c>
      <c r="S26" s="38">
        <v>0.28999999999999998</v>
      </c>
      <c r="T26" s="38">
        <v>0.38</v>
      </c>
      <c r="U26" s="38">
        <v>0.76</v>
      </c>
      <c r="V26" s="38">
        <v>1.74</v>
      </c>
      <c r="W26" s="38">
        <v>1.6</v>
      </c>
      <c r="X26" s="38">
        <v>0.98</v>
      </c>
      <c r="Y26" s="38">
        <v>1.08</v>
      </c>
      <c r="Z26" s="38">
        <v>1.56</v>
      </c>
      <c r="AA26" s="38">
        <v>1.4</v>
      </c>
      <c r="AB26" s="38">
        <v>1.04</v>
      </c>
      <c r="AC26" s="38">
        <v>1.24</v>
      </c>
      <c r="AD26" s="38">
        <v>0.97</v>
      </c>
      <c r="AE26" s="38">
        <v>2.1800000000000002</v>
      </c>
      <c r="AF26" s="38">
        <v>2.2799999999999998</v>
      </c>
      <c r="AG26" s="38">
        <v>1.95</v>
      </c>
      <c r="AH26" s="38">
        <v>0.96</v>
      </c>
      <c r="AI26" s="50">
        <v>0.88</v>
      </c>
      <c r="AJ26" s="49">
        <v>0.64</v>
      </c>
      <c r="AK26" s="48">
        <v>0.94</v>
      </c>
      <c r="AL26" s="48">
        <v>0.98</v>
      </c>
      <c r="AM26" s="47">
        <v>0.8</v>
      </c>
      <c r="AN26" s="38">
        <v>1.27</v>
      </c>
      <c r="AO26" s="38">
        <v>0.75</v>
      </c>
      <c r="AP26" s="38">
        <v>0.84</v>
      </c>
      <c r="AQ26" s="38">
        <v>0.92</v>
      </c>
      <c r="AR26" s="38">
        <v>0.75</v>
      </c>
      <c r="AS26" s="38">
        <v>0.5</v>
      </c>
      <c r="AT26" s="24">
        <v>0.88</v>
      </c>
      <c r="AU26" s="38">
        <v>0.75</v>
      </c>
      <c r="AV26" s="38">
        <v>0.71</v>
      </c>
      <c r="AW26" s="38">
        <v>2.0499999999999998</v>
      </c>
      <c r="AX26" s="38">
        <v>1.53</v>
      </c>
      <c r="AY26" s="38">
        <v>1.1200000000000001</v>
      </c>
      <c r="AZ26" s="38">
        <v>1.4</v>
      </c>
      <c r="BA26" s="38">
        <v>1.52</v>
      </c>
      <c r="BB26" s="38">
        <v>2</v>
      </c>
      <c r="BC26" s="38">
        <v>1.62</v>
      </c>
      <c r="BD26" s="38">
        <v>2.37</v>
      </c>
    </row>
    <row r="27" spans="3:56" x14ac:dyDescent="0.2">
      <c r="C27" s="5" t="s">
        <v>71</v>
      </c>
      <c r="D27" s="6" t="s">
        <v>58</v>
      </c>
      <c r="E27" s="8">
        <v>2.1</v>
      </c>
      <c r="F27" s="38">
        <v>2.1</v>
      </c>
      <c r="G27" s="38">
        <v>2.1</v>
      </c>
      <c r="H27" s="38">
        <v>2.1</v>
      </c>
      <c r="I27" s="38">
        <v>2.1</v>
      </c>
      <c r="J27" s="38">
        <v>2.1</v>
      </c>
      <c r="K27" s="38">
        <v>2.1</v>
      </c>
      <c r="L27" s="38">
        <v>2.1</v>
      </c>
      <c r="M27" s="38">
        <v>2.1</v>
      </c>
      <c r="N27" s="38">
        <v>2.59</v>
      </c>
      <c r="O27" s="38">
        <v>2.59</v>
      </c>
      <c r="P27" s="38">
        <v>2.59</v>
      </c>
      <c r="Q27" s="38">
        <v>2.59</v>
      </c>
      <c r="R27" s="38">
        <v>2.59</v>
      </c>
      <c r="S27" s="38">
        <v>2.59</v>
      </c>
      <c r="T27" s="38">
        <v>2.59</v>
      </c>
      <c r="U27" s="38">
        <v>2.59</v>
      </c>
      <c r="V27" s="38">
        <v>2.1</v>
      </c>
      <c r="W27" s="38">
        <v>2.1</v>
      </c>
      <c r="X27" s="38">
        <v>1.9</v>
      </c>
      <c r="Y27" s="38">
        <v>1.9</v>
      </c>
      <c r="Z27" s="38">
        <v>1.9</v>
      </c>
      <c r="AA27" s="38">
        <v>1.9</v>
      </c>
      <c r="AB27" s="38">
        <v>1.9</v>
      </c>
      <c r="AC27" s="38">
        <v>1.9</v>
      </c>
      <c r="AD27" s="38">
        <v>1.9</v>
      </c>
      <c r="AE27" s="38">
        <v>1.9</v>
      </c>
      <c r="AF27" s="38">
        <v>1.9</v>
      </c>
      <c r="AG27" s="38">
        <v>1.9</v>
      </c>
      <c r="AH27" s="38">
        <v>1.9</v>
      </c>
      <c r="AI27" s="51">
        <v>1.9</v>
      </c>
      <c r="AJ27" s="38">
        <v>1.9</v>
      </c>
      <c r="AK27" s="48">
        <v>1.9</v>
      </c>
      <c r="AL27" s="48">
        <v>1.9</v>
      </c>
      <c r="AM27" s="38">
        <v>1.9</v>
      </c>
      <c r="AN27" s="38">
        <v>1.9</v>
      </c>
      <c r="AO27" s="38">
        <v>1.9</v>
      </c>
      <c r="AP27" s="38">
        <v>1.9</v>
      </c>
      <c r="AQ27" s="38">
        <v>1.9</v>
      </c>
      <c r="AR27" s="38">
        <v>1.9</v>
      </c>
      <c r="AS27" s="38">
        <v>1.9</v>
      </c>
      <c r="AT27" s="7">
        <v>1.9</v>
      </c>
      <c r="AU27" s="38">
        <v>1.9</v>
      </c>
      <c r="AV27" s="38">
        <v>1.9</v>
      </c>
      <c r="AW27" s="38">
        <v>1.9</v>
      </c>
      <c r="AX27" s="38">
        <v>1.9</v>
      </c>
      <c r="AY27" s="38">
        <v>1.9</v>
      </c>
      <c r="AZ27" s="38">
        <v>1.9</v>
      </c>
      <c r="BA27" s="38">
        <v>1.9</v>
      </c>
      <c r="BB27" s="38">
        <v>1.9</v>
      </c>
      <c r="BC27" s="38">
        <v>1.9</v>
      </c>
      <c r="BD27" s="38">
        <v>1.9</v>
      </c>
    </row>
    <row r="28" spans="3:56" x14ac:dyDescent="0.2">
      <c r="C28" s="5" t="s">
        <v>72</v>
      </c>
      <c r="D28" s="6" t="s">
        <v>58</v>
      </c>
      <c r="E28" s="8">
        <v>3.4</v>
      </c>
      <c r="F28" s="38">
        <v>3.52</v>
      </c>
      <c r="G28" s="38">
        <v>3.64</v>
      </c>
      <c r="H28" s="38">
        <v>3.6</v>
      </c>
      <c r="I28" s="38">
        <v>3.53</v>
      </c>
      <c r="J28" s="38">
        <v>3.42</v>
      </c>
      <c r="K28" s="38">
        <v>3.41</v>
      </c>
      <c r="L28" s="38">
        <v>3.65</v>
      </c>
      <c r="M28" s="38">
        <v>3.7</v>
      </c>
      <c r="N28" s="38">
        <v>3.47</v>
      </c>
      <c r="O28" s="38">
        <v>3.39</v>
      </c>
      <c r="P28" s="38">
        <v>3.65</v>
      </c>
      <c r="Q28" s="38">
        <v>3.7</v>
      </c>
      <c r="R28" s="38">
        <v>3.55</v>
      </c>
      <c r="S28" s="38">
        <v>3.7</v>
      </c>
      <c r="T28" s="38">
        <v>3.78</v>
      </c>
      <c r="U28" s="38">
        <v>3.78</v>
      </c>
      <c r="V28" s="38">
        <v>3.51</v>
      </c>
      <c r="W28" s="38">
        <v>3.44</v>
      </c>
      <c r="X28" s="38">
        <v>3.31</v>
      </c>
      <c r="Y28" s="38">
        <v>3.29</v>
      </c>
      <c r="Z28" s="38">
        <v>3.34</v>
      </c>
      <c r="AA28" s="38">
        <v>3.3</v>
      </c>
      <c r="AB28" s="38">
        <v>3.28</v>
      </c>
      <c r="AC28" s="38">
        <v>3.31</v>
      </c>
      <c r="AD28" s="38">
        <v>3.39</v>
      </c>
      <c r="AE28" s="38">
        <v>3.27</v>
      </c>
      <c r="AF28" s="38">
        <v>3.25</v>
      </c>
      <c r="AG28" s="38">
        <v>3.36</v>
      </c>
      <c r="AH28" s="38">
        <v>3.25</v>
      </c>
      <c r="AI28" s="51">
        <v>3.28</v>
      </c>
      <c r="AJ28" s="38">
        <v>3.32</v>
      </c>
      <c r="AK28" s="48">
        <v>3.75</v>
      </c>
      <c r="AL28" s="48">
        <v>4.0999999999999996</v>
      </c>
      <c r="AM28" s="38">
        <v>4</v>
      </c>
      <c r="AN28" s="38">
        <v>3.85</v>
      </c>
      <c r="AO28" s="38">
        <v>3.88</v>
      </c>
      <c r="AP28" s="38">
        <v>3.6</v>
      </c>
      <c r="AQ28" s="38">
        <v>3.45</v>
      </c>
      <c r="AR28" s="38">
        <v>3.45</v>
      </c>
      <c r="AS28" s="38">
        <v>3.17</v>
      </c>
      <c r="AT28" s="7">
        <v>3</v>
      </c>
      <c r="AU28" s="38">
        <v>3.16</v>
      </c>
      <c r="AV28" s="38">
        <v>3.16</v>
      </c>
      <c r="AW28" s="38">
        <v>3.31</v>
      </c>
      <c r="AX28" s="38">
        <v>2.92</v>
      </c>
      <c r="AY28" s="38">
        <v>3</v>
      </c>
      <c r="AZ28" s="38">
        <v>3.32</v>
      </c>
      <c r="BA28" s="38">
        <v>3.32</v>
      </c>
      <c r="BB28" s="38">
        <v>3.45</v>
      </c>
      <c r="BC28" s="38">
        <v>3.4</v>
      </c>
      <c r="BD28" s="38">
        <v>3.46</v>
      </c>
    </row>
    <row r="29" spans="3:56" x14ac:dyDescent="0.2">
      <c r="C29" s="5" t="s">
        <v>73</v>
      </c>
      <c r="D29" s="6" t="s">
        <v>58</v>
      </c>
      <c r="E29" s="8">
        <v>2.35</v>
      </c>
      <c r="F29" s="38">
        <v>2.0499999999999998</v>
      </c>
      <c r="G29" s="38">
        <v>2.0499999999999998</v>
      </c>
      <c r="H29" s="38">
        <v>2</v>
      </c>
      <c r="I29" s="38">
        <v>2.2000000000000002</v>
      </c>
      <c r="J29" s="38">
        <v>2.2000000000000002</v>
      </c>
      <c r="K29" s="38">
        <v>2.2000000000000002</v>
      </c>
      <c r="L29" s="38">
        <v>2.2000000000000002</v>
      </c>
      <c r="M29" s="38">
        <v>2.2000000000000002</v>
      </c>
      <c r="N29" s="38">
        <v>2</v>
      </c>
      <c r="O29" s="38">
        <v>2.15</v>
      </c>
      <c r="P29" s="38">
        <v>1.85</v>
      </c>
      <c r="Q29" s="38">
        <v>2.2400000000000002</v>
      </c>
      <c r="R29" s="38">
        <v>2.5499999999999998</v>
      </c>
      <c r="S29" s="38">
        <v>2.65</v>
      </c>
      <c r="T29" s="38">
        <v>2.75</v>
      </c>
      <c r="U29" s="38">
        <v>2.2000000000000002</v>
      </c>
      <c r="V29" s="38">
        <v>2.9</v>
      </c>
      <c r="W29" s="38">
        <v>2.73</v>
      </c>
      <c r="X29" s="38">
        <v>2.34</v>
      </c>
      <c r="Y29" s="38">
        <v>2.34</v>
      </c>
      <c r="Z29" s="38">
        <v>2.34</v>
      </c>
      <c r="AA29" s="38">
        <v>2.2999999999999998</v>
      </c>
      <c r="AB29" s="38">
        <v>2.15</v>
      </c>
      <c r="AC29" s="38">
        <v>2.4</v>
      </c>
      <c r="AD29" s="38">
        <v>1.95</v>
      </c>
      <c r="AE29" s="38">
        <v>2.0499999999999998</v>
      </c>
      <c r="AF29" s="38">
        <v>2.23</v>
      </c>
      <c r="AG29" s="38">
        <v>2.06</v>
      </c>
      <c r="AH29" s="38">
        <v>2.25</v>
      </c>
      <c r="AI29" s="47">
        <v>2.6</v>
      </c>
      <c r="AJ29" s="38">
        <v>2.6</v>
      </c>
      <c r="AK29" s="48">
        <v>2.4</v>
      </c>
      <c r="AL29" s="48">
        <v>2.4500000000000002</v>
      </c>
      <c r="AM29" s="47">
        <v>2.2200000000000002</v>
      </c>
      <c r="AN29" s="38">
        <v>2.1</v>
      </c>
      <c r="AO29" s="38">
        <v>2.2000000000000002</v>
      </c>
      <c r="AP29" s="38">
        <v>2.23</v>
      </c>
      <c r="AQ29" s="38">
        <v>2.33</v>
      </c>
      <c r="AR29" s="38">
        <v>2.1</v>
      </c>
      <c r="AS29" s="38">
        <v>2.1</v>
      </c>
      <c r="AT29" s="7">
        <v>2</v>
      </c>
      <c r="AU29" s="38">
        <v>2.2999999999999998</v>
      </c>
      <c r="AV29" s="38">
        <v>2.2999999999999998</v>
      </c>
      <c r="AW29" s="38">
        <v>2.2999999999999998</v>
      </c>
      <c r="AX29" s="38">
        <v>2</v>
      </c>
      <c r="AY29" s="38">
        <v>2.1</v>
      </c>
      <c r="AZ29" s="38">
        <v>2.1</v>
      </c>
      <c r="BA29" s="38">
        <v>2</v>
      </c>
      <c r="BB29" s="38">
        <v>2.2999999999999998</v>
      </c>
      <c r="BC29" s="38">
        <v>2.85</v>
      </c>
      <c r="BD29" s="38">
        <v>2.9</v>
      </c>
    </row>
    <row r="30" spans="3:56" x14ac:dyDescent="0.2">
      <c r="C30" s="5" t="s">
        <v>74</v>
      </c>
      <c r="D30" s="6" t="s">
        <v>58</v>
      </c>
      <c r="E30" s="8">
        <v>1.05</v>
      </c>
      <c r="F30" s="38">
        <v>1.05</v>
      </c>
      <c r="G30" s="38">
        <v>1.05</v>
      </c>
      <c r="H30" s="38">
        <v>1.05</v>
      </c>
      <c r="I30" s="38">
        <v>1.05</v>
      </c>
      <c r="J30" s="38">
        <v>1.05</v>
      </c>
      <c r="K30" s="38">
        <v>1.05</v>
      </c>
      <c r="L30" s="38">
        <v>1.05</v>
      </c>
      <c r="M30" s="38">
        <v>1.05</v>
      </c>
      <c r="N30" s="38">
        <v>1.05</v>
      </c>
      <c r="O30" s="38">
        <v>1.05</v>
      </c>
      <c r="P30" s="38">
        <v>1.05</v>
      </c>
      <c r="Q30" s="38">
        <v>1.05</v>
      </c>
      <c r="R30" s="38">
        <v>1.05</v>
      </c>
      <c r="S30" s="38">
        <v>1.05</v>
      </c>
      <c r="T30" s="38">
        <v>1.05</v>
      </c>
      <c r="U30" s="38">
        <v>1.05</v>
      </c>
      <c r="V30" s="38">
        <v>1.05</v>
      </c>
      <c r="W30" s="38">
        <v>1.05</v>
      </c>
      <c r="X30" s="38">
        <v>1.05</v>
      </c>
      <c r="Y30" s="38">
        <v>1.05</v>
      </c>
      <c r="Z30" s="38">
        <v>1.05</v>
      </c>
      <c r="AA30" s="38">
        <v>1.05</v>
      </c>
      <c r="AB30" s="38">
        <v>1.05</v>
      </c>
      <c r="AC30" s="38">
        <v>1.05</v>
      </c>
      <c r="AD30" s="38">
        <v>1.05</v>
      </c>
      <c r="AE30" s="38">
        <v>1.05</v>
      </c>
      <c r="AF30" s="38">
        <v>1.05</v>
      </c>
      <c r="AG30" s="38">
        <v>1.05</v>
      </c>
      <c r="AH30" s="38">
        <v>1.05</v>
      </c>
      <c r="AI30" s="51">
        <v>1.05</v>
      </c>
      <c r="AJ30" s="38">
        <v>1.05</v>
      </c>
      <c r="AK30" s="48">
        <v>1.05</v>
      </c>
      <c r="AL30" s="48">
        <v>1.05</v>
      </c>
      <c r="AM30" s="34">
        <v>1.05</v>
      </c>
      <c r="AN30" s="38">
        <v>1.05</v>
      </c>
      <c r="AO30" s="38">
        <v>1.05</v>
      </c>
      <c r="AP30" s="38">
        <v>1.05</v>
      </c>
      <c r="AQ30" s="38">
        <v>1.05</v>
      </c>
      <c r="AR30" s="38">
        <v>1.05</v>
      </c>
      <c r="AS30" s="38">
        <v>1.05</v>
      </c>
      <c r="AT30" s="13">
        <v>1.05</v>
      </c>
      <c r="AU30" s="38">
        <v>1.05</v>
      </c>
      <c r="AV30" s="38">
        <v>1.05</v>
      </c>
      <c r="AW30" s="38">
        <v>1.05</v>
      </c>
      <c r="AX30" s="38">
        <v>1.05</v>
      </c>
      <c r="AY30" s="38">
        <v>1.05</v>
      </c>
      <c r="AZ30" s="38">
        <v>1.05</v>
      </c>
      <c r="BA30" s="38">
        <v>1.05</v>
      </c>
      <c r="BB30" s="38">
        <v>1.05</v>
      </c>
      <c r="BC30" s="38">
        <v>1.05</v>
      </c>
      <c r="BD30" s="38">
        <v>1.05</v>
      </c>
    </row>
    <row r="31" spans="3:56" x14ac:dyDescent="0.2">
      <c r="C31" s="5" t="s">
        <v>75</v>
      </c>
      <c r="D31" s="15" t="s">
        <v>76</v>
      </c>
      <c r="E31" s="8">
        <v>0.68</v>
      </c>
      <c r="F31" s="8">
        <v>0.68</v>
      </c>
      <c r="G31" s="40">
        <v>0.67</v>
      </c>
      <c r="H31" s="40">
        <v>0.66</v>
      </c>
      <c r="I31" s="7">
        <v>0.66</v>
      </c>
      <c r="J31" s="41">
        <v>0.66</v>
      </c>
      <c r="K31" s="40">
        <v>0.68</v>
      </c>
      <c r="L31" s="40">
        <v>0.7</v>
      </c>
      <c r="M31" s="40">
        <v>0.72</v>
      </c>
      <c r="N31" s="40">
        <v>0.73</v>
      </c>
      <c r="O31" s="41">
        <v>0.72</v>
      </c>
      <c r="P31" s="40">
        <v>0.71</v>
      </c>
      <c r="Q31" s="40">
        <v>0.7</v>
      </c>
      <c r="R31" s="45">
        <v>0.7</v>
      </c>
      <c r="S31" s="40">
        <v>0.7</v>
      </c>
      <c r="T31" s="41">
        <v>0.69</v>
      </c>
      <c r="U31" s="40">
        <v>0.67</v>
      </c>
      <c r="V31" s="40">
        <v>0.65</v>
      </c>
      <c r="W31" s="40">
        <v>0.64</v>
      </c>
      <c r="X31" s="40">
        <v>0.6</v>
      </c>
      <c r="Y31" s="40">
        <v>0.6</v>
      </c>
      <c r="Z31" s="40">
        <v>0.6</v>
      </c>
      <c r="AA31" s="40">
        <v>0.62</v>
      </c>
      <c r="AB31" s="40">
        <v>0.63</v>
      </c>
      <c r="AC31" s="41">
        <v>0.61</v>
      </c>
      <c r="AD31" s="40">
        <v>0.62</v>
      </c>
      <c r="AE31" s="40">
        <v>0.61</v>
      </c>
      <c r="AF31" s="41">
        <v>0.63</v>
      </c>
      <c r="AG31" s="41">
        <v>0.63</v>
      </c>
      <c r="AH31" s="40">
        <v>0.65</v>
      </c>
      <c r="AI31" s="40">
        <v>0.65</v>
      </c>
      <c r="AJ31" s="40">
        <v>0.67</v>
      </c>
      <c r="AK31" s="40">
        <v>0.69</v>
      </c>
      <c r="AL31" s="40">
        <v>0.74</v>
      </c>
      <c r="AM31" s="40">
        <v>0.78</v>
      </c>
      <c r="AN31" s="40">
        <v>0.78</v>
      </c>
      <c r="AO31" s="40">
        <v>0.79</v>
      </c>
      <c r="AP31" s="40">
        <v>0.81</v>
      </c>
      <c r="AQ31" s="40">
        <v>0.81</v>
      </c>
      <c r="AR31" s="40">
        <v>0.83</v>
      </c>
      <c r="AS31" s="40">
        <v>0.83</v>
      </c>
      <c r="AT31" s="8">
        <v>0.84</v>
      </c>
      <c r="AU31" s="40">
        <v>0.85</v>
      </c>
      <c r="AV31" s="41">
        <v>0.87</v>
      </c>
      <c r="AW31" s="40">
        <v>0.87</v>
      </c>
      <c r="AX31" s="40">
        <v>0.87</v>
      </c>
      <c r="AY31" s="40">
        <v>0.87</v>
      </c>
      <c r="AZ31" s="40">
        <v>0.88</v>
      </c>
      <c r="BA31" s="40">
        <v>0.88</v>
      </c>
      <c r="BB31" s="40">
        <v>0.87</v>
      </c>
      <c r="BC31" s="41">
        <v>0.87</v>
      </c>
      <c r="BD31" s="40">
        <v>0.87</v>
      </c>
    </row>
    <row r="32" spans="3:56" x14ac:dyDescent="0.2">
      <c r="C32" s="16" t="s">
        <v>78</v>
      </c>
      <c r="D32" s="6" t="s">
        <v>58</v>
      </c>
      <c r="E32" s="8">
        <v>0.3</v>
      </c>
      <c r="F32" s="8">
        <v>0.31</v>
      </c>
      <c r="G32" s="40">
        <v>0.32</v>
      </c>
      <c r="H32" s="40">
        <v>0.33</v>
      </c>
      <c r="I32" s="7">
        <v>0.33</v>
      </c>
      <c r="J32" s="40">
        <v>0.33</v>
      </c>
      <c r="K32" s="40">
        <v>0.34</v>
      </c>
      <c r="L32" s="40">
        <v>0.34</v>
      </c>
      <c r="M32" s="40">
        <v>0.36</v>
      </c>
      <c r="N32" s="40">
        <v>0.35</v>
      </c>
      <c r="O32" s="40">
        <v>0.35</v>
      </c>
      <c r="P32" s="40">
        <v>0.35</v>
      </c>
      <c r="Q32" s="40">
        <v>0.35</v>
      </c>
      <c r="R32" s="45">
        <v>0.4</v>
      </c>
      <c r="S32" s="40">
        <v>0.47</v>
      </c>
      <c r="T32" s="40">
        <v>0.48</v>
      </c>
      <c r="U32" s="40">
        <v>0.42</v>
      </c>
      <c r="V32" s="40">
        <v>0.4</v>
      </c>
      <c r="W32" s="40">
        <v>0.38</v>
      </c>
      <c r="X32" s="40">
        <v>0.34</v>
      </c>
      <c r="Y32" s="40">
        <v>0.31</v>
      </c>
      <c r="Z32" s="40">
        <v>0.31</v>
      </c>
      <c r="AA32" s="40">
        <v>0.31</v>
      </c>
      <c r="AB32" s="40">
        <v>0.31</v>
      </c>
      <c r="AC32" s="40">
        <v>0.31</v>
      </c>
      <c r="AD32" s="40">
        <v>0.32</v>
      </c>
      <c r="AE32" s="40">
        <v>0.34</v>
      </c>
      <c r="AF32" s="40">
        <v>0.36</v>
      </c>
      <c r="AG32" s="40">
        <v>0.3</v>
      </c>
      <c r="AH32" s="40">
        <v>0.28000000000000003</v>
      </c>
      <c r="AI32" s="40">
        <v>0.28999999999999998</v>
      </c>
      <c r="AJ32" s="40">
        <v>0.3</v>
      </c>
      <c r="AK32" s="40">
        <v>0.28999999999999998</v>
      </c>
      <c r="AL32" s="40">
        <v>0.28000000000000003</v>
      </c>
      <c r="AM32" s="40">
        <v>0.26</v>
      </c>
      <c r="AN32" s="40">
        <v>0.25</v>
      </c>
      <c r="AO32" s="40">
        <v>0.22</v>
      </c>
      <c r="AP32" s="40">
        <v>0.22</v>
      </c>
      <c r="AQ32" s="40">
        <v>0.2</v>
      </c>
      <c r="AR32" s="40">
        <v>0.18</v>
      </c>
      <c r="AS32" s="40">
        <v>0.17</v>
      </c>
      <c r="AT32" s="8">
        <v>0.16</v>
      </c>
      <c r="AU32" s="40">
        <v>0.16</v>
      </c>
      <c r="AV32" s="41">
        <v>0.16</v>
      </c>
      <c r="AW32" s="40">
        <v>0.15</v>
      </c>
      <c r="AX32" s="40">
        <v>0.16</v>
      </c>
      <c r="AY32" s="40">
        <v>0.15</v>
      </c>
      <c r="AZ32" s="40">
        <v>0.15</v>
      </c>
      <c r="BA32" s="40">
        <v>0.16</v>
      </c>
      <c r="BB32" s="40">
        <v>0.16</v>
      </c>
      <c r="BC32" s="40">
        <v>0.16</v>
      </c>
      <c r="BD32" s="55">
        <v>0.15</v>
      </c>
    </row>
    <row r="33" spans="3:56" x14ac:dyDescent="0.2">
      <c r="C33" s="16" t="s">
        <v>79</v>
      </c>
      <c r="D33" s="6" t="s">
        <v>58</v>
      </c>
      <c r="E33" s="8">
        <v>0.4</v>
      </c>
      <c r="F33" s="8">
        <v>0.43</v>
      </c>
      <c r="G33" s="40">
        <v>0.44</v>
      </c>
      <c r="H33" s="40">
        <v>0.45</v>
      </c>
      <c r="I33" s="7">
        <v>0.45</v>
      </c>
      <c r="J33" s="40">
        <v>0.43</v>
      </c>
      <c r="K33" s="40">
        <v>0.43</v>
      </c>
      <c r="L33" s="40">
        <v>0.37</v>
      </c>
      <c r="M33" s="40">
        <v>0.36</v>
      </c>
      <c r="N33" s="40">
        <v>0.39</v>
      </c>
      <c r="O33" s="40">
        <v>0.39</v>
      </c>
      <c r="P33" s="40">
        <v>0.43</v>
      </c>
      <c r="Q33" s="40">
        <v>0.41</v>
      </c>
      <c r="R33" s="40">
        <v>0.44</v>
      </c>
      <c r="S33" s="40">
        <v>0.43</v>
      </c>
      <c r="T33" s="40">
        <v>0.4</v>
      </c>
      <c r="U33" s="40">
        <v>0.38</v>
      </c>
      <c r="V33" s="40">
        <v>0.35</v>
      </c>
      <c r="W33" s="40">
        <v>0.36</v>
      </c>
      <c r="X33" s="40">
        <v>0.4</v>
      </c>
      <c r="Y33" s="40">
        <v>0.39</v>
      </c>
      <c r="Z33" s="40">
        <v>0.39</v>
      </c>
      <c r="AA33" s="40">
        <v>0.39</v>
      </c>
      <c r="AB33" s="40">
        <v>0.41</v>
      </c>
      <c r="AC33" s="40">
        <v>0.4</v>
      </c>
      <c r="AD33" s="40">
        <v>0.42</v>
      </c>
      <c r="AE33" s="40">
        <v>0.36</v>
      </c>
      <c r="AF33" s="40">
        <v>0.37</v>
      </c>
      <c r="AG33" s="40">
        <v>0.34</v>
      </c>
      <c r="AH33" s="40">
        <v>0.33950398040416413</v>
      </c>
      <c r="AI33" s="40">
        <v>0.39</v>
      </c>
      <c r="AJ33" s="40">
        <v>0.36</v>
      </c>
      <c r="AK33" s="40">
        <v>0.36</v>
      </c>
      <c r="AL33" s="40">
        <v>0.37</v>
      </c>
      <c r="AM33" s="40">
        <v>0.39</v>
      </c>
      <c r="AN33" s="40">
        <v>0.4</v>
      </c>
      <c r="AO33" s="40">
        <v>0.44</v>
      </c>
      <c r="AP33" s="40">
        <v>0.39</v>
      </c>
      <c r="AQ33" s="40">
        <v>0.4</v>
      </c>
      <c r="AR33" s="40">
        <v>0.36</v>
      </c>
      <c r="AS33" s="40">
        <v>0.35</v>
      </c>
      <c r="AT33" s="8">
        <v>0.34</v>
      </c>
      <c r="AU33" s="40">
        <v>0.34</v>
      </c>
      <c r="AV33" s="41">
        <v>0.38</v>
      </c>
      <c r="AW33" s="40">
        <v>0.36</v>
      </c>
      <c r="AX33" s="40">
        <v>0.38</v>
      </c>
      <c r="AY33" s="40">
        <v>0.41</v>
      </c>
      <c r="AZ33" s="40">
        <v>0.52</v>
      </c>
      <c r="BA33" s="40">
        <v>0.44</v>
      </c>
      <c r="BB33" s="40">
        <v>0.42</v>
      </c>
      <c r="BC33" s="40">
        <v>0.43</v>
      </c>
      <c r="BD33" s="40">
        <v>0.41</v>
      </c>
    </row>
    <row r="34" spans="3:56" x14ac:dyDescent="0.2">
      <c r="C34" s="16" t="s">
        <v>80</v>
      </c>
      <c r="D34" s="6" t="s">
        <v>58</v>
      </c>
      <c r="E34" s="8">
        <v>0.32</v>
      </c>
      <c r="F34" s="8">
        <v>0.41</v>
      </c>
      <c r="G34" s="40">
        <v>0.66</v>
      </c>
      <c r="H34" s="40">
        <v>0.87</v>
      </c>
      <c r="I34" s="7">
        <v>0.88</v>
      </c>
      <c r="J34" s="40">
        <v>0.64</v>
      </c>
      <c r="K34" s="40">
        <v>0.42</v>
      </c>
      <c r="L34" s="40">
        <v>0.36</v>
      </c>
      <c r="M34" s="40">
        <v>0.51</v>
      </c>
      <c r="N34" s="40">
        <v>0.53</v>
      </c>
      <c r="O34" s="40">
        <v>0.55000000000000004</v>
      </c>
      <c r="P34" s="40">
        <v>0.44</v>
      </c>
      <c r="Q34" s="40">
        <v>0.53</v>
      </c>
      <c r="R34" s="40">
        <v>0.55000000000000004</v>
      </c>
      <c r="S34" s="40">
        <v>0.47</v>
      </c>
      <c r="T34" s="40">
        <v>0.35</v>
      </c>
      <c r="U34" s="40">
        <v>0.33</v>
      </c>
      <c r="V34" s="40">
        <v>0.35</v>
      </c>
      <c r="W34" s="40">
        <v>0.26</v>
      </c>
      <c r="X34" s="40">
        <v>0.22</v>
      </c>
      <c r="Y34" s="40">
        <v>0.24</v>
      </c>
      <c r="Z34" s="40">
        <v>0.24</v>
      </c>
      <c r="AA34" s="40">
        <v>0.22</v>
      </c>
      <c r="AB34" s="40">
        <v>0.25</v>
      </c>
      <c r="AC34" s="40">
        <v>0.19</v>
      </c>
      <c r="AD34" s="40">
        <v>0.16</v>
      </c>
      <c r="AE34" s="40">
        <v>0.39</v>
      </c>
      <c r="AF34" s="40">
        <v>0.47</v>
      </c>
      <c r="AG34" s="40">
        <v>0.52</v>
      </c>
      <c r="AH34" s="40">
        <v>0.35198734026036071</v>
      </c>
      <c r="AI34" s="40">
        <v>0.35</v>
      </c>
      <c r="AJ34" s="40">
        <v>0.23</v>
      </c>
      <c r="AK34" s="40">
        <v>0.31</v>
      </c>
      <c r="AL34" s="40">
        <v>0.37</v>
      </c>
      <c r="AM34" s="40">
        <v>0.45</v>
      </c>
      <c r="AN34" s="40">
        <v>0.58499999999999996</v>
      </c>
      <c r="AO34" s="40">
        <v>0.54</v>
      </c>
      <c r="AP34" s="40">
        <v>0.51</v>
      </c>
      <c r="AQ34" s="40">
        <v>0.54</v>
      </c>
      <c r="AR34" s="40">
        <v>0.45</v>
      </c>
      <c r="AS34" s="40">
        <v>0.54</v>
      </c>
      <c r="AT34" s="8">
        <v>0.35</v>
      </c>
      <c r="AU34" s="40">
        <v>0.34</v>
      </c>
      <c r="AV34" s="41">
        <v>0.41</v>
      </c>
      <c r="AW34" s="40">
        <v>0.53</v>
      </c>
      <c r="AX34" s="40">
        <v>0.56000000000000005</v>
      </c>
      <c r="AY34" s="40">
        <v>0.42</v>
      </c>
      <c r="AZ34" s="40">
        <v>0.47</v>
      </c>
      <c r="BA34" s="40">
        <v>0.63</v>
      </c>
      <c r="BB34" s="40">
        <v>0.52</v>
      </c>
      <c r="BC34" s="40">
        <v>0.62</v>
      </c>
      <c r="BD34" s="40">
        <v>0.78</v>
      </c>
    </row>
    <row r="35" spans="3:56" x14ac:dyDescent="0.2">
      <c r="C35" s="16" t="s">
        <v>81</v>
      </c>
      <c r="D35" s="6" t="s">
        <v>58</v>
      </c>
      <c r="E35" s="8">
        <v>0.23</v>
      </c>
      <c r="F35" s="8">
        <v>0.25</v>
      </c>
      <c r="G35" s="40">
        <v>0.26</v>
      </c>
      <c r="H35" s="40">
        <v>0.28000000000000003</v>
      </c>
      <c r="I35" s="7">
        <v>0.31</v>
      </c>
      <c r="J35" s="40">
        <v>0.35</v>
      </c>
      <c r="K35" s="40">
        <v>0.38</v>
      </c>
      <c r="L35" s="40">
        <v>0.42</v>
      </c>
      <c r="M35" s="40">
        <v>0.42</v>
      </c>
      <c r="N35" s="40">
        <v>0.44</v>
      </c>
      <c r="O35" s="40">
        <v>0.45</v>
      </c>
      <c r="P35" s="40">
        <v>0.49</v>
      </c>
      <c r="Q35" s="40">
        <v>0.49</v>
      </c>
      <c r="R35" s="40">
        <v>0.5</v>
      </c>
      <c r="S35" s="40">
        <v>0.52</v>
      </c>
      <c r="T35" s="40">
        <v>0.53</v>
      </c>
      <c r="U35" s="40">
        <v>0.54</v>
      </c>
      <c r="V35" s="40">
        <v>0.46</v>
      </c>
      <c r="W35" s="40">
        <v>0.46</v>
      </c>
      <c r="X35" s="40">
        <v>0.42</v>
      </c>
      <c r="Y35" s="40">
        <v>0.46</v>
      </c>
      <c r="Z35" s="40">
        <v>0.46</v>
      </c>
      <c r="AA35" s="40">
        <v>0.46</v>
      </c>
      <c r="AB35" s="40">
        <v>0.47</v>
      </c>
      <c r="AC35" s="40">
        <v>0.46</v>
      </c>
      <c r="AD35" s="40">
        <v>0.41</v>
      </c>
      <c r="AE35" s="40">
        <v>0.34</v>
      </c>
      <c r="AF35" s="40">
        <v>0.3</v>
      </c>
      <c r="AG35" s="40">
        <v>0.28000000000000003</v>
      </c>
      <c r="AH35" s="40">
        <v>0.25858334037021879</v>
      </c>
      <c r="AI35" s="40">
        <v>0.27</v>
      </c>
      <c r="AJ35" s="40">
        <v>0.19</v>
      </c>
      <c r="AK35" s="40">
        <v>0.19</v>
      </c>
      <c r="AL35" s="40">
        <v>0.19</v>
      </c>
      <c r="AM35" s="40">
        <v>0.15</v>
      </c>
      <c r="AN35" s="40">
        <v>0.17</v>
      </c>
      <c r="AO35" s="40">
        <v>0.16</v>
      </c>
      <c r="AP35" s="40">
        <v>0.16</v>
      </c>
      <c r="AQ35" s="40">
        <v>0.15</v>
      </c>
      <c r="AR35" s="40">
        <v>0.14000000000000001</v>
      </c>
      <c r="AS35" s="40">
        <v>0.14000000000000001</v>
      </c>
      <c r="AT35" s="8">
        <v>0.13</v>
      </c>
      <c r="AU35" s="40">
        <v>0.13</v>
      </c>
      <c r="AV35" s="41">
        <v>0.13</v>
      </c>
      <c r="AW35" s="40">
        <v>0.14000000000000001</v>
      </c>
      <c r="AX35" s="40">
        <v>0.13</v>
      </c>
      <c r="AY35" s="40">
        <v>0.14000000000000001</v>
      </c>
      <c r="AZ35" s="40">
        <v>0.13</v>
      </c>
      <c r="BA35" s="40">
        <v>0.15</v>
      </c>
      <c r="BB35" s="40">
        <v>0.14000000000000001</v>
      </c>
      <c r="BC35" s="40">
        <v>0.14000000000000001</v>
      </c>
      <c r="BD35" s="40">
        <v>0.14000000000000001</v>
      </c>
    </row>
    <row r="36" spans="3:56" x14ac:dyDescent="0.2">
      <c r="C36" s="16" t="s">
        <v>82</v>
      </c>
      <c r="D36" s="6" t="s">
        <v>58</v>
      </c>
      <c r="E36" s="8">
        <v>2.14</v>
      </c>
      <c r="F36" s="8">
        <v>2</v>
      </c>
      <c r="G36" s="40">
        <v>2.31</v>
      </c>
      <c r="H36" s="40">
        <v>2.4500000000000002</v>
      </c>
      <c r="I36" s="7">
        <v>2.5</v>
      </c>
      <c r="J36" s="40">
        <v>2.72</v>
      </c>
      <c r="K36" s="40">
        <v>2.8</v>
      </c>
      <c r="L36" s="40">
        <v>2.34</v>
      </c>
      <c r="M36" s="40">
        <v>2</v>
      </c>
      <c r="N36" s="40">
        <v>1.81</v>
      </c>
      <c r="O36" s="40">
        <v>1.67</v>
      </c>
      <c r="P36" s="40">
        <v>1.49</v>
      </c>
      <c r="Q36" s="40">
        <v>1.72</v>
      </c>
      <c r="R36" s="40">
        <v>1.72</v>
      </c>
      <c r="S36" s="40">
        <v>1.82</v>
      </c>
      <c r="T36" s="40">
        <v>1.67</v>
      </c>
      <c r="U36" s="40">
        <v>1.39</v>
      </c>
      <c r="V36" s="40">
        <v>1.3</v>
      </c>
      <c r="W36" s="40">
        <v>1.1200000000000001</v>
      </c>
      <c r="X36" s="40">
        <v>1.1599999999999999</v>
      </c>
      <c r="Y36" s="40">
        <v>1.24</v>
      </c>
      <c r="Z36" s="40">
        <v>1.24</v>
      </c>
      <c r="AA36" s="40">
        <v>1.89</v>
      </c>
      <c r="AB36" s="40">
        <v>1.49</v>
      </c>
      <c r="AC36" s="40">
        <v>1.28</v>
      </c>
      <c r="AD36" s="40">
        <v>1.31</v>
      </c>
      <c r="AE36" s="40">
        <v>1.34</v>
      </c>
      <c r="AF36" s="40">
        <v>1.39</v>
      </c>
      <c r="AG36" s="40">
        <v>1.42</v>
      </c>
      <c r="AH36" s="40">
        <v>1.7000826985854187</v>
      </c>
      <c r="AI36" s="40">
        <v>1.55</v>
      </c>
      <c r="AJ36" s="40">
        <v>1.71</v>
      </c>
      <c r="AK36" s="40">
        <v>1.71</v>
      </c>
      <c r="AL36" s="40">
        <v>1.97</v>
      </c>
      <c r="AM36" s="40">
        <v>2.1</v>
      </c>
      <c r="AN36" s="40">
        <v>1.69</v>
      </c>
      <c r="AO36" s="40">
        <v>1.56</v>
      </c>
      <c r="AP36" s="40">
        <v>1.58</v>
      </c>
      <c r="AQ36" s="40">
        <v>1.66</v>
      </c>
      <c r="AR36" s="40">
        <v>1.78</v>
      </c>
      <c r="AS36" s="40">
        <v>1.48</v>
      </c>
      <c r="AT36" s="8">
        <v>1.43</v>
      </c>
      <c r="AU36" s="40">
        <v>1.48</v>
      </c>
      <c r="AV36" s="41">
        <v>1.05</v>
      </c>
      <c r="AW36" s="40">
        <v>1.93</v>
      </c>
      <c r="AX36" s="40">
        <v>1.83</v>
      </c>
      <c r="AY36" s="40">
        <v>1.62</v>
      </c>
      <c r="AZ36" s="40">
        <v>1.77</v>
      </c>
      <c r="BA36" s="40">
        <v>1.84</v>
      </c>
      <c r="BB36" s="40">
        <v>1.7</v>
      </c>
      <c r="BC36" s="40">
        <v>1.67</v>
      </c>
      <c r="BD36" s="40">
        <v>1.88</v>
      </c>
    </row>
    <row r="37" spans="3:56" x14ac:dyDescent="0.2">
      <c r="C37" s="16" t="s">
        <v>84</v>
      </c>
      <c r="D37" s="6" t="s">
        <v>85</v>
      </c>
      <c r="E37" s="8">
        <v>0.33</v>
      </c>
      <c r="F37" s="8">
        <v>0.3</v>
      </c>
      <c r="G37" s="40">
        <v>0.3</v>
      </c>
      <c r="H37" s="40">
        <v>0.27</v>
      </c>
      <c r="I37" s="7">
        <v>0.26</v>
      </c>
      <c r="J37" s="40">
        <v>0.24</v>
      </c>
      <c r="K37" s="40">
        <v>0.22</v>
      </c>
      <c r="L37" s="40">
        <v>0.2</v>
      </c>
      <c r="M37" s="40">
        <v>0.2</v>
      </c>
      <c r="N37" s="40">
        <v>0.22</v>
      </c>
      <c r="O37" s="40">
        <v>0.2</v>
      </c>
      <c r="P37" s="40">
        <v>0.23</v>
      </c>
      <c r="Q37" s="40">
        <v>0.23</v>
      </c>
      <c r="R37" s="40">
        <v>0.27</v>
      </c>
      <c r="S37" s="40">
        <v>0.28000000000000003</v>
      </c>
      <c r="T37" s="40">
        <v>0.27</v>
      </c>
      <c r="U37" s="40">
        <v>0.32</v>
      </c>
      <c r="V37" s="40">
        <v>0.28999999999999998</v>
      </c>
      <c r="W37" s="40">
        <v>0.24</v>
      </c>
      <c r="X37" s="40">
        <v>0.23</v>
      </c>
      <c r="Y37" s="40">
        <v>0.22</v>
      </c>
      <c r="Z37" s="40">
        <v>0.22</v>
      </c>
      <c r="AA37" s="40">
        <v>0.21</v>
      </c>
      <c r="AB37" s="40">
        <v>0.21</v>
      </c>
      <c r="AC37" s="40">
        <v>0.2</v>
      </c>
      <c r="AD37" s="40">
        <v>0.2</v>
      </c>
      <c r="AE37" s="40">
        <v>0.18</v>
      </c>
      <c r="AF37" s="40">
        <v>0.17</v>
      </c>
      <c r="AG37" s="40">
        <v>0.17</v>
      </c>
      <c r="AH37" s="40">
        <v>0.17198322222946028</v>
      </c>
      <c r="AI37" s="40">
        <v>0.19</v>
      </c>
      <c r="AJ37" s="40">
        <v>0.17</v>
      </c>
      <c r="AK37" s="40">
        <v>0.17</v>
      </c>
      <c r="AL37" s="40">
        <v>0.17</v>
      </c>
      <c r="AM37" s="40">
        <v>0.17</v>
      </c>
      <c r="AN37" s="40">
        <v>0.2</v>
      </c>
      <c r="AO37" s="40">
        <v>0.2</v>
      </c>
      <c r="AP37" s="40">
        <v>0.2</v>
      </c>
      <c r="AQ37" s="40">
        <v>0.21</v>
      </c>
      <c r="AR37" s="40">
        <v>0.23</v>
      </c>
      <c r="AS37" s="40">
        <v>0.26</v>
      </c>
      <c r="AT37" s="8">
        <v>0.27</v>
      </c>
      <c r="AU37" s="40">
        <v>0.23</v>
      </c>
      <c r="AV37" s="41">
        <v>0.34</v>
      </c>
      <c r="AW37" s="40">
        <v>0.37</v>
      </c>
      <c r="AX37" s="40">
        <v>0.38</v>
      </c>
      <c r="AY37" s="40">
        <v>0.42</v>
      </c>
      <c r="AZ37" s="40">
        <v>0.42</v>
      </c>
      <c r="BA37" s="40">
        <v>0.4</v>
      </c>
      <c r="BB37" s="40">
        <v>0.36</v>
      </c>
      <c r="BC37" s="40">
        <v>0.33</v>
      </c>
      <c r="BD37" s="40">
        <v>0.33</v>
      </c>
    </row>
    <row r="38" spans="3:56" x14ac:dyDescent="0.2">
      <c r="C38" s="16" t="s">
        <v>86</v>
      </c>
      <c r="D38" s="6" t="s">
        <v>58</v>
      </c>
      <c r="E38" s="8">
        <v>1</v>
      </c>
      <c r="F38" s="8">
        <v>1.26</v>
      </c>
      <c r="G38" s="40">
        <v>1.1599999999999999</v>
      </c>
      <c r="H38" s="40">
        <v>1.06</v>
      </c>
      <c r="I38" s="7">
        <v>0.88</v>
      </c>
      <c r="J38" s="40">
        <v>0.86</v>
      </c>
      <c r="K38" s="40">
        <v>0.81</v>
      </c>
      <c r="L38" s="40">
        <v>0.76</v>
      </c>
      <c r="M38" s="40">
        <v>0.72</v>
      </c>
      <c r="N38" s="40">
        <v>0.78</v>
      </c>
      <c r="O38" s="40">
        <v>0.74</v>
      </c>
      <c r="P38" s="40">
        <v>0.77</v>
      </c>
      <c r="Q38" s="40">
        <v>0.86</v>
      </c>
      <c r="R38" s="40">
        <v>1.44</v>
      </c>
      <c r="S38" s="40">
        <v>1.82</v>
      </c>
      <c r="T38" s="40">
        <v>1.5</v>
      </c>
      <c r="U38" s="40">
        <v>1.5</v>
      </c>
      <c r="V38" s="40">
        <v>1.47</v>
      </c>
      <c r="W38" s="40">
        <v>1.1000000000000001</v>
      </c>
      <c r="X38" s="40">
        <v>0.96</v>
      </c>
      <c r="Y38" s="40">
        <v>0.89</v>
      </c>
      <c r="Z38" s="40">
        <v>0.89</v>
      </c>
      <c r="AA38" s="40">
        <v>0.92</v>
      </c>
      <c r="AB38" s="40">
        <v>0.8</v>
      </c>
      <c r="AC38" s="40">
        <v>0.73</v>
      </c>
      <c r="AD38" s="40">
        <v>0.67</v>
      </c>
      <c r="AE38" s="40">
        <v>0.69</v>
      </c>
      <c r="AF38" s="40">
        <v>0.56000000000000005</v>
      </c>
      <c r="AG38" s="40">
        <v>0.63</v>
      </c>
      <c r="AH38" s="40">
        <v>0.62907404196289229</v>
      </c>
      <c r="AI38" s="40">
        <v>0.63</v>
      </c>
      <c r="AJ38" s="40">
        <v>0.64</v>
      </c>
      <c r="AK38" s="40">
        <v>0.63</v>
      </c>
      <c r="AL38" s="40">
        <v>0.64</v>
      </c>
      <c r="AM38" s="40">
        <v>0.63</v>
      </c>
      <c r="AN38" s="40">
        <v>0.52</v>
      </c>
      <c r="AO38" s="40">
        <v>0.51</v>
      </c>
      <c r="AP38" s="40">
        <v>0.56999999999999995</v>
      </c>
      <c r="AQ38" s="40">
        <v>0.57999999999999996</v>
      </c>
      <c r="AR38" s="40">
        <v>0.56000000000000005</v>
      </c>
      <c r="AS38" s="40">
        <v>0.77</v>
      </c>
      <c r="AT38" s="8">
        <v>0.72</v>
      </c>
      <c r="AU38" s="40">
        <v>0.89</v>
      </c>
      <c r="AV38" s="41">
        <v>0.68</v>
      </c>
      <c r="AW38" s="40">
        <v>0.78</v>
      </c>
      <c r="AX38" s="40">
        <v>0.53</v>
      </c>
      <c r="AY38" s="40">
        <v>0.46</v>
      </c>
      <c r="AZ38" s="40">
        <v>0.5</v>
      </c>
      <c r="BA38" s="40">
        <v>0.55000000000000004</v>
      </c>
      <c r="BB38" s="40">
        <v>0.81</v>
      </c>
      <c r="BC38" s="40">
        <v>0.65</v>
      </c>
      <c r="BD38" s="40">
        <v>0.75</v>
      </c>
    </row>
    <row r="39" spans="3:56" x14ac:dyDescent="0.2">
      <c r="C39" s="16" t="s">
        <v>104</v>
      </c>
      <c r="D39" s="6" t="s">
        <v>58</v>
      </c>
      <c r="E39" s="8">
        <v>0.81</v>
      </c>
      <c r="F39" s="8">
        <v>0.76</v>
      </c>
      <c r="G39" s="40">
        <v>0.72</v>
      </c>
      <c r="H39" s="40">
        <v>0.75</v>
      </c>
      <c r="I39" s="7">
        <v>0.66</v>
      </c>
      <c r="J39" s="40">
        <v>0.66</v>
      </c>
      <c r="K39" s="40">
        <v>0.51</v>
      </c>
      <c r="L39" s="40">
        <v>0.44</v>
      </c>
      <c r="M39" s="40">
        <v>0.47</v>
      </c>
      <c r="N39" s="40">
        <v>0.61</v>
      </c>
      <c r="O39" s="40">
        <v>0.75</v>
      </c>
      <c r="P39" s="40">
        <v>0.9</v>
      </c>
      <c r="Q39" s="40">
        <v>1.02</v>
      </c>
      <c r="R39" s="40">
        <v>1.26</v>
      </c>
      <c r="S39" s="40">
        <v>1.1299999999999999</v>
      </c>
      <c r="T39" s="40">
        <v>0.72</v>
      </c>
      <c r="U39" s="40">
        <v>0.52</v>
      </c>
      <c r="V39" s="40">
        <v>0.35</v>
      </c>
      <c r="W39" s="40">
        <v>0.36</v>
      </c>
      <c r="X39" s="40">
        <v>0.37</v>
      </c>
      <c r="Y39" s="40">
        <v>0.32</v>
      </c>
      <c r="Z39" s="40">
        <v>0.32</v>
      </c>
      <c r="AA39" s="40">
        <v>0.43</v>
      </c>
      <c r="AB39" s="40">
        <v>0.59</v>
      </c>
      <c r="AC39" s="40">
        <v>0.53</v>
      </c>
      <c r="AD39" s="40">
        <v>0.43</v>
      </c>
      <c r="AE39" s="40">
        <v>0.47</v>
      </c>
      <c r="AF39" s="40">
        <v>0.56000000000000005</v>
      </c>
      <c r="AG39" s="40">
        <v>0.46</v>
      </c>
      <c r="AH39" s="40">
        <v>0.49940645621544488</v>
      </c>
      <c r="AI39" s="40">
        <v>0.49</v>
      </c>
      <c r="AJ39" s="40">
        <v>0.53</v>
      </c>
      <c r="AK39" s="40">
        <v>0.34</v>
      </c>
      <c r="AL39" s="40">
        <v>0.34</v>
      </c>
      <c r="AM39" s="40">
        <v>0.39</v>
      </c>
      <c r="AN39" s="40">
        <v>0.35</v>
      </c>
      <c r="AO39" s="40">
        <v>0.38</v>
      </c>
      <c r="AP39" s="40">
        <v>0.48</v>
      </c>
      <c r="AQ39" s="40">
        <v>0.54</v>
      </c>
      <c r="AR39" s="40">
        <v>0.71</v>
      </c>
      <c r="AS39" s="40">
        <v>0.67</v>
      </c>
      <c r="AT39" s="8">
        <v>0.7</v>
      </c>
      <c r="AU39" s="40">
        <v>0.63</v>
      </c>
      <c r="AV39" s="41">
        <v>0.73</v>
      </c>
      <c r="AW39" s="40">
        <v>0.78</v>
      </c>
      <c r="AX39" s="40">
        <v>0.79</v>
      </c>
      <c r="AY39" s="40">
        <v>0.69</v>
      </c>
      <c r="AZ39" s="40">
        <v>0.66</v>
      </c>
      <c r="BA39" s="40">
        <v>0.63</v>
      </c>
      <c r="BB39" s="40">
        <v>0.61</v>
      </c>
      <c r="BC39" s="40">
        <v>0.66</v>
      </c>
      <c r="BD39" s="40">
        <v>0.63</v>
      </c>
    </row>
    <row r="40" spans="3:56" x14ac:dyDescent="0.2">
      <c r="C40" s="16" t="s">
        <v>87</v>
      </c>
      <c r="D40" s="6" t="s">
        <v>58</v>
      </c>
      <c r="E40" s="8">
        <v>0.19</v>
      </c>
      <c r="F40" s="8">
        <v>0.2</v>
      </c>
      <c r="G40" s="40">
        <v>0.2</v>
      </c>
      <c r="H40" s="40">
        <v>0.2</v>
      </c>
      <c r="I40" s="7">
        <v>0.2</v>
      </c>
      <c r="J40" s="40">
        <v>0.22</v>
      </c>
      <c r="K40" s="40">
        <v>0.22</v>
      </c>
      <c r="L40" s="40">
        <v>0.21</v>
      </c>
      <c r="M40" s="40">
        <v>0.22</v>
      </c>
      <c r="N40" s="40">
        <v>0.24</v>
      </c>
      <c r="O40" s="40">
        <v>0.24</v>
      </c>
      <c r="P40" s="40">
        <v>0.23</v>
      </c>
      <c r="Q40" s="40">
        <v>0.23</v>
      </c>
      <c r="R40" s="40">
        <v>0.25</v>
      </c>
      <c r="S40" s="40">
        <v>0.25</v>
      </c>
      <c r="T40" s="40">
        <v>0.25</v>
      </c>
      <c r="U40" s="40">
        <v>0.28000000000000003</v>
      </c>
      <c r="V40" s="40">
        <v>0.38</v>
      </c>
      <c r="W40" s="40">
        <v>0.38</v>
      </c>
      <c r="X40" s="40">
        <v>0.36</v>
      </c>
      <c r="Y40" s="40">
        <v>0.35</v>
      </c>
      <c r="Z40" s="40">
        <v>0.35</v>
      </c>
      <c r="AA40" s="40">
        <v>0.35</v>
      </c>
      <c r="AB40" s="40">
        <v>0.34</v>
      </c>
      <c r="AC40" s="40">
        <v>0.34</v>
      </c>
      <c r="AD40" s="40">
        <v>0.34</v>
      </c>
      <c r="AE40" s="40">
        <v>0.28000000000000003</v>
      </c>
      <c r="AF40" s="40">
        <v>0.21</v>
      </c>
      <c r="AG40" s="40">
        <v>0.17</v>
      </c>
      <c r="AH40" s="40">
        <v>0.16150986559908492</v>
      </c>
      <c r="AI40" s="40">
        <v>0.15</v>
      </c>
      <c r="AJ40" s="40">
        <v>0.15</v>
      </c>
      <c r="AK40" s="40">
        <v>0.15</v>
      </c>
      <c r="AL40" s="40">
        <v>0.15</v>
      </c>
      <c r="AM40" s="40">
        <v>0.15</v>
      </c>
      <c r="AN40" s="40">
        <v>0.14000000000000001</v>
      </c>
      <c r="AO40" s="40">
        <v>0.14000000000000001</v>
      </c>
      <c r="AP40" s="40">
        <v>0.14000000000000001</v>
      </c>
      <c r="AQ40" s="40">
        <v>0.13</v>
      </c>
      <c r="AR40" s="40">
        <v>0.13</v>
      </c>
      <c r="AS40" s="40">
        <v>0.13</v>
      </c>
      <c r="AT40" s="8">
        <v>0.13</v>
      </c>
      <c r="AU40" s="40">
        <v>0.1</v>
      </c>
      <c r="AV40" s="41">
        <v>0.1</v>
      </c>
      <c r="AW40" s="40">
        <v>0.1</v>
      </c>
      <c r="AX40" s="40">
        <v>0.1</v>
      </c>
      <c r="AY40" s="40">
        <v>0.1</v>
      </c>
      <c r="AZ40" s="40">
        <v>0.1</v>
      </c>
      <c r="BA40" s="40">
        <v>0.09</v>
      </c>
      <c r="BB40" s="40">
        <v>0.09</v>
      </c>
      <c r="BC40" s="40">
        <v>0.09</v>
      </c>
      <c r="BD40" s="40">
        <v>0.09</v>
      </c>
    </row>
    <row r="41" spans="3:56" x14ac:dyDescent="0.2">
      <c r="C41" s="16" t="s">
        <v>88</v>
      </c>
      <c r="D41" s="6" t="s">
        <v>58</v>
      </c>
      <c r="E41" s="8">
        <v>0.06</v>
      </c>
      <c r="F41" s="8">
        <v>0.06</v>
      </c>
      <c r="G41" s="40">
        <v>0.06</v>
      </c>
      <c r="H41" s="40">
        <v>0.05</v>
      </c>
      <c r="I41" s="7">
        <v>0.05</v>
      </c>
      <c r="J41" s="40">
        <v>0.05</v>
      </c>
      <c r="K41" s="40">
        <v>0.03</v>
      </c>
      <c r="L41" s="40">
        <v>0.03</v>
      </c>
      <c r="M41" s="40">
        <v>0.03</v>
      </c>
      <c r="N41" s="40">
        <v>0.06</v>
      </c>
      <c r="O41" s="40">
        <v>0.09</v>
      </c>
      <c r="P41" s="40">
        <v>0.1</v>
      </c>
      <c r="Q41" s="40">
        <v>0.11</v>
      </c>
      <c r="R41" s="40">
        <v>0.13</v>
      </c>
      <c r="S41" s="40">
        <v>0.13</v>
      </c>
      <c r="T41" s="40">
        <v>0.13</v>
      </c>
      <c r="U41" s="40">
        <v>0.13</v>
      </c>
      <c r="V41" s="40">
        <v>0.13</v>
      </c>
      <c r="W41" s="40">
        <v>0.15</v>
      </c>
      <c r="X41" s="40">
        <v>0.15</v>
      </c>
      <c r="Y41" s="40">
        <v>0.15</v>
      </c>
      <c r="Z41" s="40">
        <v>0.15</v>
      </c>
      <c r="AA41" s="40">
        <v>0.16</v>
      </c>
      <c r="AB41" s="40">
        <v>0.19</v>
      </c>
      <c r="AC41" s="40">
        <v>0.19</v>
      </c>
      <c r="AD41" s="40">
        <v>0.19</v>
      </c>
      <c r="AE41" s="40">
        <v>0.17</v>
      </c>
      <c r="AF41" s="40">
        <v>0.17</v>
      </c>
      <c r="AG41" s="40">
        <v>0.16</v>
      </c>
      <c r="AH41" s="40">
        <v>0.16018325434439179</v>
      </c>
      <c r="AI41" s="40">
        <v>0.17</v>
      </c>
      <c r="AJ41" s="40">
        <v>0.15</v>
      </c>
      <c r="AK41" s="40">
        <v>0.16</v>
      </c>
      <c r="AL41" s="40">
        <v>0.16</v>
      </c>
      <c r="AM41" s="40">
        <v>0.16</v>
      </c>
      <c r="AN41" s="40">
        <v>0.19</v>
      </c>
      <c r="AO41" s="40">
        <v>0.27</v>
      </c>
      <c r="AP41" s="40">
        <v>0.31</v>
      </c>
      <c r="AQ41" s="40">
        <v>0.32</v>
      </c>
      <c r="AR41" s="40">
        <v>0.34</v>
      </c>
      <c r="AS41" s="40">
        <v>0.37</v>
      </c>
      <c r="AT41" s="8">
        <v>0.38</v>
      </c>
      <c r="AU41" s="40">
        <v>0.43</v>
      </c>
      <c r="AV41" s="41">
        <v>0.43</v>
      </c>
      <c r="AW41" s="40">
        <v>0.43</v>
      </c>
      <c r="AX41" s="40">
        <v>0.48</v>
      </c>
      <c r="AY41" s="40">
        <v>0.51</v>
      </c>
      <c r="AZ41" s="40">
        <v>0.56000000000000005</v>
      </c>
      <c r="BA41" s="40">
        <v>0.57999999999999996</v>
      </c>
      <c r="BB41" s="40">
        <v>0.59</v>
      </c>
      <c r="BC41" s="40">
        <v>0.62</v>
      </c>
      <c r="BD41" s="40">
        <v>0.62</v>
      </c>
    </row>
    <row r="42" spans="3:56" x14ac:dyDescent="0.2">
      <c r="C42" s="16" t="s">
        <v>89</v>
      </c>
      <c r="D42" s="6" t="s">
        <v>58</v>
      </c>
      <c r="E42" s="8">
        <v>0.36</v>
      </c>
      <c r="F42" s="8">
        <v>0.35</v>
      </c>
      <c r="G42" s="40">
        <v>0.42</v>
      </c>
      <c r="H42" s="40">
        <v>0.42</v>
      </c>
      <c r="I42" s="7">
        <v>0.42</v>
      </c>
      <c r="J42" s="40">
        <v>0.42</v>
      </c>
      <c r="K42" s="40">
        <v>0.42</v>
      </c>
      <c r="L42" s="40">
        <v>0.42</v>
      </c>
      <c r="M42" s="40">
        <v>0.44</v>
      </c>
      <c r="N42" s="40">
        <v>0.44</v>
      </c>
      <c r="O42" s="40">
        <v>0.44</v>
      </c>
      <c r="P42" s="40">
        <v>0.44</v>
      </c>
      <c r="Q42" s="40">
        <v>0.44</v>
      </c>
      <c r="R42" s="40">
        <v>0.45</v>
      </c>
      <c r="S42" s="40">
        <v>0.44</v>
      </c>
      <c r="T42" s="40">
        <v>0.47</v>
      </c>
      <c r="U42" s="40">
        <v>0.47</v>
      </c>
      <c r="V42" s="40">
        <v>0.51</v>
      </c>
      <c r="W42" s="40">
        <v>0.51</v>
      </c>
      <c r="X42" s="40">
        <v>0.55000000000000004</v>
      </c>
      <c r="Y42" s="40">
        <v>0.57999999999999996</v>
      </c>
      <c r="Z42" s="40">
        <v>0.57999999999999996</v>
      </c>
      <c r="AA42" s="40">
        <v>0.59</v>
      </c>
      <c r="AB42" s="40">
        <v>0.59</v>
      </c>
      <c r="AC42" s="40">
        <v>0.59</v>
      </c>
      <c r="AD42" s="40">
        <v>0.59</v>
      </c>
      <c r="AE42" s="40">
        <v>0.64</v>
      </c>
      <c r="AF42" s="40">
        <v>0.64</v>
      </c>
      <c r="AG42" s="40">
        <v>0.64</v>
      </c>
      <c r="AH42" s="40">
        <v>0.63500000000000001</v>
      </c>
      <c r="AI42" s="40">
        <v>0.53</v>
      </c>
      <c r="AJ42" s="40">
        <v>0.45</v>
      </c>
      <c r="AK42" s="40">
        <v>0.45</v>
      </c>
      <c r="AL42" s="40">
        <v>0.45</v>
      </c>
      <c r="AM42" s="40">
        <v>0.43</v>
      </c>
      <c r="AN42" s="40">
        <v>0.39</v>
      </c>
      <c r="AO42" s="40">
        <v>0.39</v>
      </c>
      <c r="AP42" s="40">
        <v>0.4</v>
      </c>
      <c r="AQ42" s="40">
        <v>0.4</v>
      </c>
      <c r="AR42" s="40">
        <v>0.39</v>
      </c>
      <c r="AS42" s="40">
        <v>0.42</v>
      </c>
      <c r="AT42" s="8">
        <v>0.48</v>
      </c>
      <c r="AU42" s="40">
        <v>0.48</v>
      </c>
      <c r="AV42" s="40">
        <v>0.5</v>
      </c>
      <c r="AW42" s="40">
        <v>0.5</v>
      </c>
      <c r="AX42" s="40">
        <v>0.5</v>
      </c>
      <c r="AY42" s="40">
        <v>0.5</v>
      </c>
      <c r="AZ42" s="40">
        <v>0.5</v>
      </c>
      <c r="BA42" s="40">
        <v>0.48</v>
      </c>
      <c r="BB42" s="40">
        <v>0.48</v>
      </c>
      <c r="BC42" s="40">
        <v>0.47</v>
      </c>
      <c r="BD42" s="40">
        <v>0.47</v>
      </c>
    </row>
    <row r="43" spans="3:56" x14ac:dyDescent="0.2">
      <c r="C43" s="18" t="s">
        <v>91</v>
      </c>
      <c r="D43" s="6" t="s">
        <v>58</v>
      </c>
      <c r="E43" s="8">
        <v>0.15</v>
      </c>
      <c r="F43" s="8">
        <v>0.16</v>
      </c>
      <c r="G43" s="40">
        <v>0.15</v>
      </c>
      <c r="H43" s="40">
        <v>0.14000000000000001</v>
      </c>
      <c r="I43" s="7">
        <v>0.14000000000000001</v>
      </c>
      <c r="J43" s="40">
        <v>0.16</v>
      </c>
      <c r="K43" s="40">
        <v>0.18</v>
      </c>
      <c r="L43" s="40">
        <v>0.2</v>
      </c>
      <c r="M43" s="40">
        <v>0.2</v>
      </c>
      <c r="N43" s="44"/>
      <c r="P43" s="40"/>
      <c r="Q43" s="40"/>
      <c r="R43" s="40"/>
      <c r="S43" s="40"/>
      <c r="T43" s="34"/>
      <c r="U43" s="34"/>
      <c r="V43" s="34"/>
      <c r="W43" s="34"/>
      <c r="X43" s="34"/>
      <c r="Y43" s="40"/>
      <c r="Z43" s="40"/>
      <c r="AA43" s="46"/>
      <c r="AB43" s="46"/>
      <c r="AC43" s="46"/>
      <c r="AD43" s="46"/>
      <c r="AE43" s="8">
        <v>0.25</v>
      </c>
      <c r="AF43" s="46"/>
      <c r="AG43" s="40"/>
      <c r="AH43" s="46"/>
      <c r="AI43" s="52"/>
      <c r="AJ43" s="46"/>
      <c r="AK43" s="46"/>
      <c r="AL43" s="46"/>
      <c r="AM43" s="46"/>
      <c r="AN43" s="46"/>
      <c r="AO43" s="40"/>
      <c r="AP43" s="40"/>
      <c r="AQ43" s="40">
        <v>0.23</v>
      </c>
      <c r="AR43" s="40">
        <v>0.20630000000000001</v>
      </c>
      <c r="AS43" s="40">
        <v>0.2</v>
      </c>
      <c r="AT43" s="8">
        <v>0.2</v>
      </c>
      <c r="AU43" s="40">
        <v>0.2</v>
      </c>
      <c r="AV43" s="40">
        <v>0.21</v>
      </c>
      <c r="AW43" s="40">
        <v>0.21</v>
      </c>
      <c r="AX43" s="40">
        <v>0.2</v>
      </c>
      <c r="AY43" s="40">
        <v>0.2</v>
      </c>
      <c r="AZ43" s="40">
        <v>0.21</v>
      </c>
      <c r="BA43" s="40">
        <v>0.23</v>
      </c>
      <c r="BB43" s="40">
        <v>0.25</v>
      </c>
      <c r="BC43" s="40">
        <v>0.28000000000000003</v>
      </c>
      <c r="BD43" s="40">
        <v>0.26</v>
      </c>
    </row>
    <row r="44" spans="3:56" x14ac:dyDescent="0.2">
      <c r="C44" s="18" t="s">
        <v>100</v>
      </c>
      <c r="D44" s="6" t="s">
        <v>58</v>
      </c>
      <c r="E44" s="17"/>
      <c r="F44" s="17"/>
      <c r="G44" s="40"/>
      <c r="H44" s="40"/>
      <c r="I44" s="7"/>
      <c r="J44" s="40"/>
      <c r="K44" s="40"/>
      <c r="L44" s="40"/>
      <c r="M44" s="40"/>
      <c r="N44" s="40"/>
      <c r="O44" s="40">
        <v>0.15</v>
      </c>
      <c r="P44" s="40">
        <v>0.13</v>
      </c>
      <c r="Q44" s="40">
        <v>0.15</v>
      </c>
      <c r="R44" s="40">
        <v>0.15</v>
      </c>
      <c r="S44" s="40">
        <v>0.15</v>
      </c>
      <c r="T44" s="34">
        <v>0.15</v>
      </c>
      <c r="U44" s="34">
        <v>0.15</v>
      </c>
      <c r="V44" s="34">
        <v>0.16</v>
      </c>
      <c r="W44" s="34">
        <v>0.16</v>
      </c>
      <c r="X44" s="34">
        <v>0.18</v>
      </c>
      <c r="Y44" s="40">
        <v>0.18</v>
      </c>
      <c r="Z44" s="40">
        <v>0.18</v>
      </c>
      <c r="AA44" s="46"/>
      <c r="AB44" s="46"/>
      <c r="AC44" s="46"/>
      <c r="AD44" s="46"/>
      <c r="AE44" s="26"/>
      <c r="AF44" s="46"/>
      <c r="AG44" s="40"/>
      <c r="AH44" s="46"/>
      <c r="AI44" s="40"/>
      <c r="AJ44" s="40"/>
      <c r="AK44" s="40"/>
      <c r="AL44" s="40"/>
      <c r="AM44" s="40"/>
      <c r="AN44" s="40"/>
      <c r="AO44" s="40"/>
      <c r="AP44" s="40"/>
      <c r="AQ44" s="40"/>
      <c r="AR44" s="40"/>
      <c r="AS44" s="17"/>
      <c r="AT44" s="17"/>
      <c r="AU44" s="40"/>
      <c r="AV44" s="40"/>
      <c r="AW44" s="40"/>
      <c r="AX44" s="40"/>
      <c r="AY44" s="40"/>
      <c r="AZ44" s="40"/>
      <c r="BA44" s="40"/>
      <c r="BB44" s="40"/>
      <c r="BC44" s="40"/>
      <c r="BD44" s="40"/>
    </row>
    <row r="45" spans="3:56" x14ac:dyDescent="0.2">
      <c r="C45" s="16" t="s">
        <v>95</v>
      </c>
      <c r="D45" s="6" t="s">
        <v>58</v>
      </c>
      <c r="E45" s="17">
        <v>0.43</v>
      </c>
      <c r="F45" s="17">
        <v>0.43</v>
      </c>
      <c r="G45" s="40">
        <v>0.45</v>
      </c>
      <c r="H45" s="40">
        <v>0.45</v>
      </c>
      <c r="I45" s="7">
        <v>0.5</v>
      </c>
      <c r="J45" s="40">
        <v>0.55000000000000004</v>
      </c>
      <c r="K45" s="40">
        <v>0.55000000000000004</v>
      </c>
      <c r="L45" s="40">
        <v>0.55000000000000004</v>
      </c>
      <c r="M45" s="40">
        <v>0.55000000000000004</v>
      </c>
      <c r="N45" s="40">
        <v>0.55000000000000004</v>
      </c>
      <c r="O45" s="40">
        <v>0.56999999999999995</v>
      </c>
      <c r="P45" s="40">
        <v>0.56999999999999995</v>
      </c>
      <c r="Q45" s="40">
        <v>0.56999999999999995</v>
      </c>
      <c r="R45" s="40">
        <v>0.56999999999999995</v>
      </c>
      <c r="S45" s="40">
        <v>0.56999999999999995</v>
      </c>
      <c r="T45" s="40">
        <v>0.56000000000000005</v>
      </c>
      <c r="U45" s="40">
        <v>0.56999999999999995</v>
      </c>
      <c r="V45" s="40">
        <v>0.49</v>
      </c>
      <c r="W45" s="40">
        <v>0.44</v>
      </c>
      <c r="X45" s="40">
        <v>0.4</v>
      </c>
      <c r="Y45" s="40">
        <v>0.4</v>
      </c>
      <c r="Z45" s="40">
        <v>0.4</v>
      </c>
      <c r="AA45" s="46"/>
      <c r="AB45" s="23"/>
      <c r="AC45" s="23"/>
      <c r="AE45" s="17"/>
      <c r="AF45" s="40"/>
      <c r="AH45" s="23"/>
      <c r="AI45" s="40">
        <v>0.45</v>
      </c>
      <c r="AJ45" s="40">
        <v>0.5</v>
      </c>
      <c r="AK45" s="40">
        <v>0.45</v>
      </c>
      <c r="AL45" s="40">
        <v>0.47</v>
      </c>
      <c r="AM45" s="40">
        <v>0.47</v>
      </c>
      <c r="AN45" s="40">
        <v>0.44</v>
      </c>
      <c r="AO45" s="40">
        <v>0.5</v>
      </c>
      <c r="AP45" s="40">
        <v>0.5</v>
      </c>
      <c r="AQ45" s="40">
        <v>0.5</v>
      </c>
      <c r="AR45" s="40">
        <v>0.53</v>
      </c>
      <c r="AS45" s="40">
        <v>0.53</v>
      </c>
      <c r="AT45" s="17">
        <v>0.55000000000000004</v>
      </c>
      <c r="AU45" s="40">
        <v>0.55000000000000004</v>
      </c>
      <c r="AV45" s="40">
        <v>0.51</v>
      </c>
      <c r="AW45" s="40">
        <v>0.51</v>
      </c>
      <c r="AX45" s="40">
        <v>0.51</v>
      </c>
      <c r="AY45" s="40">
        <v>0.52</v>
      </c>
      <c r="AZ45" s="40">
        <v>0.52</v>
      </c>
      <c r="BA45" s="40">
        <v>0.52</v>
      </c>
      <c r="BB45" s="40">
        <v>0.52</v>
      </c>
      <c r="BC45" s="40">
        <v>0.52</v>
      </c>
      <c r="BD45" s="40">
        <v>0.52</v>
      </c>
    </row>
    <row r="46" spans="3:56" x14ac:dyDescent="0.2">
      <c r="C46" s="23" t="s">
        <v>96</v>
      </c>
      <c r="D46" s="6" t="s">
        <v>58</v>
      </c>
      <c r="E46" s="17"/>
      <c r="F46" s="17">
        <v>0.12</v>
      </c>
      <c r="G46" s="40">
        <v>0.17</v>
      </c>
      <c r="H46" s="40">
        <v>0.17</v>
      </c>
      <c r="I46" s="7">
        <v>0.17</v>
      </c>
      <c r="J46" s="40">
        <v>0.17</v>
      </c>
      <c r="K46" s="40">
        <v>0.17</v>
      </c>
      <c r="L46" s="40">
        <v>0.17</v>
      </c>
      <c r="M46" s="40">
        <v>0.17</v>
      </c>
      <c r="N46" s="40">
        <v>0.17</v>
      </c>
      <c r="O46" s="40">
        <v>0.17</v>
      </c>
      <c r="P46" s="40">
        <v>0.17</v>
      </c>
      <c r="Q46" s="40">
        <v>0.17</v>
      </c>
      <c r="R46" s="40">
        <v>0.16</v>
      </c>
      <c r="S46" s="40">
        <v>0.31</v>
      </c>
      <c r="T46" s="40">
        <v>0.31</v>
      </c>
      <c r="U46" s="40">
        <v>0.32</v>
      </c>
      <c r="V46" s="40">
        <v>0.32</v>
      </c>
      <c r="W46" s="40">
        <v>0.32</v>
      </c>
      <c r="X46" s="40">
        <v>0.31</v>
      </c>
      <c r="Y46" s="40">
        <v>0.31</v>
      </c>
      <c r="Z46" s="40">
        <v>0.31</v>
      </c>
      <c r="AA46" s="40">
        <v>0.31</v>
      </c>
      <c r="AB46" s="40">
        <v>0.31</v>
      </c>
      <c r="AC46" s="40">
        <v>0.41</v>
      </c>
      <c r="AD46" s="40">
        <v>0.5</v>
      </c>
      <c r="AE46" s="17">
        <v>0.59</v>
      </c>
      <c r="AF46" s="40">
        <v>0.51</v>
      </c>
      <c r="AG46" s="40">
        <v>0.51</v>
      </c>
      <c r="AH46" s="40">
        <v>0.5</v>
      </c>
      <c r="AI46" s="40">
        <v>0.51</v>
      </c>
      <c r="AJ46" s="40">
        <v>0.51</v>
      </c>
      <c r="AK46" s="40">
        <v>0.51</v>
      </c>
      <c r="AL46" s="40">
        <v>0.51</v>
      </c>
      <c r="AM46" s="40">
        <v>0.51</v>
      </c>
      <c r="AN46" s="40">
        <v>0.51</v>
      </c>
      <c r="AO46" s="40">
        <v>0.51</v>
      </c>
      <c r="AP46" s="40">
        <v>0.51</v>
      </c>
      <c r="AQ46" s="40">
        <v>0.55000000000000004</v>
      </c>
      <c r="AR46" s="40">
        <v>0.6</v>
      </c>
      <c r="AS46" s="40">
        <v>0.65</v>
      </c>
      <c r="AT46" s="17">
        <v>0.7</v>
      </c>
      <c r="AU46" s="40">
        <v>0.7</v>
      </c>
      <c r="AV46" s="41">
        <v>0.7</v>
      </c>
      <c r="AW46" s="40">
        <v>0.7</v>
      </c>
      <c r="AX46" s="40">
        <v>0.7</v>
      </c>
      <c r="AY46" s="40">
        <v>0.7</v>
      </c>
      <c r="AZ46" s="40">
        <v>0.7</v>
      </c>
      <c r="BA46" s="40">
        <v>0.7</v>
      </c>
      <c r="BB46" s="40">
        <v>0.51</v>
      </c>
      <c r="BC46" s="40">
        <v>0.41</v>
      </c>
      <c r="BD46" s="40">
        <v>0.41</v>
      </c>
    </row>
    <row r="49" spans="3:56" x14ac:dyDescent="0.2">
      <c r="C49" s="1" t="s">
        <v>1</v>
      </c>
    </row>
    <row r="50" spans="3:56" x14ac:dyDescent="0.2">
      <c r="E50" s="2">
        <v>2007</v>
      </c>
      <c r="F50" s="2"/>
      <c r="G50" s="2"/>
      <c r="H50" s="2"/>
      <c r="I50" s="2"/>
      <c r="J50" s="2"/>
      <c r="K50" s="2"/>
      <c r="L50" s="2"/>
      <c r="M50" s="2"/>
    </row>
    <row r="51" spans="3:56" x14ac:dyDescent="0.2">
      <c r="C51" s="3" t="s">
        <v>2</v>
      </c>
      <c r="D51" s="3" t="s">
        <v>3</v>
      </c>
      <c r="E51" s="4" t="s">
        <v>15</v>
      </c>
      <c r="F51" s="4" t="s">
        <v>16</v>
      </c>
      <c r="G51" s="4" t="s">
        <v>17</v>
      </c>
      <c r="H51" s="4" t="s">
        <v>18</v>
      </c>
      <c r="I51" s="4" t="s">
        <v>19</v>
      </c>
      <c r="J51" s="4" t="s">
        <v>20</v>
      </c>
      <c r="K51" s="4" t="s">
        <v>21</v>
      </c>
      <c r="L51" s="4" t="s">
        <v>22</v>
      </c>
      <c r="M51" s="4" t="s">
        <v>23</v>
      </c>
      <c r="N51" s="4" t="s">
        <v>24</v>
      </c>
      <c r="O51" s="4" t="s">
        <v>25</v>
      </c>
      <c r="P51" s="4" t="s">
        <v>26</v>
      </c>
      <c r="Q51" s="4" t="s">
        <v>27</v>
      </c>
      <c r="R51" s="4" t="s">
        <v>28</v>
      </c>
      <c r="S51" s="4" t="s">
        <v>29</v>
      </c>
      <c r="T51" s="4" t="s">
        <v>30</v>
      </c>
      <c r="U51" s="4" t="s">
        <v>31</v>
      </c>
      <c r="V51" s="4" t="s">
        <v>32</v>
      </c>
      <c r="W51" s="4" t="s">
        <v>33</v>
      </c>
      <c r="X51" s="4" t="s">
        <v>34</v>
      </c>
      <c r="Y51" s="4" t="s">
        <v>35</v>
      </c>
      <c r="Z51" s="4" t="s">
        <v>36</v>
      </c>
      <c r="AA51" s="4" t="s">
        <v>37</v>
      </c>
      <c r="AB51" s="4" t="s">
        <v>38</v>
      </c>
      <c r="AC51" s="4" t="s">
        <v>39</v>
      </c>
      <c r="AD51" s="4" t="s">
        <v>40</v>
      </c>
      <c r="AE51" s="4" t="s">
        <v>41</v>
      </c>
      <c r="AF51" s="4" t="s">
        <v>42</v>
      </c>
      <c r="AG51" s="4" t="s">
        <v>43</v>
      </c>
      <c r="AH51" s="4" t="s">
        <v>44</v>
      </c>
      <c r="AI51" s="4" t="s">
        <v>45</v>
      </c>
      <c r="AJ51" s="4" t="s">
        <v>46</v>
      </c>
      <c r="AK51" s="4" t="s">
        <v>47</v>
      </c>
      <c r="AL51" s="4" t="s">
        <v>48</v>
      </c>
      <c r="AM51" s="4" t="s">
        <v>49</v>
      </c>
      <c r="AN51" s="4" t="s">
        <v>50</v>
      </c>
      <c r="AO51" s="4" t="s">
        <v>51</v>
      </c>
      <c r="AP51" s="4" t="s">
        <v>52</v>
      </c>
      <c r="AQ51" s="4" t="s">
        <v>53</v>
      </c>
      <c r="AR51" s="4" t="s">
        <v>54</v>
      </c>
      <c r="AS51" s="4" t="s">
        <v>55</v>
      </c>
      <c r="AT51" s="4" t="s">
        <v>4</v>
      </c>
      <c r="AU51" s="4" t="s">
        <v>5</v>
      </c>
      <c r="AV51" s="4" t="s">
        <v>6</v>
      </c>
      <c r="AW51" s="4" t="s">
        <v>7</v>
      </c>
      <c r="AX51" s="4" t="s">
        <v>8</v>
      </c>
      <c r="AY51" s="4" t="s">
        <v>9</v>
      </c>
      <c r="AZ51" s="4" t="s">
        <v>10</v>
      </c>
      <c r="BA51" s="4" t="s">
        <v>11</v>
      </c>
      <c r="BB51" s="4" t="s">
        <v>12</v>
      </c>
      <c r="BC51" s="4" t="s">
        <v>13</v>
      </c>
      <c r="BD51" s="4" t="s">
        <v>14</v>
      </c>
    </row>
    <row r="52" spans="3:56" x14ac:dyDescent="0.2">
      <c r="C52" s="5" t="s">
        <v>57</v>
      </c>
      <c r="D52" s="6" t="s">
        <v>58</v>
      </c>
      <c r="E52" s="8"/>
      <c r="F52" s="8"/>
      <c r="G52" s="17"/>
      <c r="H52" s="17"/>
      <c r="I52" s="17"/>
      <c r="J52" s="43"/>
      <c r="K52" s="39"/>
      <c r="L52" s="39"/>
      <c r="M52" s="17"/>
      <c r="N52" s="17"/>
      <c r="O52" s="39"/>
      <c r="P52" s="39"/>
      <c r="Q52" s="8"/>
      <c r="R52" s="39"/>
      <c r="S52" s="43"/>
      <c r="T52" s="17"/>
      <c r="U52" s="39"/>
      <c r="V52" s="39"/>
      <c r="W52" s="39"/>
      <c r="X52" s="8"/>
      <c r="Y52" s="39"/>
      <c r="Z52" s="17"/>
      <c r="AA52" s="39"/>
      <c r="AB52" s="39"/>
      <c r="AC52" s="39"/>
      <c r="AD52" s="39"/>
      <c r="AE52" s="8"/>
      <c r="AF52" s="39"/>
      <c r="AG52" s="39"/>
      <c r="AH52" s="39"/>
      <c r="AI52" s="8"/>
      <c r="AJ52" s="8"/>
      <c r="AK52" s="8"/>
      <c r="AL52" s="8"/>
      <c r="AM52" s="8"/>
      <c r="AN52" s="8"/>
      <c r="AO52" s="39"/>
      <c r="AP52" s="8"/>
      <c r="AQ52" s="8"/>
      <c r="AR52" s="8"/>
      <c r="AS52" s="8"/>
      <c r="AT52" s="8"/>
      <c r="AU52" s="17"/>
      <c r="AV52" s="23"/>
      <c r="AW52" s="8"/>
      <c r="AX52" s="54"/>
      <c r="AY52" s="54"/>
      <c r="AZ52" s="54"/>
      <c r="BA52" s="54"/>
      <c r="BB52" s="54"/>
      <c r="BC52" s="8"/>
      <c r="BD52" s="54"/>
    </row>
    <row r="53" spans="3:56" x14ac:dyDescent="0.2">
      <c r="C53" s="5" t="s">
        <v>59</v>
      </c>
      <c r="D53" s="6" t="s">
        <v>58</v>
      </c>
      <c r="E53" s="8"/>
      <c r="F53" s="8"/>
      <c r="G53" s="17"/>
      <c r="H53" s="17"/>
      <c r="I53" s="17"/>
      <c r="J53" s="43"/>
      <c r="K53" s="39"/>
      <c r="L53" s="39"/>
      <c r="M53" s="17"/>
      <c r="N53" s="17"/>
      <c r="O53" s="39"/>
      <c r="P53" s="39"/>
      <c r="Q53" s="8"/>
      <c r="R53" s="39"/>
      <c r="S53" s="43"/>
      <c r="T53" s="17"/>
      <c r="U53" s="39"/>
      <c r="V53" s="39"/>
      <c r="W53" s="39"/>
      <c r="X53" s="8"/>
      <c r="Y53" s="39"/>
      <c r="Z53" s="17"/>
      <c r="AA53" s="39"/>
      <c r="AB53" s="39"/>
      <c r="AC53" s="39"/>
      <c r="AD53" s="39"/>
      <c r="AE53" s="8"/>
      <c r="AF53" s="39"/>
      <c r="AG53" s="39"/>
      <c r="AH53" s="39"/>
      <c r="AI53" s="8"/>
      <c r="AJ53" s="8"/>
      <c r="AK53" s="8"/>
      <c r="AL53" s="8"/>
      <c r="AM53" s="8"/>
      <c r="AN53" s="8"/>
      <c r="AO53" s="39"/>
      <c r="AP53" s="8"/>
      <c r="AQ53" s="8"/>
      <c r="AR53" s="8"/>
      <c r="AS53" s="8"/>
      <c r="AT53" s="8"/>
      <c r="AU53" s="17"/>
      <c r="AV53" s="23"/>
      <c r="AW53" s="8"/>
      <c r="AX53" s="54"/>
      <c r="AY53" s="54"/>
      <c r="AZ53" s="54"/>
      <c r="BA53" s="54"/>
      <c r="BB53" s="54"/>
      <c r="BC53" s="8"/>
      <c r="BD53" s="54"/>
    </row>
    <row r="54" spans="3:56" x14ac:dyDescent="0.2">
      <c r="C54" s="5" t="s">
        <v>60</v>
      </c>
      <c r="D54" s="6" t="s">
        <v>58</v>
      </c>
      <c r="E54" s="8"/>
      <c r="F54" s="8"/>
      <c r="G54" s="17"/>
      <c r="H54" s="17"/>
      <c r="I54" s="17"/>
      <c r="J54" s="43"/>
      <c r="K54" s="39"/>
      <c r="L54" s="39"/>
      <c r="M54" s="17"/>
      <c r="N54" s="17"/>
      <c r="O54" s="39"/>
      <c r="P54" s="39"/>
      <c r="Q54" s="8"/>
      <c r="R54" s="39"/>
      <c r="S54" s="43"/>
      <c r="T54" s="17"/>
      <c r="U54" s="39"/>
      <c r="V54" s="39"/>
      <c r="W54" s="39"/>
      <c r="X54" s="8"/>
      <c r="Y54" s="39"/>
      <c r="Z54" s="17"/>
      <c r="AA54" s="39"/>
      <c r="AB54" s="39"/>
      <c r="AC54" s="39"/>
      <c r="AD54" s="39"/>
      <c r="AE54" s="8"/>
      <c r="AF54" s="39"/>
      <c r="AG54" s="39"/>
      <c r="AH54" s="39"/>
      <c r="AI54" s="8"/>
      <c r="AJ54" s="8"/>
      <c r="AK54" s="8"/>
      <c r="AL54" s="8"/>
      <c r="AM54" s="8"/>
      <c r="AN54" s="8"/>
      <c r="AO54" s="39"/>
      <c r="AP54" s="8"/>
      <c r="AQ54" s="8"/>
      <c r="AR54" s="8"/>
      <c r="AS54" s="8"/>
      <c r="AT54" s="8"/>
      <c r="AU54" s="17"/>
      <c r="AV54" s="23"/>
      <c r="AW54" s="8"/>
      <c r="AX54" s="54"/>
      <c r="AY54" s="54"/>
      <c r="AZ54" s="54"/>
      <c r="BA54" s="54"/>
      <c r="BB54" s="54"/>
      <c r="BC54" s="8"/>
      <c r="BD54" s="54"/>
    </row>
    <row r="55" spans="3:56" x14ac:dyDescent="0.2">
      <c r="C55" s="5" t="s">
        <v>61</v>
      </c>
      <c r="D55" s="6" t="s">
        <v>58</v>
      </c>
      <c r="E55" s="8"/>
      <c r="F55" s="8"/>
      <c r="G55" s="17"/>
      <c r="H55" s="17"/>
      <c r="I55" s="17"/>
      <c r="J55" s="43"/>
      <c r="K55" s="39"/>
      <c r="L55" s="39"/>
      <c r="M55" s="17"/>
      <c r="N55" s="17"/>
      <c r="O55" s="39"/>
      <c r="P55" s="39"/>
      <c r="Q55" s="8"/>
      <c r="R55" s="39"/>
      <c r="S55" s="43"/>
      <c r="T55" s="17"/>
      <c r="U55" s="39"/>
      <c r="V55" s="39"/>
      <c r="W55" s="39"/>
      <c r="X55" s="8"/>
      <c r="Y55" s="39"/>
      <c r="Z55" s="17"/>
      <c r="AA55" s="39"/>
      <c r="AB55" s="39"/>
      <c r="AC55" s="39"/>
      <c r="AD55" s="39"/>
      <c r="AE55" s="8"/>
      <c r="AF55" s="39"/>
      <c r="AG55" s="39"/>
      <c r="AH55" s="39"/>
      <c r="AI55" s="8"/>
      <c r="AJ55" s="8"/>
      <c r="AK55" s="8"/>
      <c r="AL55" s="8"/>
      <c r="AM55" s="8"/>
      <c r="AN55" s="8"/>
      <c r="AO55" s="39"/>
      <c r="AP55" s="8"/>
      <c r="AQ55" s="8"/>
      <c r="AR55" s="8"/>
      <c r="AS55" s="8"/>
      <c r="AT55" s="8"/>
      <c r="AU55" s="17"/>
      <c r="AV55" s="23"/>
      <c r="AW55" s="8"/>
      <c r="AX55" s="54"/>
      <c r="AY55" s="54"/>
      <c r="AZ55" s="54"/>
      <c r="BA55" s="54"/>
      <c r="BB55" s="54"/>
      <c r="BC55" s="8"/>
      <c r="BD55" s="54"/>
    </row>
    <row r="56" spans="3:56" x14ac:dyDescent="0.2">
      <c r="C56" s="5" t="s">
        <v>62</v>
      </c>
      <c r="D56" s="6" t="s">
        <v>58</v>
      </c>
      <c r="E56" s="8"/>
      <c r="F56" s="8"/>
      <c r="G56" s="17"/>
      <c r="H56" s="17"/>
      <c r="I56" s="17"/>
      <c r="J56" s="43"/>
      <c r="K56" s="39"/>
      <c r="L56" s="39"/>
      <c r="M56" s="17"/>
      <c r="N56" s="17"/>
      <c r="O56" s="39"/>
      <c r="P56" s="39"/>
      <c r="Q56" s="8"/>
      <c r="R56" s="39"/>
      <c r="S56" s="43"/>
      <c r="T56" s="17"/>
      <c r="U56" s="39"/>
      <c r="V56" s="39"/>
      <c r="W56" s="39"/>
      <c r="X56" s="8"/>
      <c r="Y56" s="39"/>
      <c r="Z56" s="17"/>
      <c r="AA56" s="39"/>
      <c r="AB56" s="39"/>
      <c r="AC56" s="39"/>
      <c r="AD56" s="39"/>
      <c r="AE56" s="8"/>
      <c r="AF56" s="39"/>
      <c r="AG56" s="39"/>
      <c r="AH56" s="39"/>
      <c r="AI56" s="8"/>
      <c r="AJ56" s="8"/>
      <c r="AK56" s="8"/>
      <c r="AL56" s="8"/>
      <c r="AM56" s="8"/>
      <c r="AN56" s="8"/>
      <c r="AO56" s="39"/>
      <c r="AP56" s="8"/>
      <c r="AQ56" s="8"/>
      <c r="AR56" s="8"/>
      <c r="AS56" s="8"/>
      <c r="AT56" s="8"/>
      <c r="AU56" s="17"/>
      <c r="AV56" s="23"/>
      <c r="AW56" s="8"/>
      <c r="AX56" s="54"/>
      <c r="AY56" s="54"/>
      <c r="AZ56" s="54"/>
      <c r="BA56" s="54"/>
      <c r="BB56" s="54"/>
      <c r="BC56" s="8"/>
      <c r="BD56" s="54"/>
    </row>
    <row r="57" spans="3:56" x14ac:dyDescent="0.2">
      <c r="C57" s="5" t="s">
        <v>63</v>
      </c>
      <c r="D57" s="6" t="s">
        <v>58</v>
      </c>
      <c r="E57" s="8">
        <v>9.9218117681642255</v>
      </c>
      <c r="F57" s="39">
        <v>10.681245465374412</v>
      </c>
      <c r="G57" s="17">
        <v>9.9292467049353803</v>
      </c>
      <c r="H57" s="17">
        <v>8.0362311287381303</v>
      </c>
      <c r="I57" s="17">
        <v>8.2594569840031209</v>
      </c>
      <c r="J57" s="39">
        <v>7.5855983454859883</v>
      </c>
      <c r="K57" s="39">
        <v>8.282431037323132</v>
      </c>
      <c r="L57" s="39">
        <v>9.35</v>
      </c>
      <c r="M57" s="17">
        <v>9.0089188091593506</v>
      </c>
      <c r="N57" s="17">
        <v>8.7317028020925047</v>
      </c>
      <c r="O57" s="39">
        <v>9.6983734377514335</v>
      </c>
      <c r="P57" s="39">
        <v>8.838482244027098</v>
      </c>
      <c r="Q57" s="8">
        <v>8.5107120229483648</v>
      </c>
      <c r="R57" s="39">
        <v>8.309687257315101</v>
      </c>
      <c r="S57" s="17">
        <v>9.2690613265453496</v>
      </c>
      <c r="T57" s="43">
        <v>9.6638484717169373</v>
      </c>
      <c r="U57" s="8">
        <v>8.9523652947583798</v>
      </c>
      <c r="V57" s="39">
        <v>7.186739487530855</v>
      </c>
      <c r="W57" s="39">
        <v>6.4749389321475581</v>
      </c>
      <c r="X57" s="8">
        <v>6.6643386107545277</v>
      </c>
      <c r="Y57" s="39">
        <v>7.4857907225256</v>
      </c>
      <c r="Z57" s="17">
        <v>8.1667856228395852</v>
      </c>
      <c r="AA57" s="39">
        <v>7.3244602210477421</v>
      </c>
      <c r="AB57" s="8">
        <v>7.9822566298036035</v>
      </c>
      <c r="AC57" s="39">
        <v>7.0419459041066439</v>
      </c>
      <c r="AD57" s="39">
        <v>7.3189320098029649</v>
      </c>
      <c r="AE57" s="39">
        <v>8.48</v>
      </c>
      <c r="AF57" s="39">
        <v>8.3000948406676773</v>
      </c>
      <c r="AG57" s="39">
        <v>6.8150818401102686</v>
      </c>
      <c r="AH57" s="39">
        <v>6.1321248921504052</v>
      </c>
      <c r="AI57" s="8">
        <v>6.9763996138996136</v>
      </c>
      <c r="AJ57" s="8">
        <v>8.4950070289161808</v>
      </c>
      <c r="AK57" s="8">
        <v>9.859339143814088</v>
      </c>
      <c r="AL57" s="8">
        <v>9.9507404276976477</v>
      </c>
      <c r="AM57" s="8">
        <v>9.8976291483785399</v>
      </c>
      <c r="AN57" s="8">
        <v>9.253107629848639</v>
      </c>
      <c r="AO57" s="39">
        <v>9.2645365863676528</v>
      </c>
      <c r="AP57" s="39">
        <v>8.308985402757477</v>
      </c>
      <c r="AQ57" s="8">
        <v>8.5289105032605459</v>
      </c>
      <c r="AR57" s="8">
        <v>9.562061573353601</v>
      </c>
      <c r="AS57" s="8">
        <v>8.4394062956993263</v>
      </c>
      <c r="AT57" s="7">
        <v>7.9665862297442116</v>
      </c>
      <c r="AU57" s="17">
        <v>7.4796360516248974</v>
      </c>
      <c r="AV57" s="8">
        <v>8.5827785601126561</v>
      </c>
      <c r="AW57" s="8">
        <v>8.6147375534801487</v>
      </c>
      <c r="AX57" s="39">
        <v>8.0337840394427573</v>
      </c>
      <c r="AY57" s="17">
        <v>7.8951231925034326</v>
      </c>
      <c r="AZ57" s="39">
        <v>8.960626625065002</v>
      </c>
      <c r="BA57" s="17">
        <v>10.425899098284599</v>
      </c>
      <c r="BB57" s="17">
        <v>13.146974634018719</v>
      </c>
      <c r="BC57" s="8">
        <v>16.354872190995849</v>
      </c>
      <c r="BD57" s="17">
        <v>14.682423075967915</v>
      </c>
    </row>
    <row r="58" spans="3:56" x14ac:dyDescent="0.2">
      <c r="C58" s="5" t="s">
        <v>64</v>
      </c>
      <c r="D58" s="6" t="s">
        <v>58</v>
      </c>
      <c r="E58" s="8">
        <v>7.8987165130086394</v>
      </c>
      <c r="F58" s="39">
        <v>7.1579849897487318</v>
      </c>
      <c r="G58" s="17">
        <v>6.6798769602832282</v>
      </c>
      <c r="H58" s="17">
        <v>4.8532790984706198</v>
      </c>
      <c r="I58" s="17">
        <v>4.8043688908615669</v>
      </c>
      <c r="J58" s="39">
        <v>4.3680578848594642</v>
      </c>
      <c r="K58" s="39">
        <v>4.8746953507024404</v>
      </c>
      <c r="L58" s="39">
        <v>5.88</v>
      </c>
      <c r="M58" s="17">
        <v>5.7023507119268038</v>
      </c>
      <c r="N58" s="17">
        <v>5.3317189050885583</v>
      </c>
      <c r="O58" s="39">
        <v>6.2701054639149207</v>
      </c>
      <c r="P58" s="39">
        <v>5.957201427346174</v>
      </c>
      <c r="Q58" s="8">
        <v>5.6027350469969335</v>
      </c>
      <c r="R58" s="39">
        <v>5.3515970888778481</v>
      </c>
      <c r="S58" s="17">
        <v>5.5796060793307509</v>
      </c>
      <c r="T58" s="43">
        <v>5.8245039702086574</v>
      </c>
      <c r="U58" s="8">
        <v>5.5641309387118429</v>
      </c>
      <c r="V58" s="39">
        <v>4.2699777729458095</v>
      </c>
      <c r="W58" s="39">
        <v>3.9134450977276343</v>
      </c>
      <c r="X58" s="8">
        <v>4.3528451913195907</v>
      </c>
      <c r="Y58" s="39">
        <v>4.8652680809165769</v>
      </c>
      <c r="Z58" s="17">
        <v>5.4989396516967739</v>
      </c>
      <c r="AA58" s="39">
        <v>5.1341119048675505</v>
      </c>
      <c r="AB58" s="8">
        <v>4.8508084956453761</v>
      </c>
      <c r="AC58" s="39">
        <v>4.429522796430966</v>
      </c>
      <c r="AD58" s="39">
        <v>4.5375327777935786</v>
      </c>
      <c r="AE58" s="39">
        <v>4.9800000000000004</v>
      </c>
      <c r="AF58" s="39">
        <v>5.3280148766801512</v>
      </c>
      <c r="AG58" s="39">
        <v>4.0689996463569056</v>
      </c>
      <c r="AH58" s="39">
        <v>3.9273310277556086</v>
      </c>
      <c r="AI58" s="8">
        <v>4.0139683317009469</v>
      </c>
      <c r="AJ58" s="8">
        <v>4.8744171638803637</v>
      </c>
      <c r="AK58" s="8">
        <v>6.2893463040579149</v>
      </c>
      <c r="AL58" s="8">
        <v>6.7323153275720014</v>
      </c>
      <c r="AM58" s="8">
        <v>6.7559645010046889</v>
      </c>
      <c r="AN58" s="8">
        <v>5.8147895943649885</v>
      </c>
      <c r="AO58" s="39">
        <v>5.1041454007842129</v>
      </c>
      <c r="AP58" s="39">
        <v>4.7457120083592335</v>
      </c>
      <c r="AQ58" s="8">
        <v>5.4948933854450095</v>
      </c>
      <c r="AR58" s="8">
        <v>6.5345610264635123</v>
      </c>
      <c r="AS58" s="8">
        <v>5.5850780642763</v>
      </c>
      <c r="AT58" s="7">
        <v>4.9705551120982863</v>
      </c>
      <c r="AU58" s="17">
        <v>5.3022023523938291</v>
      </c>
      <c r="AV58" s="8">
        <v>5.9603907290924303</v>
      </c>
      <c r="AW58" s="8">
        <v>5.6488030695895866</v>
      </c>
      <c r="AX58" s="39">
        <v>5.7429868956168093</v>
      </c>
      <c r="AY58" s="17">
        <v>5.5391256630693242</v>
      </c>
      <c r="AZ58" s="39">
        <v>5.6864381047469426</v>
      </c>
      <c r="BA58" s="17">
        <v>6.9412202010279449</v>
      </c>
      <c r="BB58" s="17">
        <v>7.9438254127857748</v>
      </c>
      <c r="BC58" s="8">
        <v>8.0095249836906657</v>
      </c>
      <c r="BD58" s="17">
        <v>7.4453955156950666</v>
      </c>
    </row>
    <row r="59" spans="3:56" x14ac:dyDescent="0.2">
      <c r="C59" s="5" t="s">
        <v>65</v>
      </c>
      <c r="D59" s="6" t="s">
        <v>58</v>
      </c>
      <c r="E59" s="8">
        <v>1.6557220566706548</v>
      </c>
      <c r="F59" s="39">
        <v>1.4646034783202924</v>
      </c>
      <c r="G59" s="17">
        <v>1.5159420539995894</v>
      </c>
      <c r="H59" s="17">
        <v>1.5920857864180873</v>
      </c>
      <c r="I59" s="17">
        <v>1.5377391239123912</v>
      </c>
      <c r="J59" s="39">
        <v>1.3127866914543214</v>
      </c>
      <c r="K59" s="39">
        <v>1.6214427715620221</v>
      </c>
      <c r="L59" s="39">
        <v>1.3</v>
      </c>
      <c r="M59" s="17">
        <v>1.3119467503115561</v>
      </c>
      <c r="N59" s="17">
        <v>1.3453671597941252</v>
      </c>
      <c r="O59" s="39">
        <v>1.511238878820331</v>
      </c>
      <c r="P59" s="39">
        <v>2.0928180040295183</v>
      </c>
      <c r="Q59" s="8">
        <v>1.6318853312061197</v>
      </c>
      <c r="R59" s="39">
        <v>1.5713462985956088</v>
      </c>
      <c r="S59" s="17">
        <v>1.4460366787783561</v>
      </c>
      <c r="T59" s="43">
        <v>1.2190716507726045</v>
      </c>
      <c r="U59" s="8">
        <v>1.2252208364807993</v>
      </c>
      <c r="V59" s="39">
        <v>1.4861813976611977</v>
      </c>
      <c r="W59" s="39">
        <v>1.4216147764546492</v>
      </c>
      <c r="X59" s="8">
        <v>1.5821559694428775</v>
      </c>
      <c r="Y59" s="39">
        <v>1.7387043708516103</v>
      </c>
      <c r="Z59" s="17">
        <v>1.5839141566800612</v>
      </c>
      <c r="AA59" s="39">
        <v>1.6267797607283858</v>
      </c>
      <c r="AB59" s="8">
        <v>1.6110986335238271</v>
      </c>
      <c r="AC59" s="39">
        <v>1.6568909355939381</v>
      </c>
      <c r="AD59" s="39">
        <v>1.760062452432209</v>
      </c>
      <c r="AE59" s="39">
        <v>1.76</v>
      </c>
      <c r="AF59" s="39">
        <v>2.2812706284877717</v>
      </c>
      <c r="AG59" s="39">
        <v>2.1139357996516726</v>
      </c>
      <c r="AH59" s="39">
        <v>1.9328419693995533</v>
      </c>
      <c r="AI59" s="8">
        <v>1.7177351744144091</v>
      </c>
      <c r="AJ59" s="8">
        <v>2.0467770517380819</v>
      </c>
      <c r="AK59" s="8">
        <v>2.0768268822184131</v>
      </c>
      <c r="AL59" s="8">
        <v>2.1226907053454429</v>
      </c>
      <c r="AM59" s="8">
        <v>1.8238747513518634</v>
      </c>
      <c r="AN59" s="8">
        <v>1.9349449487326074</v>
      </c>
      <c r="AO59" s="39">
        <v>1.9329335018272482</v>
      </c>
      <c r="AP59" s="39">
        <v>1.7395171197470045</v>
      </c>
      <c r="AQ59" s="8">
        <v>1.7465964953349165</v>
      </c>
      <c r="AR59" s="8">
        <v>1.7867498188985662</v>
      </c>
      <c r="AS59" s="8">
        <v>1.5235138731228017</v>
      </c>
      <c r="AT59" s="7">
        <v>1.6784266367127909</v>
      </c>
      <c r="AU59" s="17">
        <v>1.652266330818758</v>
      </c>
      <c r="AV59" s="8">
        <v>1.8420134676387112</v>
      </c>
      <c r="AW59" s="8">
        <v>1.9173889892002576</v>
      </c>
      <c r="AX59" s="39">
        <v>1.7947448029600273</v>
      </c>
      <c r="AY59" s="17">
        <v>1.8010833566255251</v>
      </c>
      <c r="AZ59" s="39">
        <v>1.6512961973158666</v>
      </c>
      <c r="BA59" s="17">
        <v>1.6950022974128576</v>
      </c>
      <c r="BB59" s="17">
        <v>1.7705609926126875</v>
      </c>
      <c r="BC59" s="8">
        <v>1.8656349136856853</v>
      </c>
      <c r="BD59" s="17">
        <v>2.5127509961031569</v>
      </c>
    </row>
    <row r="60" spans="3:56" x14ac:dyDescent="0.2">
      <c r="C60" s="5" t="s">
        <v>66</v>
      </c>
      <c r="D60" s="6" t="s">
        <v>58</v>
      </c>
      <c r="E60" s="8">
        <v>3.931262935358554</v>
      </c>
      <c r="F60" s="39">
        <v>3.4867884425232543</v>
      </c>
      <c r="G60" s="17">
        <v>3.1645773203329028</v>
      </c>
      <c r="H60" s="17">
        <v>3.8422879027181467</v>
      </c>
      <c r="I60" s="17">
        <v>3.3782262745578615</v>
      </c>
      <c r="J60" s="39">
        <v>3.0167425801803653</v>
      </c>
      <c r="K60" s="39">
        <v>3.89059711670556</v>
      </c>
      <c r="L60" s="39">
        <v>2.96</v>
      </c>
      <c r="M60" s="17">
        <v>3.3067312061409404</v>
      </c>
      <c r="N60" s="17">
        <v>3.5327265800120276</v>
      </c>
      <c r="O60" s="39">
        <v>3.2952445543786566</v>
      </c>
      <c r="P60" s="39">
        <v>3.4496955192022809</v>
      </c>
      <c r="Q60" s="8">
        <v>3.5948826131578016</v>
      </c>
      <c r="R60" s="39">
        <v>3.9031862604115566</v>
      </c>
      <c r="S60" s="17">
        <v>3.0794246772204548</v>
      </c>
      <c r="T60" s="43">
        <v>2.7142474019542626</v>
      </c>
      <c r="U60" s="8">
        <v>2.9313403846689123</v>
      </c>
      <c r="V60" s="39">
        <v>4.0023542665010163</v>
      </c>
      <c r="W60" s="39">
        <v>3.4776398050914232</v>
      </c>
      <c r="X60" s="8">
        <v>3.1784111853791206</v>
      </c>
      <c r="Y60" s="39">
        <v>3.4679796554241666</v>
      </c>
      <c r="Z60" s="17">
        <v>3.6865566286903046</v>
      </c>
      <c r="AA60" s="39">
        <v>3.4328386119881209</v>
      </c>
      <c r="AB60" s="8">
        <v>3.4628635763623326</v>
      </c>
      <c r="AC60" s="39">
        <v>3.6077977012605893</v>
      </c>
      <c r="AD60" s="39">
        <v>4.0702839187521036</v>
      </c>
      <c r="AE60" s="39">
        <v>4.09</v>
      </c>
      <c r="AF60" s="39">
        <v>4.3395679068042154</v>
      </c>
      <c r="AG60" s="39">
        <v>3.9770769084502438</v>
      </c>
      <c r="AH60" s="39">
        <v>4.0063324676162662</v>
      </c>
      <c r="AI60" s="8">
        <v>4.7159444485071136</v>
      </c>
      <c r="AJ60" s="8">
        <v>4.4305740503716793</v>
      </c>
      <c r="AK60" s="8">
        <v>4.3808594732072379</v>
      </c>
      <c r="AL60" s="8">
        <v>6.4297668572933935</v>
      </c>
      <c r="AM60" s="8">
        <v>5.0604660061070605</v>
      </c>
      <c r="AN60" s="8">
        <v>4.9645623045606371</v>
      </c>
      <c r="AO60" s="39">
        <v>3.6526777369852068</v>
      </c>
      <c r="AP60" s="39">
        <v>3.5036911647889375</v>
      </c>
      <c r="AQ60" s="8">
        <v>4.689158570437197</v>
      </c>
      <c r="AR60" s="8">
        <v>4.2146123230933208</v>
      </c>
      <c r="AS60" s="8">
        <v>3.48</v>
      </c>
      <c r="AT60" s="7">
        <v>3.6627246936310289</v>
      </c>
      <c r="AU60" s="17">
        <v>4.8510463539029152</v>
      </c>
      <c r="AV60" s="8">
        <v>5.4607992311473685</v>
      </c>
      <c r="AW60" s="8">
        <v>5.1123681784916037</v>
      </c>
      <c r="AX60" s="39">
        <v>4.8974434578474311</v>
      </c>
      <c r="AY60" s="17">
        <v>4.6959092056561573</v>
      </c>
      <c r="AZ60" s="39">
        <v>4.2637492265535224</v>
      </c>
      <c r="BA60" s="17">
        <v>4.1732737656517838</v>
      </c>
      <c r="BB60" s="17">
        <v>5.5682737750334983</v>
      </c>
      <c r="BC60" s="8">
        <v>5.816336287884976</v>
      </c>
      <c r="BD60" s="17">
        <v>6.1815887850467286</v>
      </c>
    </row>
    <row r="61" spans="3:56" x14ac:dyDescent="0.2">
      <c r="C61" s="5" t="s">
        <v>67</v>
      </c>
      <c r="D61" s="6" t="s">
        <v>58</v>
      </c>
      <c r="E61" s="8">
        <v>6.670242544539116</v>
      </c>
      <c r="F61" s="39">
        <v>8.1251464410213625</v>
      </c>
      <c r="G61" s="17">
        <v>8.4973103328219697</v>
      </c>
      <c r="H61" s="17">
        <v>8.2968561605855609</v>
      </c>
      <c r="I61" s="17">
        <v>7.039181979883006</v>
      </c>
      <c r="J61" s="39">
        <v>5.9646191230047085</v>
      </c>
      <c r="K61" s="39">
        <v>5.7498388880790898</v>
      </c>
      <c r="L61" s="39">
        <v>6.71</v>
      </c>
      <c r="M61" s="17">
        <v>7.7918727923281734</v>
      </c>
      <c r="N61" s="17">
        <v>7.7206314030757541</v>
      </c>
      <c r="O61" s="39">
        <v>7.4498754845427575</v>
      </c>
      <c r="P61" s="39">
        <v>7.1038275916926992</v>
      </c>
      <c r="Q61" s="8">
        <v>6.3895673323561741</v>
      </c>
      <c r="R61" s="39">
        <v>4.5923704540867805</v>
      </c>
      <c r="S61" s="17">
        <v>4.3598200604037514</v>
      </c>
      <c r="T61" s="43">
        <v>5.0570017108105745</v>
      </c>
      <c r="U61" s="8">
        <v>4.6273381656062238</v>
      </c>
      <c r="V61" s="39">
        <v>3.9800580705989912</v>
      </c>
      <c r="W61" s="39">
        <v>3.897360379525729</v>
      </c>
      <c r="X61" s="8">
        <v>4.3555560093051069</v>
      </c>
      <c r="Y61" s="39">
        <v>5.4643632810618517</v>
      </c>
      <c r="Z61" s="17">
        <v>5.7049737175882944</v>
      </c>
      <c r="AA61" s="39">
        <v>5.3552187692909952</v>
      </c>
      <c r="AB61" s="8">
        <v>5.1185893654476144</v>
      </c>
      <c r="AC61" s="39">
        <v>4.6102580034223246</v>
      </c>
      <c r="AD61" s="39">
        <v>4.5034816044503332</v>
      </c>
      <c r="AE61" s="39">
        <v>4.4800000000000004</v>
      </c>
      <c r="AF61" s="39">
        <v>5.3662603325743472</v>
      </c>
      <c r="AG61" s="39">
        <v>4.9252550851266026</v>
      </c>
      <c r="AH61" s="39">
        <v>4.6218349593886678</v>
      </c>
      <c r="AI61" s="8">
        <v>4.458431326143061</v>
      </c>
      <c r="AJ61" s="8">
        <v>4.8908396755815122</v>
      </c>
      <c r="AK61" s="8">
        <v>4.8379557466201986</v>
      </c>
      <c r="AL61" s="8">
        <v>5.9382583254825025</v>
      </c>
      <c r="AM61" s="8">
        <v>6.6578034537340924</v>
      </c>
      <c r="AN61" s="8">
        <v>6.6591132309693055</v>
      </c>
      <c r="AO61" s="39">
        <v>6.4432233180434482</v>
      </c>
      <c r="AP61" s="39">
        <v>5.7290928755432322</v>
      </c>
      <c r="AQ61" s="8">
        <v>6.2187251647889301</v>
      </c>
      <c r="AR61" s="8">
        <v>6.6593731417774755</v>
      </c>
      <c r="AS61" s="8">
        <v>6.5293065986574028</v>
      </c>
      <c r="AT61" s="7">
        <v>5.2483978269096321</v>
      </c>
      <c r="AU61" s="17">
        <v>5.2924323499632449</v>
      </c>
      <c r="AV61" s="8">
        <v>5.9604771951778481</v>
      </c>
      <c r="AW61" s="8">
        <v>6.1407342904019693</v>
      </c>
      <c r="AX61" s="39">
        <v>6.9354146992404013</v>
      </c>
      <c r="AY61" s="17">
        <v>7.053882652355103</v>
      </c>
      <c r="AZ61" s="39">
        <v>6.4282681102553587</v>
      </c>
      <c r="BA61" s="17">
        <v>6.5454996787922584</v>
      </c>
      <c r="BB61" s="17">
        <v>6.6980867101080275</v>
      </c>
      <c r="BC61" s="8">
        <v>6.9537175551428261</v>
      </c>
      <c r="BD61" s="17">
        <v>6.406893652119888</v>
      </c>
    </row>
    <row r="62" spans="3:56" x14ac:dyDescent="0.2">
      <c r="C62" s="5" t="s">
        <v>68</v>
      </c>
      <c r="D62" s="6" t="s">
        <v>58</v>
      </c>
      <c r="E62" s="8">
        <v>3.0217988708256587</v>
      </c>
      <c r="F62" s="39">
        <v>2.9762888813583506</v>
      </c>
      <c r="G62" s="17">
        <v>3.2029365276822435</v>
      </c>
      <c r="H62" s="17">
        <v>3.2541925084569114</v>
      </c>
      <c r="I62" s="17">
        <v>2.9178600780680313</v>
      </c>
      <c r="J62" s="39">
        <v>2.7782896226943996</v>
      </c>
      <c r="K62" s="39">
        <v>2.5991569884077776</v>
      </c>
      <c r="L62" s="39">
        <v>3.2</v>
      </c>
      <c r="M62" s="17">
        <v>3.3227610433585935</v>
      </c>
      <c r="N62" s="17">
        <v>2.5679677222898905</v>
      </c>
      <c r="O62" s="39">
        <v>2.7688866689179052</v>
      </c>
      <c r="P62" s="39">
        <v>2.7558168872543778</v>
      </c>
      <c r="Q62" s="8">
        <v>2.3447347658468067</v>
      </c>
      <c r="R62" s="39">
        <v>2.1832304585187288</v>
      </c>
      <c r="S62" s="17">
        <v>2.6374107591754652</v>
      </c>
      <c r="T62" s="43">
        <v>2.5529723213040274</v>
      </c>
      <c r="U62" s="8">
        <v>2.5680600777046703</v>
      </c>
      <c r="V62" s="39">
        <v>2.8437216683050131</v>
      </c>
      <c r="W62" s="39">
        <v>2.7521951565738298</v>
      </c>
      <c r="X62" s="8">
        <v>2.4005755676278033</v>
      </c>
      <c r="Y62" s="39">
        <v>2.466461460038623</v>
      </c>
      <c r="Z62" s="17">
        <v>2.202902693334067</v>
      </c>
      <c r="AA62" s="39">
        <v>2.4098100840521273</v>
      </c>
      <c r="AB62" s="8">
        <v>2.5255496979800385</v>
      </c>
      <c r="AC62" s="39">
        <v>2.5659455787519851</v>
      </c>
      <c r="AD62" s="39">
        <v>2.4839575092642714</v>
      </c>
      <c r="AE62" s="39">
        <v>2.84</v>
      </c>
      <c r="AF62" s="39">
        <v>2.5856862270175052</v>
      </c>
      <c r="AG62" s="39">
        <v>2.4837773676938339</v>
      </c>
      <c r="AH62" s="39">
        <v>2.174055124424759</v>
      </c>
      <c r="AI62" s="8">
        <v>2.2521493989696619</v>
      </c>
      <c r="AJ62" s="8">
        <v>2.4227221464954449</v>
      </c>
      <c r="AK62" s="8">
        <v>2.7069647714346945</v>
      </c>
      <c r="AL62" s="8">
        <v>2.3643463000877447</v>
      </c>
      <c r="AM62" s="8">
        <v>2.596014017853447</v>
      </c>
      <c r="AN62" s="8">
        <v>2.5219712443903961</v>
      </c>
      <c r="AO62" s="39">
        <v>2.4472597648114327</v>
      </c>
      <c r="AP62" s="39">
        <v>2.2642644254462083</v>
      </c>
      <c r="AQ62" s="8">
        <v>2.4660841766928727</v>
      </c>
      <c r="AR62" s="8">
        <v>2.6228920977296051</v>
      </c>
      <c r="AS62" s="8">
        <v>2.4935837546778035</v>
      </c>
      <c r="AT62" s="7">
        <v>2.3592310934253344</v>
      </c>
      <c r="AU62" s="17">
        <v>2.3833209151224719</v>
      </c>
      <c r="AV62" s="8">
        <v>2.7442455921537503</v>
      </c>
      <c r="AW62" s="8">
        <v>2.8308349191465112</v>
      </c>
      <c r="AX62" s="39">
        <v>2.5471766848816029</v>
      </c>
      <c r="AY62" s="17">
        <v>2.6795402865041469</v>
      </c>
      <c r="AZ62" s="39">
        <v>2.638516362828303</v>
      </c>
      <c r="BA62" s="17">
        <v>2.7446508759724244</v>
      </c>
      <c r="BB62" s="17">
        <v>2.8572153369869056</v>
      </c>
      <c r="BC62" s="8">
        <v>3.3707826279172579</v>
      </c>
      <c r="BD62" s="17">
        <v>3.1422664842886321</v>
      </c>
    </row>
    <row r="63" spans="3:56" x14ac:dyDescent="0.2">
      <c r="C63" s="5" t="s">
        <v>69</v>
      </c>
      <c r="D63" s="6" t="s">
        <v>58</v>
      </c>
      <c r="E63" s="8">
        <v>1.9839521154232704</v>
      </c>
      <c r="F63" s="39">
        <v>1.9971091077370076</v>
      </c>
      <c r="G63" s="17">
        <v>1.7544736481067162</v>
      </c>
      <c r="H63" s="17">
        <v>2.0203998666118825</v>
      </c>
      <c r="I63" s="17">
        <v>1.8314245838511847</v>
      </c>
      <c r="J63" s="39">
        <v>1.6586871251586919</v>
      </c>
      <c r="K63" s="39">
        <v>1.8954672066557936</v>
      </c>
      <c r="L63" s="39">
        <v>1.45</v>
      </c>
      <c r="M63" s="17">
        <v>1.3051798221291104</v>
      </c>
      <c r="N63" s="17">
        <v>1.5952513601385463</v>
      </c>
      <c r="O63" s="39">
        <v>1.5431742372318107</v>
      </c>
      <c r="P63" s="39">
        <v>1.8240170940170941</v>
      </c>
      <c r="Q63" s="8">
        <v>1.4526956821313737</v>
      </c>
      <c r="R63" s="39">
        <v>1.561385512983777</v>
      </c>
      <c r="S63" s="17">
        <v>1.5496708793117266</v>
      </c>
      <c r="T63" s="43">
        <v>1.286766432997009</v>
      </c>
      <c r="U63" s="8">
        <v>1.2383988426169716</v>
      </c>
      <c r="V63" s="39">
        <v>1.4078173024262459</v>
      </c>
      <c r="W63" s="39">
        <v>1.3454457302017302</v>
      </c>
      <c r="X63" s="8">
        <v>1.3084093945858959</v>
      </c>
      <c r="Y63" s="39">
        <v>1.4954070323458155</v>
      </c>
      <c r="Z63" s="17">
        <v>1.6843579798243187</v>
      </c>
      <c r="AA63" s="39">
        <v>1.4789890366875174</v>
      </c>
      <c r="AB63" s="8">
        <v>1.5915644029814391</v>
      </c>
      <c r="AC63" s="39">
        <v>1.5582898289272893</v>
      </c>
      <c r="AD63" s="39">
        <v>1.8839772583771199</v>
      </c>
      <c r="AE63" s="39">
        <v>1.55</v>
      </c>
      <c r="AF63" s="39">
        <v>1.7243361132901203</v>
      </c>
      <c r="AG63" s="39">
        <v>1.822571694765327</v>
      </c>
      <c r="AH63" s="39">
        <v>1.715314084821294</v>
      </c>
      <c r="AI63" s="8">
        <v>1.8530038593633822</v>
      </c>
      <c r="AJ63" s="8">
        <v>1.9053716024513419</v>
      </c>
      <c r="AK63" s="8">
        <v>1.8823180433513764</v>
      </c>
      <c r="AL63" s="8">
        <v>2.1383019896633102</v>
      </c>
      <c r="AM63" s="8">
        <v>2.0088439906658406</v>
      </c>
      <c r="AN63" s="8">
        <v>1.7698847647234517</v>
      </c>
      <c r="AO63" s="39">
        <v>1.8388745195105882</v>
      </c>
      <c r="AP63" s="39">
        <v>1.7649648136606499</v>
      </c>
      <c r="AQ63" s="8">
        <v>1.8558100368493282</v>
      </c>
      <c r="AR63" s="8">
        <v>1.5387586129658468</v>
      </c>
      <c r="AS63" s="8">
        <v>1.4626987656561989</v>
      </c>
      <c r="AT63" s="7">
        <v>1.5372676986102731</v>
      </c>
      <c r="AU63" s="17">
        <v>1.381142069763547</v>
      </c>
      <c r="AV63" s="8">
        <v>1.7631808441720238</v>
      </c>
      <c r="AW63" s="8">
        <v>1.8681508300465224</v>
      </c>
      <c r="AX63" s="39">
        <v>1.6299532662806053</v>
      </c>
      <c r="AY63" s="17">
        <v>1.5740019642444487</v>
      </c>
      <c r="AZ63" s="39">
        <v>1.5937549232505162</v>
      </c>
      <c r="BA63" s="17">
        <v>1.6543793793793795</v>
      </c>
      <c r="BB63" s="17">
        <v>2.1955526387622473</v>
      </c>
      <c r="BC63" s="8">
        <v>2.1180810343472452</v>
      </c>
      <c r="BD63" s="17">
        <v>2.7956363673415323</v>
      </c>
    </row>
    <row r="64" spans="3:56" x14ac:dyDescent="0.2">
      <c r="C64" s="5" t="s">
        <v>70</v>
      </c>
      <c r="D64" s="6" t="s">
        <v>58</v>
      </c>
      <c r="E64" s="8">
        <v>2.3595314353499406</v>
      </c>
      <c r="F64" s="39">
        <v>2</v>
      </c>
      <c r="G64" s="17">
        <v>2.164721894312895</v>
      </c>
      <c r="H64" s="17">
        <v>2.1447432498241437</v>
      </c>
      <c r="I64" s="17">
        <v>2.0703424035669662</v>
      </c>
      <c r="J64" s="39">
        <v>1.8853424834908714</v>
      </c>
      <c r="K64" s="39">
        <v>1.7526426068153012</v>
      </c>
      <c r="L64" s="39">
        <v>1.41</v>
      </c>
      <c r="M64" s="17">
        <v>1.3390692875859362</v>
      </c>
      <c r="N64" s="17">
        <v>1.2529990602914765</v>
      </c>
      <c r="O64" s="39">
        <v>1.3198345349249498</v>
      </c>
      <c r="P64" s="39">
        <v>1.570464106522578</v>
      </c>
      <c r="Q64" s="8">
        <v>1.3329059726989039</v>
      </c>
      <c r="R64" s="39">
        <v>1.3616468831776087</v>
      </c>
      <c r="S64" s="17">
        <v>1.2957269306343382</v>
      </c>
      <c r="T64" s="43">
        <v>1.1409955352965551</v>
      </c>
      <c r="U64" s="8">
        <v>1.5059566377261484</v>
      </c>
      <c r="V64" s="39">
        <v>2.0102449287698954</v>
      </c>
      <c r="W64" s="39">
        <v>1.9469184562246582</v>
      </c>
      <c r="X64" s="8">
        <v>2.2321058067738129</v>
      </c>
      <c r="Y64" s="39">
        <v>2.4004659015063274</v>
      </c>
      <c r="Z64" s="17">
        <v>2.1505570873895672</v>
      </c>
      <c r="AA64" s="39">
        <v>1.9909583778014943</v>
      </c>
      <c r="AB64" s="8">
        <v>2.2173946173306107</v>
      </c>
      <c r="AC64" s="39">
        <v>2.1411453589632967</v>
      </c>
      <c r="AD64" s="39">
        <v>2.4139669009520963</v>
      </c>
      <c r="AE64" s="39">
        <v>2.63</v>
      </c>
      <c r="AF64" s="39">
        <v>2.5606745964836981</v>
      </c>
      <c r="AG64" s="39">
        <v>2.1712594489148986</v>
      </c>
      <c r="AH64" s="39">
        <v>2.2549500738816994</v>
      </c>
      <c r="AI64" s="8">
        <v>2.314871184499955</v>
      </c>
      <c r="AJ64" s="8">
        <v>2.4733293119836222</v>
      </c>
      <c r="AK64" s="8">
        <v>2.4793868459831634</v>
      </c>
      <c r="AL64" s="8">
        <v>2.4144589236148661</v>
      </c>
      <c r="AM64" s="8">
        <v>2.2685819781476306</v>
      </c>
      <c r="AN64" s="8">
        <v>2.1059461792045724</v>
      </c>
      <c r="AO64" s="39">
        <v>1.6110122290834241</v>
      </c>
      <c r="AP64" s="39">
        <v>1.9225745859383567</v>
      </c>
      <c r="AQ64" s="8">
        <v>1.9178398734899493</v>
      </c>
      <c r="AR64" s="8">
        <v>1.7413850254823695</v>
      </c>
      <c r="AS64" s="8">
        <v>1.6604353111432706</v>
      </c>
      <c r="AT64" s="7">
        <v>1.6035401365803377</v>
      </c>
      <c r="AU64" s="17">
        <v>1.9017170577617326</v>
      </c>
      <c r="AV64" s="8">
        <v>2.1794323780445493</v>
      </c>
      <c r="AW64" s="8">
        <v>2.2525222027719334</v>
      </c>
      <c r="AX64" s="39">
        <v>1.899800290486565</v>
      </c>
      <c r="AY64" s="17">
        <v>2.0556064585648381</v>
      </c>
      <c r="AZ64" s="39">
        <v>1.8070212344841237</v>
      </c>
      <c r="BA64" s="17">
        <v>2.312013559783225</v>
      </c>
      <c r="BB64" s="17">
        <v>2.1812169197396964</v>
      </c>
      <c r="BC64" s="8">
        <v>2.1894175539053413</v>
      </c>
      <c r="BD64" s="17">
        <v>2.5011184908445183</v>
      </c>
    </row>
    <row r="65" spans="3:56" x14ac:dyDescent="0.2">
      <c r="C65" s="5" t="s">
        <v>71</v>
      </c>
      <c r="D65" s="6" t="s">
        <v>58</v>
      </c>
      <c r="E65" s="8">
        <v>2.85</v>
      </c>
      <c r="F65" s="39">
        <v>2.85</v>
      </c>
      <c r="G65" s="17">
        <v>2.842084666565087</v>
      </c>
      <c r="H65" s="17">
        <v>2.7859808670088437</v>
      </c>
      <c r="I65" s="17">
        <v>2.7803559956625818</v>
      </c>
      <c r="J65" s="39">
        <v>2.7659781192480302</v>
      </c>
      <c r="K65" s="39">
        <v>2.7653866839762613</v>
      </c>
      <c r="L65" s="39">
        <v>2.77</v>
      </c>
      <c r="M65" s="17">
        <v>2.7763514139033831</v>
      </c>
      <c r="N65" s="17">
        <v>2.7868211132056753</v>
      </c>
      <c r="O65" s="39">
        <v>2.85</v>
      </c>
      <c r="P65" s="39">
        <v>2.7054065398145184</v>
      </c>
      <c r="Q65" s="8">
        <v>2.7127877328422692</v>
      </c>
      <c r="R65" s="39">
        <v>2.7506252374319362</v>
      </c>
      <c r="S65" s="17">
        <v>2.742878145809911</v>
      </c>
      <c r="T65" s="43">
        <v>2.7719790588665001</v>
      </c>
      <c r="U65" s="8">
        <v>2.6836009754666472</v>
      </c>
      <c r="V65" s="39">
        <v>2.6696729375539783</v>
      </c>
      <c r="W65" s="39">
        <v>2.7462969483568074</v>
      </c>
      <c r="X65" s="8">
        <v>2.738005621440371</v>
      </c>
      <c r="Y65" s="39">
        <v>2.6247081475476288</v>
      </c>
      <c r="Z65" s="17">
        <v>2.6011011144054801</v>
      </c>
      <c r="AA65" s="39">
        <v>2.5820708582834331</v>
      </c>
      <c r="AB65" s="8">
        <v>2.5716709900562043</v>
      </c>
      <c r="AC65" s="39">
        <v>2.5972460981678354</v>
      </c>
      <c r="AD65" s="39">
        <v>2.5822592272203</v>
      </c>
      <c r="AE65" s="39">
        <v>2.62</v>
      </c>
      <c r="AF65" s="39">
        <v>2.6935539176414034</v>
      </c>
      <c r="AG65" s="39">
        <v>2.6837253163715342</v>
      </c>
      <c r="AH65" s="39">
        <v>2.6851078542433684</v>
      </c>
      <c r="AI65" s="8">
        <v>2.6971490119485293</v>
      </c>
      <c r="AJ65" s="8">
        <v>2.6408965050893305</v>
      </c>
      <c r="AK65" s="8">
        <v>2.6919757405442608</v>
      </c>
      <c r="AL65" s="8">
        <v>2.6831362648795865</v>
      </c>
      <c r="AM65" s="8">
        <v>2.683295292439372</v>
      </c>
      <c r="AN65" s="8">
        <v>2.6775078681847635</v>
      </c>
      <c r="AO65" s="39">
        <v>2.6032860450706061</v>
      </c>
      <c r="AP65" s="39">
        <v>2.5969195431232497</v>
      </c>
      <c r="AQ65" s="8">
        <v>2.6542414160910202</v>
      </c>
      <c r="AR65" s="8">
        <v>2.6303006295102107</v>
      </c>
      <c r="AS65" s="8">
        <v>2.6597238204833142</v>
      </c>
      <c r="AT65" s="7">
        <v>2.7252636373574317</v>
      </c>
      <c r="AU65" s="17">
        <v>2.6738727710630403</v>
      </c>
      <c r="AV65" s="8">
        <v>2.7258914408838764</v>
      </c>
      <c r="AW65" s="8">
        <v>2.6997325557639806</v>
      </c>
      <c r="AX65" s="39">
        <v>2.7202862954226918</v>
      </c>
      <c r="AY65" s="17">
        <v>2.700137126826613</v>
      </c>
      <c r="AZ65" s="39">
        <v>2.6477517462560818</v>
      </c>
      <c r="BA65" s="17">
        <v>2.6443647957396119</v>
      </c>
      <c r="BB65" s="17">
        <v>2.7403946690703065</v>
      </c>
      <c r="BC65" s="8">
        <v>2.8605026981554058</v>
      </c>
      <c r="BD65" s="17">
        <v>2.7546117170523829</v>
      </c>
    </row>
    <row r="66" spans="3:56" x14ac:dyDescent="0.2">
      <c r="C66" s="5" t="s">
        <v>72</v>
      </c>
      <c r="D66" s="6" t="s">
        <v>58</v>
      </c>
      <c r="E66" s="8">
        <v>4.1689192234735852</v>
      </c>
      <c r="F66" s="39">
        <v>4.2909903903413005</v>
      </c>
      <c r="G66" s="17">
        <v>4.4081817122834481</v>
      </c>
      <c r="H66" s="17">
        <v>4.3424436029462701</v>
      </c>
      <c r="I66" s="17">
        <v>4.2767994074942877</v>
      </c>
      <c r="J66" s="39">
        <v>4.1625787697635328</v>
      </c>
      <c r="K66" s="39">
        <v>4.1513920182125492</v>
      </c>
      <c r="L66" s="39">
        <v>4.4000000000000004</v>
      </c>
      <c r="M66" s="17">
        <v>4.4465533856471371</v>
      </c>
      <c r="N66" s="17">
        <v>4.2159146071832163</v>
      </c>
      <c r="O66" s="39">
        <v>4.1365208959607473</v>
      </c>
      <c r="P66" s="39">
        <v>4.3999448501465244</v>
      </c>
      <c r="Q66" s="8">
        <v>4.4452705662749281</v>
      </c>
      <c r="R66" s="39">
        <v>4.2890703880465724</v>
      </c>
      <c r="S66" s="17">
        <v>4.4397994196860351</v>
      </c>
      <c r="T66" s="43">
        <v>4.3560608979825126</v>
      </c>
      <c r="U66" s="8">
        <v>4.3639873373767308</v>
      </c>
      <c r="V66" s="39">
        <v>4.0986572805586121</v>
      </c>
      <c r="W66" s="39">
        <v>4.025758013800842</v>
      </c>
      <c r="X66" s="8">
        <v>3.8966875365027449</v>
      </c>
      <c r="Y66" s="39">
        <v>3.8830648294978678</v>
      </c>
      <c r="Z66" s="17">
        <v>3.9290942793534023</v>
      </c>
      <c r="AA66" s="39">
        <v>3.8688092060116586</v>
      </c>
      <c r="AB66" s="8">
        <v>3.8520309342117565</v>
      </c>
      <c r="AC66" s="39">
        <v>3.8830842668938157</v>
      </c>
      <c r="AD66" s="39">
        <v>3.9638129028540385</v>
      </c>
      <c r="AE66" s="39">
        <v>3.84</v>
      </c>
      <c r="AF66" s="39">
        <v>3.8110736378062375</v>
      </c>
      <c r="AG66" s="39">
        <v>3.9218745869285012</v>
      </c>
      <c r="AH66" s="39">
        <v>3.8026401923092235</v>
      </c>
      <c r="AI66" s="8">
        <v>3.8322765286613523</v>
      </c>
      <c r="AJ66" s="8">
        <v>3.8674615712489819</v>
      </c>
      <c r="AK66" s="8">
        <v>4.3062193415715138</v>
      </c>
      <c r="AL66" s="8">
        <v>4.6700042357389355</v>
      </c>
      <c r="AM66" s="8">
        <v>4.5958187158828379</v>
      </c>
      <c r="AN66" s="8">
        <v>4.4661609891608727</v>
      </c>
      <c r="AO66" s="39">
        <v>4.4947309994381062</v>
      </c>
      <c r="AP66" s="39">
        <v>4.1561744904546716</v>
      </c>
      <c r="AQ66" s="8">
        <v>4.0091659021084975</v>
      </c>
      <c r="AR66" s="8">
        <v>3.9894447459031759</v>
      </c>
      <c r="AS66" s="8">
        <v>3.7124242254188564</v>
      </c>
      <c r="AT66" s="7">
        <v>3.5331641733153529</v>
      </c>
      <c r="AU66" s="17">
        <v>3.693649384755294</v>
      </c>
      <c r="AV66" s="8">
        <v>3.6867562275687362</v>
      </c>
      <c r="AW66" s="8">
        <v>3.9455787513676244</v>
      </c>
      <c r="AX66" s="39">
        <v>3.5568774659134603</v>
      </c>
      <c r="AY66" s="17">
        <v>3.6505772503903149</v>
      </c>
      <c r="AZ66" s="39">
        <v>3.9718847971349458</v>
      </c>
      <c r="BA66" s="17">
        <v>3.9934094287971904</v>
      </c>
      <c r="BB66" s="17">
        <v>4.1259015567791479</v>
      </c>
      <c r="BC66" s="8">
        <v>4.0274701485848592</v>
      </c>
      <c r="BD66" s="17">
        <v>4.089978351128746</v>
      </c>
    </row>
    <row r="67" spans="3:56" x14ac:dyDescent="0.2">
      <c r="C67" s="5" t="s">
        <v>73</v>
      </c>
      <c r="D67" s="6" t="s">
        <v>58</v>
      </c>
      <c r="E67" s="8">
        <v>3.4260963233128692</v>
      </c>
      <c r="F67" s="39">
        <v>3.16848210240145</v>
      </c>
      <c r="G67" s="17">
        <v>2.9853385711388629</v>
      </c>
      <c r="H67" s="17">
        <v>2.9342394203153392</v>
      </c>
      <c r="I67" s="17">
        <v>3.1289593378767879</v>
      </c>
      <c r="J67" s="39">
        <v>3.12366647436115</v>
      </c>
      <c r="K67" s="39">
        <v>3.1096301880388739</v>
      </c>
      <c r="L67" s="39">
        <v>3.03</v>
      </c>
      <c r="M67" s="17">
        <v>3.1359838744097956</v>
      </c>
      <c r="N67" s="17">
        <v>2.8437258150099005</v>
      </c>
      <c r="O67" s="39">
        <v>3.0341634700694118</v>
      </c>
      <c r="P67" s="39">
        <v>2.8104817732301659</v>
      </c>
      <c r="Q67" s="8">
        <v>3.1410495972740891</v>
      </c>
      <c r="R67" s="39">
        <v>3.4761992530149</v>
      </c>
      <c r="S67" s="17">
        <v>3.6036475251065347</v>
      </c>
      <c r="T67" s="43">
        <v>3.4083961702931771</v>
      </c>
      <c r="U67" s="8">
        <v>2.9626961166286501</v>
      </c>
      <c r="V67" s="39">
        <v>3.6838778424208027</v>
      </c>
      <c r="W67" s="39">
        <v>3.6019295583994353</v>
      </c>
      <c r="X67" s="8">
        <v>3.3086717980254847</v>
      </c>
      <c r="Y67" s="39">
        <v>3.1239827738543191</v>
      </c>
      <c r="Z67" s="17">
        <v>3.0324328199246269</v>
      </c>
      <c r="AA67" s="39">
        <v>2.988372588498005</v>
      </c>
      <c r="AB67" s="8">
        <v>2.8404624538785752</v>
      </c>
      <c r="AC67" s="39">
        <v>3.05880207081566</v>
      </c>
      <c r="AD67" s="39">
        <v>2.648838298288803</v>
      </c>
      <c r="AE67" s="39">
        <v>2.75</v>
      </c>
      <c r="AF67" s="39">
        <v>2.9549302077623687</v>
      </c>
      <c r="AG67" s="39">
        <v>2.7831468892522158</v>
      </c>
      <c r="AH67" s="39">
        <v>2.9799867163268421</v>
      </c>
      <c r="AI67" s="8">
        <v>3.3352131998516867</v>
      </c>
      <c r="AJ67" s="8">
        <v>3.3931494780761984</v>
      </c>
      <c r="AK67" s="8">
        <v>3.212784057769754</v>
      </c>
      <c r="AL67" s="8">
        <v>3.255981828311131</v>
      </c>
      <c r="AM67" s="8">
        <v>3.0292979297299194</v>
      </c>
      <c r="AN67" s="8">
        <v>2.9193556040747075</v>
      </c>
      <c r="AO67" s="39">
        <v>3.0192477785232144</v>
      </c>
      <c r="AP67" s="39">
        <v>3.4500907156531193</v>
      </c>
      <c r="AQ67" s="8">
        <v>3.3507684771140029</v>
      </c>
      <c r="AR67" s="8">
        <v>2.9951802813496129</v>
      </c>
      <c r="AS67" s="8">
        <v>3.1050473051294176</v>
      </c>
      <c r="AT67" s="7">
        <v>2.9052701835367944</v>
      </c>
      <c r="AU67" s="17">
        <v>3.2687616692855159</v>
      </c>
      <c r="AV67" s="8">
        <v>3.1939182805005584</v>
      </c>
      <c r="AW67" s="8">
        <v>3.4306115864269144</v>
      </c>
      <c r="AX67" s="39">
        <v>3.0424863512129616</v>
      </c>
      <c r="AY67" s="17">
        <v>3.0286110682999303</v>
      </c>
      <c r="AZ67" s="39">
        <v>3.0966740747428587</v>
      </c>
      <c r="BA67" s="17">
        <v>3.0711095941813769</v>
      </c>
      <c r="BB67" s="17">
        <v>3.5890687513119737</v>
      </c>
      <c r="BC67" s="8">
        <v>4.1391657711492229</v>
      </c>
      <c r="BD67" s="17">
        <v>4.5129590946964564</v>
      </c>
    </row>
    <row r="68" spans="3:56" x14ac:dyDescent="0.2">
      <c r="C68" s="5" t="s">
        <v>74</v>
      </c>
      <c r="D68" s="6" t="s">
        <v>58</v>
      </c>
      <c r="E68" s="8">
        <v>1.5463124966531601</v>
      </c>
      <c r="F68" s="39">
        <v>1.532023772000749</v>
      </c>
      <c r="G68" s="17">
        <v>1.5305819990856044</v>
      </c>
      <c r="H68" s="17">
        <v>1.5311734282236511</v>
      </c>
      <c r="I68" s="17">
        <v>1.525850732761407</v>
      </c>
      <c r="J68" s="39">
        <v>1.5325534901711944</v>
      </c>
      <c r="K68" s="39">
        <v>1.513707243580299</v>
      </c>
      <c r="L68" s="39">
        <v>1.51</v>
      </c>
      <c r="M68" s="17">
        <v>1.5371766679913452</v>
      </c>
      <c r="N68" s="17">
        <v>1.5244430302129399</v>
      </c>
      <c r="O68" s="39">
        <v>1.4837740880662877</v>
      </c>
      <c r="P68" s="39">
        <v>1.5188379845038142</v>
      </c>
      <c r="Q68" s="8">
        <v>1.5023592251081663</v>
      </c>
      <c r="R68" s="39">
        <v>1.5001470831952273</v>
      </c>
      <c r="S68" s="17">
        <v>1.5208781399893825</v>
      </c>
      <c r="T68" s="43">
        <v>1.5272087486710704</v>
      </c>
      <c r="U68" s="8">
        <v>1.5150363514667529</v>
      </c>
      <c r="V68" s="39">
        <v>1.4955871949062609</v>
      </c>
      <c r="W68" s="39">
        <v>1.5174792793129899</v>
      </c>
      <c r="X68" s="8">
        <v>1.5080501792454168</v>
      </c>
      <c r="Y68" s="39">
        <v>1.5085851889315671</v>
      </c>
      <c r="Z68" s="17">
        <v>1.5092065688309266</v>
      </c>
      <c r="AA68" s="39">
        <v>1.5092222323910078</v>
      </c>
      <c r="AB68" s="8">
        <v>1.5013576255952645</v>
      </c>
      <c r="AC68" s="39">
        <v>1.4914690119163008</v>
      </c>
      <c r="AD68" s="39">
        <v>1.4916275378946784</v>
      </c>
      <c r="AE68" s="39">
        <v>1.5</v>
      </c>
      <c r="AF68" s="39">
        <v>1.491467749131038</v>
      </c>
      <c r="AG68" s="39">
        <v>1.4877694397266417</v>
      </c>
      <c r="AH68" s="39">
        <v>1.4909194444865133</v>
      </c>
      <c r="AI68" s="8">
        <v>1.4924590950718191</v>
      </c>
      <c r="AJ68" s="8">
        <v>1.4904052422308784</v>
      </c>
      <c r="AK68" s="8">
        <v>1.497227644882142</v>
      </c>
      <c r="AL68" s="8">
        <v>1.4952236017067506</v>
      </c>
      <c r="AM68" s="8">
        <v>1.5020847445911383</v>
      </c>
      <c r="AN68" s="8">
        <v>1.4924854819414242</v>
      </c>
      <c r="AO68" s="39">
        <v>1.4839052907782693</v>
      </c>
      <c r="AP68" s="39">
        <v>1.5047584839516104</v>
      </c>
      <c r="AQ68" s="8">
        <v>1.5104085744452085</v>
      </c>
      <c r="AR68" s="8">
        <v>1.5258568873148686</v>
      </c>
      <c r="AS68" s="8">
        <v>1.5205229378166183</v>
      </c>
      <c r="AT68" s="7">
        <v>1.5272883444747356</v>
      </c>
      <c r="AU68" s="17">
        <v>1.5284324978508617</v>
      </c>
      <c r="AV68" s="8">
        <v>1.5236624357915418</v>
      </c>
      <c r="AW68" s="8">
        <v>1.5223982710006152</v>
      </c>
      <c r="AX68" s="39">
        <v>1.5311560868135186</v>
      </c>
      <c r="AY68" s="17">
        <v>1.5296220608970694</v>
      </c>
      <c r="AZ68" s="39">
        <v>1.5289807848292449</v>
      </c>
      <c r="BA68" s="17">
        <v>1.5276389945100164</v>
      </c>
      <c r="BB68" s="17">
        <v>1.5301857614068528</v>
      </c>
      <c r="BC68" s="8">
        <v>1.5603929827739782</v>
      </c>
      <c r="BD68" s="17">
        <v>1.5518232956712699</v>
      </c>
    </row>
    <row r="69" spans="3:56" x14ac:dyDescent="0.2">
      <c r="C69" s="5" t="s">
        <v>75</v>
      </c>
      <c r="D69" s="15" t="s">
        <v>76</v>
      </c>
      <c r="E69" s="8"/>
      <c r="F69" s="8"/>
      <c r="G69" s="17"/>
      <c r="H69" s="17"/>
      <c r="I69" s="17"/>
      <c r="J69" s="43"/>
      <c r="K69" s="39"/>
      <c r="L69" s="39"/>
      <c r="M69" s="17"/>
      <c r="N69" s="17"/>
      <c r="O69" s="8"/>
      <c r="P69" s="39"/>
      <c r="Q69" s="8"/>
      <c r="R69" s="39"/>
      <c r="S69" s="17"/>
      <c r="T69" s="17"/>
      <c r="U69" s="39"/>
      <c r="V69" s="8"/>
      <c r="W69" s="39"/>
      <c r="X69" s="8"/>
      <c r="Y69" s="39"/>
      <c r="Z69" s="17"/>
      <c r="AA69" s="39"/>
      <c r="AB69" s="39"/>
      <c r="AC69" s="39"/>
      <c r="AD69" s="39"/>
      <c r="AE69" s="39"/>
      <c r="AF69" s="8"/>
      <c r="AG69" s="39"/>
      <c r="AH69" s="39"/>
      <c r="AI69" s="8"/>
      <c r="AJ69" s="8"/>
      <c r="AK69" s="8"/>
      <c r="AL69" s="8"/>
      <c r="AM69" s="8"/>
      <c r="AN69" s="8"/>
      <c r="AO69" s="39"/>
      <c r="AP69" s="8"/>
      <c r="AQ69" s="8"/>
      <c r="AR69" s="8"/>
      <c r="AS69" s="8"/>
      <c r="AT69" s="7"/>
      <c r="AU69" s="17"/>
      <c r="AV69" s="43"/>
      <c r="AW69" s="7"/>
      <c r="AX69" s="39"/>
      <c r="AY69" s="17"/>
      <c r="AZ69" s="39"/>
      <c r="BA69" s="17"/>
      <c r="BB69" s="17"/>
      <c r="BC69" s="8"/>
      <c r="BD69" s="17"/>
    </row>
    <row r="70" spans="3:56" x14ac:dyDescent="0.2">
      <c r="C70" s="16" t="s">
        <v>78</v>
      </c>
      <c r="D70" s="6" t="s">
        <v>58</v>
      </c>
      <c r="E70" s="8">
        <v>0.38220048690652775</v>
      </c>
      <c r="F70" s="8">
        <v>0.37579259330717207</v>
      </c>
      <c r="G70" s="17">
        <v>0.38567038259982128</v>
      </c>
      <c r="H70" s="17">
        <v>0.39179540350667819</v>
      </c>
      <c r="I70" s="17">
        <v>0.40358149466551035</v>
      </c>
      <c r="J70" s="39">
        <v>0.40526642814528258</v>
      </c>
      <c r="K70" s="39">
        <v>0.41728425939259112</v>
      </c>
      <c r="L70" s="39">
        <v>0.43</v>
      </c>
      <c r="M70" s="17">
        <v>0.43130243481400588</v>
      </c>
      <c r="N70" s="17">
        <v>0.44405746305798321</v>
      </c>
      <c r="O70" s="8">
        <v>0.45485529612775605</v>
      </c>
      <c r="P70" s="39">
        <v>0.45702795745797198</v>
      </c>
      <c r="Q70" s="8">
        <v>0.4542621694603749</v>
      </c>
      <c r="R70" s="39">
        <v>0.46849128900559406</v>
      </c>
      <c r="S70" s="17">
        <v>0.47611489540079543</v>
      </c>
      <c r="T70" s="17">
        <v>0.49894860674473629</v>
      </c>
      <c r="U70" s="39">
        <v>0.49602425099393999</v>
      </c>
      <c r="V70" s="8">
        <v>0.48852380240115306</v>
      </c>
      <c r="W70" s="39">
        <v>0.49224545711859613</v>
      </c>
      <c r="X70" s="8">
        <v>0.43893749733056042</v>
      </c>
      <c r="Y70" s="39">
        <v>0.39629541006919827</v>
      </c>
      <c r="Z70" s="17">
        <v>0.37493186027902292</v>
      </c>
      <c r="AA70" s="39">
        <v>0.3559746138819696</v>
      </c>
      <c r="AB70" s="39">
        <v>0.36864346975818596</v>
      </c>
      <c r="AC70" s="39">
        <v>0.37313336644702205</v>
      </c>
      <c r="AD70" s="39">
        <v>0.38860105092580394</v>
      </c>
      <c r="AE70" s="39">
        <v>0.4</v>
      </c>
      <c r="AF70" s="8">
        <v>0.41198976559042377</v>
      </c>
      <c r="AG70" s="39">
        <v>0.39427805087059503</v>
      </c>
      <c r="AH70" s="39">
        <v>0.38157661913131641</v>
      </c>
      <c r="AI70" s="8">
        <v>0.37071237955011394</v>
      </c>
      <c r="AJ70" s="8">
        <v>0.35092982388216365</v>
      </c>
      <c r="AK70" s="8">
        <v>0.32512963643626663</v>
      </c>
      <c r="AL70" s="8">
        <v>0.3217653096850307</v>
      </c>
      <c r="AM70" s="8">
        <v>0.28152558497471653</v>
      </c>
      <c r="AN70" s="8">
        <v>0.27538982582034155</v>
      </c>
      <c r="AO70" s="39">
        <v>0.27151495583052176</v>
      </c>
      <c r="AP70" s="8">
        <v>0.26</v>
      </c>
      <c r="AQ70" s="8">
        <v>0.25141394383660465</v>
      </c>
      <c r="AR70" s="8">
        <v>0.25384785933696424</v>
      </c>
      <c r="AS70" s="8">
        <v>0.25</v>
      </c>
      <c r="AT70" s="8">
        <v>0.25628869315748554</v>
      </c>
      <c r="AU70" s="17">
        <v>0.25721119916114876</v>
      </c>
      <c r="AV70" s="8">
        <v>0.23897728276554678</v>
      </c>
      <c r="AW70" s="8">
        <v>0.2562502887848464</v>
      </c>
      <c r="AX70" s="39">
        <v>0.25685819051375453</v>
      </c>
      <c r="AY70" s="17">
        <v>0.25074304973474321</v>
      </c>
      <c r="AZ70" s="39">
        <v>0.251423049314625</v>
      </c>
      <c r="BA70" s="17">
        <v>0.25615517088140516</v>
      </c>
      <c r="BB70" s="17">
        <v>0.2535425476647864</v>
      </c>
      <c r="BC70" s="8">
        <v>0.25075162669736745</v>
      </c>
      <c r="BD70" s="17">
        <v>0.25552143045815318</v>
      </c>
    </row>
    <row r="71" spans="3:56" x14ac:dyDescent="0.2">
      <c r="C71" s="16" t="s">
        <v>79</v>
      </c>
      <c r="D71" s="6" t="s">
        <v>58</v>
      </c>
      <c r="E71" s="8">
        <v>0.72093025946860123</v>
      </c>
      <c r="F71" s="8">
        <v>0.80069427687033501</v>
      </c>
      <c r="G71" s="17">
        <v>0.7296678507545411</v>
      </c>
      <c r="H71" s="17">
        <v>0.76005300159709399</v>
      </c>
      <c r="I71" s="17">
        <v>0.75675127275928344</v>
      </c>
      <c r="J71" s="8">
        <v>0.85538397557166335</v>
      </c>
      <c r="K71" s="39">
        <v>0.65205875530669599</v>
      </c>
      <c r="L71" s="39">
        <v>0.57999999999999996</v>
      </c>
      <c r="M71" s="17">
        <v>0.55733895707693748</v>
      </c>
      <c r="N71" s="17">
        <v>0.55579792254262828</v>
      </c>
      <c r="O71" s="8">
        <v>0.48381109164937713</v>
      </c>
      <c r="P71" s="39">
        <v>0.47689226909907406</v>
      </c>
      <c r="Q71" s="8">
        <v>0.46168492465900168</v>
      </c>
      <c r="R71" s="8">
        <v>0.4632506487559151</v>
      </c>
      <c r="S71" s="17">
        <v>0.55469454763331327</v>
      </c>
      <c r="T71" s="17">
        <v>0.48254453724854252</v>
      </c>
      <c r="U71" s="8">
        <v>0.43981255774469258</v>
      </c>
      <c r="V71" s="8">
        <v>0.44078689589134573</v>
      </c>
      <c r="W71" s="8">
        <v>0.43666686706967711</v>
      </c>
      <c r="X71" s="8">
        <v>0.42754412828930122</v>
      </c>
      <c r="Y71" s="39">
        <v>0.48412082748026802</v>
      </c>
      <c r="Z71" s="17">
        <v>0.65227490717142789</v>
      </c>
      <c r="AA71" s="39">
        <v>0.8252858591055664</v>
      </c>
      <c r="AB71" s="8">
        <v>0.86939350279188043</v>
      </c>
      <c r="AC71" s="39">
        <v>0.77152843810022964</v>
      </c>
      <c r="AD71" s="8">
        <v>0.77127931884752454</v>
      </c>
      <c r="AE71" s="8">
        <v>0.77</v>
      </c>
      <c r="AF71" s="8">
        <v>0.81458229626452605</v>
      </c>
      <c r="AG71" s="39">
        <v>0.59591423386283682</v>
      </c>
      <c r="AH71" s="39">
        <v>0.47908649402098163</v>
      </c>
      <c r="AI71" s="8">
        <v>0.47153175104783446</v>
      </c>
      <c r="AJ71" s="8">
        <v>0.50276768332251787</v>
      </c>
      <c r="AK71" s="8">
        <v>0.57634668216661444</v>
      </c>
      <c r="AL71" s="8">
        <v>0.55105501277009772</v>
      </c>
      <c r="AM71" s="8">
        <v>0.58352114398244381</v>
      </c>
      <c r="AN71" s="8">
        <v>0.57635995872409984</v>
      </c>
      <c r="AO71" s="39">
        <v>0.58933350577148413</v>
      </c>
      <c r="AP71" s="8">
        <v>0.60456427249177036</v>
      </c>
      <c r="AQ71" s="8">
        <v>0.61416025806802865</v>
      </c>
      <c r="AR71" s="8">
        <v>0.64670406314082696</v>
      </c>
      <c r="AS71" s="8">
        <v>0.62627729744310523</v>
      </c>
      <c r="AT71" s="8">
        <v>0.59502308997766495</v>
      </c>
      <c r="AU71" s="17">
        <v>0.61861609679863605</v>
      </c>
      <c r="AV71" s="8">
        <v>0.59604710020839258</v>
      </c>
      <c r="AW71" s="8">
        <v>0.59089164915362336</v>
      </c>
      <c r="AX71" s="39">
        <v>0.52359534996643875</v>
      </c>
      <c r="AY71" s="17">
        <v>0.5546250483458639</v>
      </c>
      <c r="AZ71" s="39">
        <v>0.52406809910176866</v>
      </c>
      <c r="BA71" s="17">
        <v>0.66671049780422986</v>
      </c>
      <c r="BB71" s="17">
        <v>0.75863654442938933</v>
      </c>
      <c r="BC71" s="8">
        <v>0.78286359967291475</v>
      </c>
      <c r="BD71" s="17">
        <v>0.72427523057821919</v>
      </c>
    </row>
    <row r="72" spans="3:56" x14ac:dyDescent="0.2">
      <c r="C72" s="16" t="s">
        <v>80</v>
      </c>
      <c r="D72" s="6" t="s">
        <v>58</v>
      </c>
      <c r="E72" s="8">
        <v>0.67083792324521097</v>
      </c>
      <c r="F72" s="8">
        <v>0.71456142035231451</v>
      </c>
      <c r="G72" s="17">
        <v>0.93590694364751781</v>
      </c>
      <c r="H72" s="17">
        <v>1.0247801191602934</v>
      </c>
      <c r="I72" s="17">
        <v>0.97021941550659163</v>
      </c>
      <c r="J72" s="8">
        <v>0.91877691297692066</v>
      </c>
      <c r="K72" s="39">
        <v>0.71957816738240654</v>
      </c>
      <c r="L72" s="39">
        <v>0.65</v>
      </c>
      <c r="M72" s="17">
        <v>0.73046615627794997</v>
      </c>
      <c r="N72" s="17">
        <v>0.75649575259758495</v>
      </c>
      <c r="O72" s="8">
        <v>0.81739388169635119</v>
      </c>
      <c r="P72" s="39">
        <v>0.64886817933663454</v>
      </c>
      <c r="Q72" s="8">
        <v>0.62596839469482379</v>
      </c>
      <c r="R72" s="8">
        <v>0.63833163147377137</v>
      </c>
      <c r="S72" s="17">
        <v>0.6658321516447423</v>
      </c>
      <c r="T72" s="17">
        <v>0.59340489417905629</v>
      </c>
      <c r="U72" s="8">
        <v>0.57178678538829797</v>
      </c>
      <c r="V72" s="8">
        <v>0.61363144543383719</v>
      </c>
      <c r="W72" s="8">
        <v>0.54728320550848564</v>
      </c>
      <c r="X72" s="8">
        <v>0.47363618502838362</v>
      </c>
      <c r="Y72" s="39">
        <v>0.49178321976645428</v>
      </c>
      <c r="Z72" s="17">
        <v>0.53154355289703747</v>
      </c>
      <c r="AA72" s="39">
        <v>0.46166338200547974</v>
      </c>
      <c r="AB72" s="8">
        <v>0.52815074504416848</v>
      </c>
      <c r="AC72" s="39">
        <v>0.42728118482453636</v>
      </c>
      <c r="AD72" s="8">
        <v>0.43272516678080031</v>
      </c>
      <c r="AE72" s="8">
        <v>0.45</v>
      </c>
      <c r="AF72" s="8">
        <v>0.56844183165187501</v>
      </c>
      <c r="AG72" s="39">
        <v>0.78284750786047186</v>
      </c>
      <c r="AH72" s="39">
        <v>0.7279975801290286</v>
      </c>
      <c r="AI72" s="8">
        <v>0.52727020321530493</v>
      </c>
      <c r="AJ72" s="8">
        <v>0.55521635992210461</v>
      </c>
      <c r="AK72" s="8">
        <v>0.70544352289922807</v>
      </c>
      <c r="AL72" s="8">
        <v>0.7002577212646659</v>
      </c>
      <c r="AM72" s="8">
        <v>1.0920189074808921</v>
      </c>
      <c r="AN72" s="8">
        <v>1.1016586660854895</v>
      </c>
      <c r="AO72" s="39">
        <v>1.0170101703375554</v>
      </c>
      <c r="AP72" s="8">
        <v>0.77321230491079751</v>
      </c>
      <c r="AQ72" s="8">
        <v>0.6936232310225211</v>
      </c>
      <c r="AR72" s="8">
        <v>0.75831812415021715</v>
      </c>
      <c r="AS72" s="8">
        <v>0.6723855029752559</v>
      </c>
      <c r="AT72" s="8">
        <v>0.61486548040735001</v>
      </c>
      <c r="AU72" s="17">
        <v>0.59932522161178325</v>
      </c>
      <c r="AV72" s="8">
        <v>0.75721741085769356</v>
      </c>
      <c r="AW72" s="8">
        <v>0.80421775348457458</v>
      </c>
      <c r="AX72" s="39">
        <v>0.71203315495361919</v>
      </c>
      <c r="AY72" s="17">
        <v>0.7314511440041519</v>
      </c>
      <c r="AZ72" s="39">
        <v>0.74799409125761163</v>
      </c>
      <c r="BA72" s="17">
        <v>0.79613165636006689</v>
      </c>
      <c r="BB72" s="17">
        <v>0.76873094105553619</v>
      </c>
      <c r="BC72" s="8">
        <v>1.0492217544908768</v>
      </c>
      <c r="BD72" s="17">
        <v>0.99031982897243043</v>
      </c>
    </row>
    <row r="73" spans="3:56" x14ac:dyDescent="0.2">
      <c r="C73" s="16" t="s">
        <v>81</v>
      </c>
      <c r="D73" s="6" t="s">
        <v>58</v>
      </c>
      <c r="E73" s="8">
        <v>0.37097643360028121</v>
      </c>
      <c r="F73" s="8">
        <v>0.39631047922553181</v>
      </c>
      <c r="G73" s="17">
        <v>0.40168593518602208</v>
      </c>
      <c r="H73" s="17">
        <v>0.43477122894448761</v>
      </c>
      <c r="I73" s="17">
        <v>0.44292397518451349</v>
      </c>
      <c r="J73" s="8">
        <v>0.46130268430191579</v>
      </c>
      <c r="K73" s="39">
        <v>0.45406613046283106</v>
      </c>
      <c r="L73" s="39">
        <v>0.47</v>
      </c>
      <c r="M73" s="17">
        <v>0.47691921762793066</v>
      </c>
      <c r="N73" s="17">
        <v>0.47554468643278275</v>
      </c>
      <c r="O73" s="8">
        <v>0.5033191593589309</v>
      </c>
      <c r="P73" s="39">
        <v>0.53809147049920525</v>
      </c>
      <c r="Q73" s="8">
        <v>0.62160138030983336</v>
      </c>
      <c r="R73" s="8">
        <v>0.74078683578976268</v>
      </c>
      <c r="S73" s="17">
        <v>0.84506249444407122</v>
      </c>
      <c r="T73" s="17">
        <v>0.82687880363337729</v>
      </c>
      <c r="U73" s="8">
        <v>0.77325656239654317</v>
      </c>
      <c r="V73" s="8">
        <v>0.71755778583594476</v>
      </c>
      <c r="W73" s="8">
        <v>0.71900936402042326</v>
      </c>
      <c r="X73" s="8">
        <v>0.71770638572361556</v>
      </c>
      <c r="Y73" s="39">
        <v>0.69540997887649447</v>
      </c>
      <c r="Z73" s="17">
        <v>0.66953426568038654</v>
      </c>
      <c r="AA73" s="39">
        <v>0.63684557917402584</v>
      </c>
      <c r="AB73" s="8">
        <v>0.63311331035479135</v>
      </c>
      <c r="AC73" s="39">
        <v>0.61261381802615367</v>
      </c>
      <c r="AD73" s="8">
        <v>0.47768998851287731</v>
      </c>
      <c r="AE73" s="8">
        <v>0.45</v>
      </c>
      <c r="AF73" s="8">
        <v>0.4636621696889669</v>
      </c>
      <c r="AG73" s="39">
        <v>0.46460083351568282</v>
      </c>
      <c r="AH73" s="39">
        <v>0.41370841420956955</v>
      </c>
      <c r="AI73" s="8">
        <v>0.37658288697631481</v>
      </c>
      <c r="AJ73" s="8">
        <v>0.34997800783938243</v>
      </c>
      <c r="AK73" s="8">
        <v>0.35431818728733205</v>
      </c>
      <c r="AL73" s="8">
        <v>0.34246290845565436</v>
      </c>
      <c r="AM73" s="8">
        <v>0.33267917524707952</v>
      </c>
      <c r="AN73" s="8">
        <v>0.34834306621378175</v>
      </c>
      <c r="AO73" s="39">
        <v>0.32365049395904244</v>
      </c>
      <c r="AP73" s="8">
        <v>0.28894918714919349</v>
      </c>
      <c r="AQ73" s="8">
        <v>0.28377617091436708</v>
      </c>
      <c r="AR73" s="8">
        <v>0.27296643289159994</v>
      </c>
      <c r="AS73" s="8">
        <v>0.24496513505173059</v>
      </c>
      <c r="AT73" s="8">
        <v>0.24095250261696988</v>
      </c>
      <c r="AU73" s="17">
        <v>0.24104608213828116</v>
      </c>
      <c r="AV73" s="8">
        <v>0.2472634891351381</v>
      </c>
      <c r="AW73" s="8">
        <v>0.25223434261025485</v>
      </c>
      <c r="AX73" s="39">
        <v>0.2343091735168088</v>
      </c>
      <c r="AY73" s="17">
        <v>0.24105880857653256</v>
      </c>
      <c r="AZ73" s="39">
        <v>0.23299930217716308</v>
      </c>
      <c r="BA73" s="17">
        <v>0.23513857185231035</v>
      </c>
      <c r="BB73" s="17">
        <v>0.23915804476489652</v>
      </c>
      <c r="BC73" s="8">
        <v>0.22534246544329148</v>
      </c>
      <c r="BD73" s="17">
        <v>0.22849208031688747</v>
      </c>
    </row>
    <row r="74" spans="3:56" x14ac:dyDescent="0.2">
      <c r="C74" s="16" t="s">
        <v>82</v>
      </c>
      <c r="D74" s="6" t="s">
        <v>58</v>
      </c>
      <c r="E74" s="8">
        <v>2.5028162494581307</v>
      </c>
      <c r="F74" s="8">
        <v>2.3188437316376813</v>
      </c>
      <c r="G74" s="17">
        <v>2.4900683418037186</v>
      </c>
      <c r="H74" s="17">
        <v>2.6964056333144617</v>
      </c>
      <c r="I74" s="17">
        <v>2.6789750889907147</v>
      </c>
      <c r="J74" s="8">
        <v>3.2076437416870633</v>
      </c>
      <c r="K74" s="39">
        <v>3.1449139173280969</v>
      </c>
      <c r="L74" s="39">
        <v>2.68</v>
      </c>
      <c r="M74" s="17">
        <v>2.1584266347791052</v>
      </c>
      <c r="N74" s="17">
        <v>1.9234908610070534</v>
      </c>
      <c r="O74" s="8">
        <v>1.7672124391276063</v>
      </c>
      <c r="P74" s="39">
        <v>1.775081222917851</v>
      </c>
      <c r="Q74" s="8">
        <v>2.7107827845709247</v>
      </c>
      <c r="R74" s="8">
        <v>2.5507079843210336</v>
      </c>
      <c r="S74" s="17">
        <v>2.3324940609964706</v>
      </c>
      <c r="T74" s="17">
        <v>2.3025556747224005</v>
      </c>
      <c r="U74" s="8">
        <v>2.0360147660172099</v>
      </c>
      <c r="V74" s="8">
        <v>1.9962612853596857</v>
      </c>
      <c r="W74" s="8">
        <v>1.4897537268413226</v>
      </c>
      <c r="X74" s="8">
        <v>1.4363467745258272</v>
      </c>
      <c r="Y74" s="39">
        <v>1.6417411918390199</v>
      </c>
      <c r="Z74" s="17">
        <v>1.8394013001813374</v>
      </c>
      <c r="AA74" s="39">
        <v>2.2099444113759947</v>
      </c>
      <c r="AB74" s="8">
        <v>2.1757756087932445</v>
      </c>
      <c r="AC74" s="39">
        <v>1.828177654691117</v>
      </c>
      <c r="AD74" s="8">
        <v>1.5910854677530442</v>
      </c>
      <c r="AE74" s="8">
        <v>1.62</v>
      </c>
      <c r="AF74" s="8">
        <v>1.5802727713355895</v>
      </c>
      <c r="AG74" s="39">
        <v>1.7136383770820953</v>
      </c>
      <c r="AH74" s="39">
        <v>1.7557209150748361</v>
      </c>
      <c r="AI74" s="8">
        <v>1.8846799117604993</v>
      </c>
      <c r="AJ74" s="8">
        <v>1.78</v>
      </c>
      <c r="AK74" s="8">
        <v>1.9586591959877753</v>
      </c>
      <c r="AL74" s="8">
        <v>2.2392645857890865</v>
      </c>
      <c r="AM74" s="8">
        <v>2.3729273276581142</v>
      </c>
      <c r="AN74" s="8">
        <v>2.432358581508502</v>
      </c>
      <c r="AO74" s="39">
        <v>2.3331527798228824</v>
      </c>
      <c r="AP74" s="8">
        <v>2.1182483683010291</v>
      </c>
      <c r="AQ74" s="8">
        <v>2.0204818833162745</v>
      </c>
      <c r="AR74" s="8">
        <v>1.8696769081524593</v>
      </c>
      <c r="AS74" s="8">
        <v>1.545788166976235</v>
      </c>
      <c r="AT74" s="8">
        <v>1.4505372947856785</v>
      </c>
      <c r="AU74" s="17">
        <v>1.6561268406236467</v>
      </c>
      <c r="AV74" s="8">
        <v>1.8730380753455622</v>
      </c>
      <c r="AW74" s="8">
        <v>1.9987417737429027</v>
      </c>
      <c r="AX74" s="39">
        <v>1.9123395309705171</v>
      </c>
      <c r="AY74" s="17">
        <v>1.7471965881850111</v>
      </c>
      <c r="AZ74" s="39">
        <v>1.9624869126676858</v>
      </c>
      <c r="BA74" s="17">
        <v>2.2982030160100977</v>
      </c>
      <c r="BB74" s="17">
        <v>2.2280703525296084</v>
      </c>
      <c r="BC74" s="8">
        <v>2.348962629814376</v>
      </c>
      <c r="BD74" s="17">
        <v>2.318543931463338</v>
      </c>
    </row>
    <row r="75" spans="3:56" x14ac:dyDescent="0.2">
      <c r="C75" s="16" t="s">
        <v>84</v>
      </c>
      <c r="D75" s="6" t="s">
        <v>85</v>
      </c>
      <c r="E75" s="8">
        <v>0.52391207459172995</v>
      </c>
      <c r="F75" s="8">
        <v>0.48305335416510131</v>
      </c>
      <c r="G75" s="17">
        <v>0.48198034710089144</v>
      </c>
      <c r="H75" s="17">
        <v>0.48578834359341694</v>
      </c>
      <c r="I75" s="17">
        <v>0.42181638145837369</v>
      </c>
      <c r="J75" s="8">
        <v>0.40043459949960292</v>
      </c>
      <c r="K75" s="39">
        <v>0.43377579233121261</v>
      </c>
      <c r="L75" s="39">
        <v>0.39</v>
      </c>
      <c r="M75" s="17">
        <v>0.39659138130850696</v>
      </c>
      <c r="N75" s="17">
        <v>0.39376472064487683</v>
      </c>
      <c r="O75" s="8">
        <v>0.39221252594050976</v>
      </c>
      <c r="P75" s="39">
        <v>0.38383169247326498</v>
      </c>
      <c r="Q75" s="8">
        <v>0.38873927899810573</v>
      </c>
      <c r="R75" s="8">
        <v>0.38478928004013713</v>
      </c>
      <c r="S75" s="17">
        <v>0.44001049295280331</v>
      </c>
      <c r="T75" s="17">
        <v>0.42087113685690708</v>
      </c>
      <c r="U75" s="8">
        <v>0.4073761933061299</v>
      </c>
      <c r="V75" s="8">
        <v>0.41375645053730237</v>
      </c>
      <c r="W75" s="8">
        <v>0.44052289675529505</v>
      </c>
      <c r="X75" s="8">
        <v>0.55402939782751337</v>
      </c>
      <c r="Y75" s="39">
        <v>0.56854103277753187</v>
      </c>
      <c r="Z75" s="17">
        <v>0.541421528175136</v>
      </c>
      <c r="AA75" s="39">
        <v>0.47597947478194919</v>
      </c>
      <c r="AB75" s="8">
        <v>0.45497968672586614</v>
      </c>
      <c r="AC75" s="39">
        <v>0.44345896387825462</v>
      </c>
      <c r="AD75" s="8">
        <v>0.41605362191086803</v>
      </c>
      <c r="AE75" s="8">
        <v>0.41</v>
      </c>
      <c r="AF75" s="8">
        <v>0.38937753532603964</v>
      </c>
      <c r="AG75" s="39">
        <v>0.36797180575989136</v>
      </c>
      <c r="AH75" s="39">
        <v>0.37859419104907632</v>
      </c>
      <c r="AI75" s="8">
        <v>0.38811177744031167</v>
      </c>
      <c r="AJ75" s="8">
        <v>0.37328216619600046</v>
      </c>
      <c r="AK75" s="8">
        <v>0.39737887344489137</v>
      </c>
      <c r="AL75" s="8">
        <v>0.39396227084998825</v>
      </c>
      <c r="AM75" s="8">
        <v>0.43332417705984033</v>
      </c>
      <c r="AN75" s="8">
        <v>0.40175547831149433</v>
      </c>
      <c r="AO75" s="39">
        <v>0.40997668919321845</v>
      </c>
      <c r="AP75" s="8">
        <v>0.41770167885900744</v>
      </c>
      <c r="AQ75" s="8">
        <v>0.41921691125352345</v>
      </c>
      <c r="AR75" s="8">
        <v>0.39521261596608026</v>
      </c>
      <c r="AS75" s="8">
        <v>0.38081601866117448</v>
      </c>
      <c r="AT75" s="8">
        <v>0.40444556120453656</v>
      </c>
      <c r="AU75" s="17">
        <v>0.40688166215775645</v>
      </c>
      <c r="AV75" s="8">
        <v>0.48798777099831242</v>
      </c>
      <c r="AW75" s="8">
        <v>0.56133092948520324</v>
      </c>
      <c r="AX75" s="39">
        <v>0.59822472650358016</v>
      </c>
      <c r="AY75" s="17">
        <v>0.66374083665929862</v>
      </c>
      <c r="AZ75" s="39">
        <v>0.71929950186070357</v>
      </c>
      <c r="BA75" s="17">
        <v>0.68988221622887269</v>
      </c>
      <c r="BB75" s="17">
        <v>0.61946636272923594</v>
      </c>
      <c r="BC75" s="8">
        <v>0.60989522341321256</v>
      </c>
      <c r="BD75" s="17">
        <v>0.57541972745783632</v>
      </c>
    </row>
    <row r="76" spans="3:56" x14ac:dyDescent="0.2">
      <c r="C76" s="16" t="s">
        <v>86</v>
      </c>
      <c r="D76" s="6" t="s">
        <v>58</v>
      </c>
      <c r="E76" s="8">
        <v>1.5476505971580508</v>
      </c>
      <c r="F76" s="8">
        <v>1.518772740803499</v>
      </c>
      <c r="G76" s="17">
        <v>1.479701174149596</v>
      </c>
      <c r="H76" s="17">
        <v>1.4667888507291524</v>
      </c>
      <c r="I76" s="17">
        <v>1.2815881339970401</v>
      </c>
      <c r="J76" s="8">
        <v>1.1604058447541623</v>
      </c>
      <c r="K76" s="39">
        <v>1.0765588109250521</v>
      </c>
      <c r="L76" s="39">
        <v>1.04</v>
      </c>
      <c r="M76" s="17">
        <v>0.98426379475970993</v>
      </c>
      <c r="N76" s="17">
        <v>1.0823447445309273</v>
      </c>
      <c r="O76" s="8">
        <v>0.9886993665217767</v>
      </c>
      <c r="P76" s="39">
        <v>1.1738730906841828</v>
      </c>
      <c r="Q76" s="8">
        <v>1.5410154776176967</v>
      </c>
      <c r="R76" s="8">
        <v>1.9416963487313728</v>
      </c>
      <c r="S76" s="17">
        <v>2.2747041879898418</v>
      </c>
      <c r="T76" s="17">
        <v>2.4071945226015865</v>
      </c>
      <c r="U76" s="8">
        <v>2.1269553546993967</v>
      </c>
      <c r="V76" s="8">
        <v>1.7057016292981149</v>
      </c>
      <c r="W76" s="8">
        <v>1.3879019131943264</v>
      </c>
      <c r="X76" s="8">
        <v>1.00296786724189</v>
      </c>
      <c r="Y76" s="39">
        <v>1.1182322736641119</v>
      </c>
      <c r="Z76" s="17">
        <v>1.0850181404683028</v>
      </c>
      <c r="AA76" s="39">
        <v>1.2692579459084325</v>
      </c>
      <c r="AB76" s="8">
        <v>1.4286908062653227</v>
      </c>
      <c r="AC76" s="39">
        <v>1.3185677633953894</v>
      </c>
      <c r="AD76" s="8">
        <v>1.1294504866632431</v>
      </c>
      <c r="AE76" s="8">
        <v>1.02</v>
      </c>
      <c r="AF76" s="8">
        <v>0.98290146862229255</v>
      </c>
      <c r="AG76" s="39">
        <v>0.90959593624287427</v>
      </c>
      <c r="AH76" s="39">
        <v>0.80374778252043522</v>
      </c>
      <c r="AI76" s="8">
        <v>0.71749236604781763</v>
      </c>
      <c r="AJ76" s="8">
        <v>0.69</v>
      </c>
      <c r="AK76" s="8">
        <v>0.67223049686973291</v>
      </c>
      <c r="AL76" s="8">
        <v>0.70226375830888077</v>
      </c>
      <c r="AM76" s="8">
        <v>0.72293559802233975</v>
      </c>
      <c r="AN76" s="8">
        <v>0.73761968844197734</v>
      </c>
      <c r="AO76" s="39">
        <v>0.72853482748625908</v>
      </c>
      <c r="AP76" s="8">
        <v>0.72638527795612406</v>
      </c>
      <c r="AQ76" s="8">
        <v>0.85065325123892477</v>
      </c>
      <c r="AR76" s="8">
        <v>0.87310891924774281</v>
      </c>
      <c r="AS76" s="8">
        <v>1.1567073715027654</v>
      </c>
      <c r="AT76" s="8">
        <v>1.3356905061769686</v>
      </c>
      <c r="AU76" s="17">
        <v>1.1751804722464532</v>
      </c>
      <c r="AV76" s="8">
        <v>1.0961186380863241</v>
      </c>
      <c r="AW76" s="8">
        <v>1.0449606003643579</v>
      </c>
      <c r="AX76" s="39">
        <v>0.83087978678839181</v>
      </c>
      <c r="AY76" s="17">
        <v>0.89053154633879084</v>
      </c>
      <c r="AZ76" s="39">
        <v>0.9024009392902691</v>
      </c>
      <c r="BA76" s="17">
        <v>0.97717316199647075</v>
      </c>
      <c r="BB76" s="17">
        <v>1.1232022035770806</v>
      </c>
      <c r="BC76" s="8">
        <v>1.0210536211036623</v>
      </c>
      <c r="BD76" s="17">
        <v>1.112071146404793</v>
      </c>
    </row>
    <row r="77" spans="3:56" x14ac:dyDescent="0.2">
      <c r="C77" s="16" t="s">
        <v>104</v>
      </c>
      <c r="D77" s="6" t="s">
        <v>58</v>
      </c>
      <c r="E77" s="8">
        <v>1.2261100573607671</v>
      </c>
      <c r="F77" s="8">
        <v>1.2112458532679746</v>
      </c>
      <c r="G77" s="17">
        <v>1.1967114645505867</v>
      </c>
      <c r="H77" s="17">
        <v>1.1735458082060708</v>
      </c>
      <c r="I77" s="17">
        <v>1.1408631611091222</v>
      </c>
      <c r="J77" s="8">
        <v>1.1474540894715253</v>
      </c>
      <c r="K77" s="39">
        <v>0.92828279048665319</v>
      </c>
      <c r="L77" s="39">
        <v>0.86</v>
      </c>
      <c r="M77" s="17">
        <v>1.1196924479839507</v>
      </c>
      <c r="N77" s="17">
        <v>1.1713157250398083</v>
      </c>
      <c r="O77" s="8">
        <v>1.3508954743849697</v>
      </c>
      <c r="P77" s="39">
        <v>1.4957194228191397</v>
      </c>
      <c r="Q77" s="8">
        <v>1.6822278520621696</v>
      </c>
      <c r="R77" s="8">
        <v>2.0065115277489269</v>
      </c>
      <c r="S77" s="17">
        <v>1.9576740283872953</v>
      </c>
      <c r="T77" s="17">
        <v>1.487920893550166</v>
      </c>
      <c r="U77" s="8">
        <v>0.8892001378257316</v>
      </c>
      <c r="V77" s="8">
        <v>0.72596746994074934</v>
      </c>
      <c r="W77" s="8">
        <v>0.70873305538510212</v>
      </c>
      <c r="X77" s="8">
        <v>0.67899593344832709</v>
      </c>
      <c r="Y77" s="39">
        <v>0.60484456971853917</v>
      </c>
      <c r="Z77" s="17">
        <v>0.59087636999781756</v>
      </c>
      <c r="AA77" s="39">
        <v>0.6619896979918396</v>
      </c>
      <c r="AB77" s="8">
        <v>0.82488037574976125</v>
      </c>
      <c r="AC77" s="39">
        <v>0.8292985787742263</v>
      </c>
      <c r="AD77" s="8">
        <v>0.7648047888965408</v>
      </c>
      <c r="AE77" s="8">
        <v>0.88</v>
      </c>
      <c r="AF77" s="8">
        <v>0.89015923663627416</v>
      </c>
      <c r="AG77" s="39">
        <v>0.76862474687351623</v>
      </c>
      <c r="AH77" s="39">
        <v>0.84736013922979114</v>
      </c>
      <c r="AI77" s="8">
        <v>1.1808707498151543</v>
      </c>
      <c r="AJ77" s="8">
        <v>0.90443550778455917</v>
      </c>
      <c r="AK77" s="8">
        <v>0.6352570662426813</v>
      </c>
      <c r="AL77" s="8">
        <v>0.64168307282945469</v>
      </c>
      <c r="AM77" s="8">
        <v>0.63818406272391115</v>
      </c>
      <c r="AN77" s="8">
        <v>0.64836526592076937</v>
      </c>
      <c r="AO77" s="39">
        <v>0.66789427157783865</v>
      </c>
      <c r="AP77" s="8">
        <v>0.97589952090603949</v>
      </c>
      <c r="AQ77" s="8">
        <v>1.1965761082389967</v>
      </c>
      <c r="AR77" s="8">
        <v>1.1799012674483276</v>
      </c>
      <c r="AS77" s="8">
        <v>1.0413501882007725</v>
      </c>
      <c r="AT77" s="8">
        <v>1.0192640035173166</v>
      </c>
      <c r="AU77" s="17">
        <v>1.0565380818260142</v>
      </c>
      <c r="AV77" s="8">
        <v>1.0630660128851659</v>
      </c>
      <c r="AW77" s="8">
        <v>1.2473462770834629</v>
      </c>
      <c r="AX77" s="39">
        <v>1.1553307211200128</v>
      </c>
      <c r="AY77" s="17">
        <v>1.0459263719030816</v>
      </c>
      <c r="AZ77" s="39">
        <v>1.0594397008644658</v>
      </c>
      <c r="BA77" s="17">
        <v>1.0423309558106244</v>
      </c>
      <c r="BB77" s="17">
        <v>1.0697164855240879</v>
      </c>
      <c r="BC77" s="8">
        <v>1.0833890310213072</v>
      </c>
      <c r="BD77" s="17">
        <v>1.0548649758285189</v>
      </c>
    </row>
    <row r="78" spans="3:56" x14ac:dyDescent="0.2">
      <c r="C78" s="16" t="s">
        <v>87</v>
      </c>
      <c r="D78" s="6" t="s">
        <v>58</v>
      </c>
      <c r="E78" s="8">
        <v>0.42768255358466234</v>
      </c>
      <c r="F78" s="8">
        <v>0.47664520561657675</v>
      </c>
      <c r="G78" s="17">
        <v>0.48594459067982299</v>
      </c>
      <c r="H78" s="17">
        <v>0.48729634932328808</v>
      </c>
      <c r="I78" s="17">
        <v>0.48800321398346247</v>
      </c>
      <c r="J78" s="8">
        <v>0.49129755923625984</v>
      </c>
      <c r="K78" s="39">
        <v>0.57335567533164944</v>
      </c>
      <c r="L78" s="39">
        <v>0.57999999999999996</v>
      </c>
      <c r="M78" s="17">
        <v>0.5822959164161281</v>
      </c>
      <c r="N78" s="17">
        <v>0.57716802204806839</v>
      </c>
      <c r="O78" s="8">
        <v>0.51356034725854749</v>
      </c>
      <c r="P78" s="39">
        <v>0.4876839773739669</v>
      </c>
      <c r="Q78" s="8">
        <v>0.48328441829221902</v>
      </c>
      <c r="R78" s="8">
        <v>0.4753984845274028</v>
      </c>
      <c r="S78" s="17">
        <v>0.47979150115765207</v>
      </c>
      <c r="T78" s="17">
        <v>0.4722311251424271</v>
      </c>
      <c r="U78" s="8">
        <v>0.47989472394944699</v>
      </c>
      <c r="V78" s="8">
        <v>0.4774640439555744</v>
      </c>
      <c r="W78" s="8">
        <v>0.47607757998010558</v>
      </c>
      <c r="X78" s="8">
        <v>0.47870963749305168</v>
      </c>
      <c r="Y78" s="39">
        <v>0.4746561619764339</v>
      </c>
      <c r="Z78" s="17">
        <v>0.49219016512429686</v>
      </c>
      <c r="AA78" s="39">
        <v>0.48233632045868113</v>
      </c>
      <c r="AB78" s="8">
        <v>0.49271960002774962</v>
      </c>
      <c r="AC78" s="39">
        <v>0.49907666299542214</v>
      </c>
      <c r="AD78" s="8">
        <v>0.49460856534142206</v>
      </c>
      <c r="AE78" s="8">
        <v>0.5</v>
      </c>
      <c r="AF78" s="8">
        <v>0.49512146522063538</v>
      </c>
      <c r="AG78" s="39">
        <v>0.45863662903651431</v>
      </c>
      <c r="AH78" s="39">
        <v>0.42731925210493721</v>
      </c>
      <c r="AI78" s="8">
        <v>0.42273698721846653</v>
      </c>
      <c r="AJ78" s="8">
        <v>0.41236955110849205</v>
      </c>
      <c r="AK78" s="8">
        <v>0.40313589749580819</v>
      </c>
      <c r="AL78" s="8">
        <v>0.40613242321075332</v>
      </c>
      <c r="AM78" s="8">
        <v>0.40620466406275646</v>
      </c>
      <c r="AN78" s="8">
        <v>0.40218762527292101</v>
      </c>
      <c r="AO78" s="39">
        <v>0.40257032922881997</v>
      </c>
      <c r="AP78" s="8">
        <v>0.40629359974499885</v>
      </c>
      <c r="AQ78" s="8">
        <v>0.41258109639559115</v>
      </c>
      <c r="AR78" s="8">
        <v>0.40589496131448721</v>
      </c>
      <c r="AS78" s="8">
        <v>0.40626250051301699</v>
      </c>
      <c r="AT78" s="8">
        <v>0.4099033601381557</v>
      </c>
      <c r="AU78" s="17">
        <v>0.40361303712968566</v>
      </c>
      <c r="AV78" s="8">
        <v>0.40621332699845586</v>
      </c>
      <c r="AW78" s="8">
        <v>0.40451743533026646</v>
      </c>
      <c r="AX78" s="39">
        <v>0.39613874136591493</v>
      </c>
      <c r="AY78" s="17">
        <v>0.40564856994975551</v>
      </c>
      <c r="AZ78" s="39">
        <v>0.39543192417824113</v>
      </c>
      <c r="BA78" s="17">
        <v>0.39468339675033287</v>
      </c>
      <c r="BB78" s="17">
        <v>0.39303557654076188</v>
      </c>
      <c r="BC78" s="8">
        <v>0.39955323760332079</v>
      </c>
      <c r="BD78" s="17">
        <v>0.40061709407551716</v>
      </c>
    </row>
    <row r="79" spans="3:56" x14ac:dyDescent="0.2">
      <c r="C79" s="16" t="s">
        <v>88</v>
      </c>
      <c r="D79" s="6" t="s">
        <v>58</v>
      </c>
      <c r="E79" s="8">
        <v>0.53926109802373889</v>
      </c>
      <c r="F79" s="8">
        <v>0.51926942063851733</v>
      </c>
      <c r="G79" s="17">
        <v>0.51478091770504697</v>
      </c>
      <c r="H79" s="17">
        <v>0.50984713299930573</v>
      </c>
      <c r="I79" s="17">
        <v>0.51585927175275703</v>
      </c>
      <c r="J79" s="8">
        <v>0.50964686458506836</v>
      </c>
      <c r="K79" s="39">
        <v>0.52565235262095777</v>
      </c>
      <c r="L79" s="39">
        <v>0.53</v>
      </c>
      <c r="M79" s="17">
        <v>0.52194878575646753</v>
      </c>
      <c r="N79" s="17">
        <v>0.5002166514672215</v>
      </c>
      <c r="O79" s="8">
        <v>0.49720099250262656</v>
      </c>
      <c r="P79" s="39">
        <v>0.52641909965438105</v>
      </c>
      <c r="Q79" s="8">
        <v>0.50112282425986809</v>
      </c>
      <c r="R79" s="8">
        <v>0.51271543156983479</v>
      </c>
      <c r="S79" s="17">
        <v>0.51722724201577053</v>
      </c>
      <c r="T79" s="17">
        <v>0.50801467557312419</v>
      </c>
      <c r="U79" s="8">
        <v>0.51485717748256943</v>
      </c>
      <c r="V79" s="8">
        <v>0.51734778685008764</v>
      </c>
      <c r="W79" s="8">
        <v>0.54280188463198997</v>
      </c>
      <c r="X79" s="8">
        <v>0.54334704515555043</v>
      </c>
      <c r="Y79" s="39">
        <v>0.53035940673846005</v>
      </c>
      <c r="Z79" s="17">
        <v>0.53981905914022443</v>
      </c>
      <c r="AA79" s="39">
        <v>0.5004862317798261</v>
      </c>
      <c r="AB79" s="8">
        <v>0.55583514036350556</v>
      </c>
      <c r="AC79" s="39">
        <v>0.57947443410847621</v>
      </c>
      <c r="AD79" s="8">
        <v>0.56797340213698988</v>
      </c>
      <c r="AE79" s="8">
        <v>0.6</v>
      </c>
      <c r="AF79" s="8">
        <v>0.58738980231111637</v>
      </c>
      <c r="AG79" s="39">
        <v>0.59225972677494632</v>
      </c>
      <c r="AH79" s="39">
        <v>0.5923951111510114</v>
      </c>
      <c r="AI79" s="8">
        <v>0.59853963152318446</v>
      </c>
      <c r="AJ79" s="8">
        <v>0.59677868599978356</v>
      </c>
      <c r="AK79" s="8">
        <v>0.63641696916199031</v>
      </c>
      <c r="AL79" s="8">
        <v>0.6309757272501243</v>
      </c>
      <c r="AM79" s="8">
        <v>0.63996731438711174</v>
      </c>
      <c r="AN79" s="8">
        <v>0.65911363880430529</v>
      </c>
      <c r="AO79" s="39">
        <v>0.69863121705539444</v>
      </c>
      <c r="AP79" s="8">
        <v>0.70307312794514065</v>
      </c>
      <c r="AQ79" s="8">
        <v>0.70732747894595982</v>
      </c>
      <c r="AR79" s="8">
        <v>0.7083705776389031</v>
      </c>
      <c r="AS79" s="8">
        <v>0.71955580829012211</v>
      </c>
      <c r="AT79" s="8">
        <v>0.7218911715880848</v>
      </c>
      <c r="AU79" s="17">
        <v>0.73846506961356206</v>
      </c>
      <c r="AV79" s="8">
        <v>0.74711840148871256</v>
      </c>
      <c r="AW79" s="8">
        <v>0.75144237364988209</v>
      </c>
      <c r="AX79" s="39">
        <v>0.75628596371718648</v>
      </c>
      <c r="AY79" s="17">
        <v>0.82416751709826608</v>
      </c>
      <c r="AZ79" s="39">
        <v>0.87243029067668021</v>
      </c>
      <c r="BA79" s="17">
        <v>0.9514998658289201</v>
      </c>
      <c r="BB79" s="17">
        <v>1.0133466169679997</v>
      </c>
      <c r="BC79" s="17">
        <v>1.0644676688051473</v>
      </c>
      <c r="BD79" s="17">
        <v>1.1012394551681581</v>
      </c>
    </row>
    <row r="80" spans="3:56" x14ac:dyDescent="0.2">
      <c r="C80" s="16" t="s">
        <v>89</v>
      </c>
      <c r="D80" s="6" t="s">
        <v>58</v>
      </c>
      <c r="E80" s="8">
        <v>0.70620544029410026</v>
      </c>
      <c r="F80" s="8">
        <v>0.71112694254804942</v>
      </c>
      <c r="G80" s="17">
        <v>0.70352910297977467</v>
      </c>
      <c r="H80" s="17">
        <v>0.70875877695888123</v>
      </c>
      <c r="I80" s="17">
        <v>0.72181364113040658</v>
      </c>
      <c r="J80" s="8">
        <v>0.71238868703591585</v>
      </c>
      <c r="K80" s="39">
        <v>0.70903129135857412</v>
      </c>
      <c r="L80" s="39">
        <v>0.71</v>
      </c>
      <c r="M80" s="17">
        <v>0.69906550778347298</v>
      </c>
      <c r="N80" s="17">
        <v>0.69700420199509727</v>
      </c>
      <c r="O80" s="8">
        <v>0.70156043156842618</v>
      </c>
      <c r="P80" s="39">
        <v>0.68874119504934739</v>
      </c>
      <c r="Q80" s="8">
        <v>0.69186466652840073</v>
      </c>
      <c r="R80" s="8">
        <v>0.7035863806693371</v>
      </c>
      <c r="S80" s="17">
        <v>0.70453934533386975</v>
      </c>
      <c r="T80" s="17">
        <v>0.70816615947153883</v>
      </c>
      <c r="U80" s="8">
        <v>0.72426018469408615</v>
      </c>
      <c r="V80" s="8">
        <v>0.72506034835093458</v>
      </c>
      <c r="W80" s="8">
        <v>0.72343551186622645</v>
      </c>
      <c r="X80" s="8">
        <v>0.7303603938556944</v>
      </c>
      <c r="Y80" s="39">
        <v>0.75775511367144277</v>
      </c>
      <c r="Z80" s="17">
        <v>0.78406045594442708</v>
      </c>
      <c r="AA80" s="39">
        <v>0.78799219098153039</v>
      </c>
      <c r="AB80" s="8">
        <v>0.81977148442859749</v>
      </c>
      <c r="AC80" s="39">
        <v>0.86405136567870089</v>
      </c>
      <c r="AD80" s="8">
        <v>0.86470585151725565</v>
      </c>
      <c r="AE80" s="8">
        <v>0.86</v>
      </c>
      <c r="AF80" s="8">
        <v>0.86726126422882521</v>
      </c>
      <c r="AG80" s="39">
        <v>0.90597272668490525</v>
      </c>
      <c r="AH80" s="39">
        <v>1.0013587651261675</v>
      </c>
      <c r="AI80" s="8">
        <v>0.96967246689615516</v>
      </c>
      <c r="AJ80" s="8">
        <v>0.9924163200952435</v>
      </c>
      <c r="AK80" s="8">
        <v>0.9770809373964322</v>
      </c>
      <c r="AL80" s="8">
        <v>0.88580400062236764</v>
      </c>
      <c r="AM80" s="8">
        <v>0.88528204074028849</v>
      </c>
      <c r="AN80" s="8">
        <v>0.89569173690348991</v>
      </c>
      <c r="AO80" s="39">
        <v>0.85755189309771107</v>
      </c>
      <c r="AP80" s="8">
        <v>0.88269365335843897</v>
      </c>
      <c r="AQ80" s="8">
        <v>0.92905546842555908</v>
      </c>
      <c r="AR80" s="8">
        <v>0.90506758137103527</v>
      </c>
      <c r="AS80" s="8">
        <v>0.9137272199218599</v>
      </c>
      <c r="AT80" s="8">
        <v>0.89596918219494892</v>
      </c>
      <c r="AU80" s="17">
        <v>0.83166088546264705</v>
      </c>
      <c r="AV80" s="8">
        <v>0.76284527156374249</v>
      </c>
      <c r="AW80" s="8">
        <v>0.76860887496031516</v>
      </c>
      <c r="AX80" s="39">
        <v>0.73554456107231403</v>
      </c>
      <c r="AY80" s="17">
        <v>0.73131990870170049</v>
      </c>
      <c r="AZ80" s="39">
        <v>0.74008734556728217</v>
      </c>
      <c r="BA80" s="17">
        <v>0.73234215379863443</v>
      </c>
      <c r="BB80" s="17">
        <v>0.71486917668343364</v>
      </c>
      <c r="BC80" s="8">
        <v>0.71694389382470625</v>
      </c>
      <c r="BD80" s="17">
        <v>0.70935202744666936</v>
      </c>
    </row>
    <row r="81" spans="3:56" x14ac:dyDescent="0.2">
      <c r="C81" s="18" t="s">
        <v>91</v>
      </c>
      <c r="D81" s="6" t="s">
        <v>58</v>
      </c>
      <c r="E81" s="8">
        <v>0.60452546337199731</v>
      </c>
      <c r="F81" s="8">
        <v>0.633040119550486</v>
      </c>
      <c r="G81" s="17">
        <v>0.63379789135756759</v>
      </c>
      <c r="H81" s="17">
        <v>0.62973438273895732</v>
      </c>
      <c r="I81" s="17">
        <v>0.61300111516293598</v>
      </c>
      <c r="J81" s="8">
        <v>0.60123192235988698</v>
      </c>
      <c r="K81" s="39">
        <v>0.58492499550467525</v>
      </c>
      <c r="L81" s="39">
        <v>0.6</v>
      </c>
      <c r="M81" s="17">
        <v>0.6341901340439221</v>
      </c>
      <c r="N81" s="17">
        <v>0.70207026527140437</v>
      </c>
      <c r="P81" s="8"/>
      <c r="Q81" s="8"/>
      <c r="R81" s="8"/>
      <c r="S81" s="17"/>
      <c r="T81" s="17"/>
      <c r="U81" s="8"/>
      <c r="V81" s="8"/>
      <c r="W81" s="8"/>
      <c r="X81" s="8"/>
      <c r="Y81" s="39"/>
      <c r="Z81" s="17"/>
      <c r="AA81" s="8"/>
      <c r="AB81" s="8"/>
      <c r="AC81" s="39"/>
      <c r="AD81" s="8"/>
      <c r="AE81" s="8"/>
      <c r="AF81" s="8"/>
      <c r="AG81" s="39"/>
      <c r="AH81" s="8"/>
      <c r="AI81" s="8"/>
      <c r="AJ81" s="8"/>
      <c r="AK81" s="8"/>
      <c r="AL81" s="8"/>
      <c r="AM81" s="8"/>
      <c r="AN81" s="8"/>
      <c r="AO81" s="8"/>
      <c r="AP81" s="39"/>
      <c r="AQ81" s="39">
        <v>1.02</v>
      </c>
      <c r="AR81" s="8">
        <v>0.80727722982378702</v>
      </c>
      <c r="AS81" s="8">
        <v>0.87</v>
      </c>
      <c r="AT81" s="8">
        <v>0.91</v>
      </c>
      <c r="AU81" s="53">
        <v>0.8</v>
      </c>
      <c r="AV81" s="53">
        <v>0.77</v>
      </c>
      <c r="AW81" s="53">
        <v>0.82</v>
      </c>
      <c r="AX81" s="17">
        <v>0.75</v>
      </c>
      <c r="AY81" s="17">
        <v>0.74</v>
      </c>
      <c r="AZ81" s="17">
        <v>0.74478697498491864</v>
      </c>
      <c r="BA81" s="17">
        <v>0.74</v>
      </c>
      <c r="BB81" s="17">
        <v>0.77</v>
      </c>
      <c r="BC81" s="8">
        <v>0.8</v>
      </c>
      <c r="BD81" s="17">
        <v>0.8</v>
      </c>
    </row>
    <row r="82" spans="3:56" x14ac:dyDescent="0.2">
      <c r="C82" s="18" t="s">
        <v>100</v>
      </c>
      <c r="D82" s="6" t="s">
        <v>58</v>
      </c>
      <c r="E82" s="17"/>
      <c r="F82" s="17"/>
      <c r="G82" s="17"/>
      <c r="H82" s="17"/>
      <c r="I82" s="17"/>
      <c r="J82" s="17"/>
      <c r="K82" s="43"/>
      <c r="L82" s="43"/>
      <c r="N82" s="17"/>
      <c r="O82" s="17">
        <v>0.59703915090700888</v>
      </c>
      <c r="P82" s="8">
        <v>0.62660609938107981</v>
      </c>
      <c r="Q82" s="8">
        <v>0.62449106687938294</v>
      </c>
      <c r="R82" s="8">
        <v>0.64575819479153262</v>
      </c>
      <c r="S82" s="17">
        <v>0.67056725998048927</v>
      </c>
      <c r="T82" s="17">
        <v>0.71183778406942555</v>
      </c>
      <c r="U82" s="8">
        <v>0.7105170382219802</v>
      </c>
      <c r="V82" s="8">
        <v>0.705563249306569</v>
      </c>
      <c r="W82" s="8">
        <v>0.74663806028175228</v>
      </c>
      <c r="X82" s="8">
        <v>0.76772207307408824</v>
      </c>
      <c r="Y82" s="39">
        <v>0.70921370064084366</v>
      </c>
      <c r="Z82" s="17">
        <v>0.70118957427300188</v>
      </c>
      <c r="AA82" s="8">
        <v>0.61614670143480466</v>
      </c>
      <c r="AB82" s="8">
        <v>0.61498260799682736</v>
      </c>
      <c r="AC82" s="39">
        <v>0.62140713566541572</v>
      </c>
      <c r="AD82" s="8">
        <v>0.6102702703437255</v>
      </c>
      <c r="AE82" s="17">
        <v>0.61</v>
      </c>
      <c r="AF82" s="8">
        <v>0.57362306913497474</v>
      </c>
      <c r="AG82" s="39">
        <v>0.57365624729453268</v>
      </c>
      <c r="AH82" s="8">
        <v>0.63065663858933241</v>
      </c>
      <c r="AI82" s="8">
        <v>0.66648423852297078</v>
      </c>
      <c r="AJ82" s="8">
        <v>0.72724782917493125</v>
      </c>
      <c r="AK82" s="8">
        <v>0.83943742384985098</v>
      </c>
      <c r="AL82" s="8">
        <v>0.8209146101341247</v>
      </c>
      <c r="AM82" s="8">
        <v>0.88126103309060044</v>
      </c>
      <c r="AN82" s="8">
        <v>0.89358310857755596</v>
      </c>
      <c r="AO82" s="39">
        <v>0.86160797820688573</v>
      </c>
      <c r="AP82" s="39">
        <v>0.84732440850730906</v>
      </c>
      <c r="AQ82" s="43"/>
      <c r="AR82" s="17"/>
      <c r="AS82" s="17"/>
      <c r="AT82" s="17"/>
      <c r="AU82" s="53"/>
      <c r="AV82" s="53"/>
      <c r="AW82" s="53"/>
      <c r="AX82" s="17"/>
      <c r="AY82" s="17"/>
      <c r="AZ82" s="17"/>
      <c r="BA82" s="17"/>
      <c r="BB82" s="17"/>
      <c r="BC82" s="8"/>
      <c r="BD82" s="17"/>
    </row>
    <row r="83" spans="3:56" x14ac:dyDescent="0.2">
      <c r="C83" s="16" t="s">
        <v>95</v>
      </c>
      <c r="D83" s="6" t="s">
        <v>58</v>
      </c>
      <c r="E83" s="17">
        <v>0.741940244665661</v>
      </c>
      <c r="F83" s="17">
        <v>0.76341373233314136</v>
      </c>
      <c r="G83" s="17">
        <v>0.76469951398960223</v>
      </c>
      <c r="H83" s="17">
        <v>0.73743550143817205</v>
      </c>
      <c r="I83" s="17">
        <v>0.71740067639462679</v>
      </c>
      <c r="J83" s="17">
        <v>0.71593652907504468</v>
      </c>
      <c r="K83" s="43">
        <v>0.75152652861834068</v>
      </c>
      <c r="L83" s="43">
        <v>0.75</v>
      </c>
      <c r="M83" s="17">
        <v>0.82275443139979976</v>
      </c>
      <c r="N83" s="17">
        <v>1.0251320616043385</v>
      </c>
      <c r="O83" s="17">
        <v>1.0206301261213626</v>
      </c>
      <c r="P83" s="17">
        <v>0.98676491319156345</v>
      </c>
      <c r="Q83" s="17">
        <v>0.9695991218775577</v>
      </c>
      <c r="R83" s="17">
        <v>0.94143769866771954</v>
      </c>
      <c r="S83" s="17">
        <v>1.0004623714036363</v>
      </c>
      <c r="T83" s="17">
        <v>1.0264415105202114</v>
      </c>
      <c r="U83" s="17">
        <v>1.0199885475728825</v>
      </c>
      <c r="V83" s="17">
        <v>0.97191543108486533</v>
      </c>
      <c r="W83" s="17">
        <v>1.2498626626793261</v>
      </c>
      <c r="X83" s="17">
        <v>1.2728932188947111</v>
      </c>
      <c r="Y83" s="43">
        <v>1.1061328535406598</v>
      </c>
      <c r="Z83" s="17">
        <v>1.136552491601925</v>
      </c>
      <c r="AA83" s="17">
        <v>1.0842488145843723</v>
      </c>
      <c r="AB83" s="17">
        <v>1.0207962343096233</v>
      </c>
      <c r="AC83" s="43">
        <v>0.95691717622648043</v>
      </c>
      <c r="AD83" s="17">
        <v>1.0485704039383172</v>
      </c>
      <c r="AE83" s="17">
        <v>0.99</v>
      </c>
      <c r="AF83" s="17">
        <v>1.0218529781306336</v>
      </c>
      <c r="AG83" s="43">
        <v>1.0685401688027509</v>
      </c>
      <c r="AH83" s="17">
        <v>1.0136495380230268</v>
      </c>
      <c r="AI83" s="17">
        <v>0.92970944921677623</v>
      </c>
      <c r="AJ83" s="17">
        <v>0.95746337604085274</v>
      </c>
      <c r="AK83" s="17">
        <v>0.94845939874670093</v>
      </c>
      <c r="AL83" s="17">
        <v>0.9153324847258828</v>
      </c>
      <c r="AM83" s="17">
        <v>0.8603076994725114</v>
      </c>
      <c r="AN83" s="17">
        <v>0.86564224647530486</v>
      </c>
      <c r="AO83" s="43">
        <v>0.83995367056390668</v>
      </c>
      <c r="AP83" s="43">
        <v>0.92046207715446116</v>
      </c>
      <c r="AQ83" s="43">
        <v>0.95860597170520634</v>
      </c>
      <c r="AR83" s="17">
        <v>0.96382680416544375</v>
      </c>
      <c r="AS83" s="17">
        <v>0.96025424769703172</v>
      </c>
      <c r="AT83" s="17">
        <v>0.96095994975736343</v>
      </c>
      <c r="AU83" s="17">
        <v>0.9467894238536918</v>
      </c>
      <c r="AV83" s="17">
        <v>0.95962172696326742</v>
      </c>
      <c r="AW83" s="17">
        <v>0.98</v>
      </c>
      <c r="AX83" s="43">
        <v>0.92706846094505746</v>
      </c>
      <c r="AY83" s="17">
        <v>0.91218851997968065</v>
      </c>
      <c r="AZ83" s="43">
        <v>0.88719705974143248</v>
      </c>
      <c r="BA83" s="17">
        <v>0.86211942664076802</v>
      </c>
      <c r="BB83" s="17">
        <v>0.87489481880484243</v>
      </c>
      <c r="BC83" s="17">
        <v>0.87752277325306971</v>
      </c>
      <c r="BD83" s="17">
        <v>0.86558487299578901</v>
      </c>
    </row>
    <row r="84" spans="3:56" x14ac:dyDescent="0.2">
      <c r="C84" s="23" t="s">
        <v>96</v>
      </c>
      <c r="D84" s="6" t="s">
        <v>58</v>
      </c>
      <c r="E84" s="17">
        <v>0.67380575114556052</v>
      </c>
      <c r="F84" s="17">
        <v>0.59227504733313996</v>
      </c>
      <c r="G84" s="17">
        <v>0.71126077584861958</v>
      </c>
      <c r="H84" s="17">
        <v>0.74160837143425196</v>
      </c>
      <c r="I84" s="17">
        <v>0.75315736839541658</v>
      </c>
      <c r="J84" s="17">
        <v>0.74569926048710466</v>
      </c>
      <c r="K84" s="43">
        <v>0.72323047099893223</v>
      </c>
      <c r="L84" s="43">
        <v>0.73</v>
      </c>
      <c r="M84" s="17">
        <v>0.71044246340936656</v>
      </c>
      <c r="N84" s="17">
        <v>0.7235729501272129</v>
      </c>
      <c r="O84" s="17">
        <v>0.72080682557518649</v>
      </c>
      <c r="P84" s="17">
        <v>0.70948878629188261</v>
      </c>
      <c r="Q84" s="17">
        <v>0.73528712376761929</v>
      </c>
      <c r="R84" s="17">
        <v>0.77888581698790027</v>
      </c>
      <c r="S84" s="17">
        <v>0.83797070499812176</v>
      </c>
      <c r="T84" s="17">
        <v>0.92703977808903382</v>
      </c>
      <c r="U84" s="17">
        <v>0.84484505884458239</v>
      </c>
      <c r="V84" s="17">
        <v>0.88271283517969501</v>
      </c>
      <c r="W84" s="17">
        <v>0.84812319048546669</v>
      </c>
      <c r="X84" s="17">
        <v>0.77432198960073473</v>
      </c>
      <c r="Y84" s="17">
        <v>0.7679572678697999</v>
      </c>
      <c r="Z84" s="17">
        <v>0.76523396041677516</v>
      </c>
      <c r="AA84" s="17">
        <v>0.8084996569403794</v>
      </c>
      <c r="AB84" s="17">
        <v>0.82782564097130185</v>
      </c>
      <c r="AC84" s="43">
        <v>0.87970953597655377</v>
      </c>
      <c r="AD84" s="17">
        <v>0.96669468742731079</v>
      </c>
      <c r="AE84" s="17">
        <v>0.96</v>
      </c>
      <c r="AF84" s="17">
        <v>1.00906146640738</v>
      </c>
      <c r="AG84" s="43">
        <v>1.0891191658535877</v>
      </c>
      <c r="AH84" s="17">
        <v>1.1133193250741797</v>
      </c>
      <c r="AI84" s="17">
        <v>1.1568999673705309</v>
      </c>
      <c r="AJ84" s="17">
        <v>1.1579434525253507</v>
      </c>
      <c r="AK84" s="17">
        <v>1.1794806119541286</v>
      </c>
      <c r="AL84" s="17">
        <v>1.1755043117191057</v>
      </c>
      <c r="AM84" s="17">
        <v>1.1685981616018388</v>
      </c>
      <c r="AN84" s="17">
        <v>1.161815997668397</v>
      </c>
      <c r="AO84" s="43">
        <v>1.1885864115160087</v>
      </c>
      <c r="AP84" s="43">
        <v>1.2469214053248903</v>
      </c>
      <c r="AQ84" s="43">
        <v>1.2073453830690333</v>
      </c>
      <c r="AR84" s="17">
        <v>1.2245908246043742</v>
      </c>
      <c r="AS84" s="17">
        <v>1.2705539891905304</v>
      </c>
      <c r="AT84" s="17">
        <v>1.3153385526850978</v>
      </c>
      <c r="AU84" s="17">
        <v>1.3664510254455167</v>
      </c>
      <c r="AV84" s="17">
        <v>1.3608362481011393</v>
      </c>
      <c r="AW84" s="17">
        <v>1.37</v>
      </c>
      <c r="AX84" s="43">
        <v>1.2960475750655887</v>
      </c>
      <c r="AY84" s="17">
        <v>1.350294968244776</v>
      </c>
      <c r="AZ84" s="43">
        <v>1.363882460298766</v>
      </c>
      <c r="BA84" s="17">
        <v>1.2948856757321252</v>
      </c>
      <c r="BB84" s="17">
        <v>1.2269488800729758</v>
      </c>
      <c r="BC84" s="43">
        <v>1.18</v>
      </c>
      <c r="BD84" s="17">
        <v>1.1989846656630316</v>
      </c>
    </row>
    <row r="87" spans="3:56" x14ac:dyDescent="0.2">
      <c r="C87" s="1" t="s">
        <v>97</v>
      </c>
    </row>
    <row r="88" spans="3:56" x14ac:dyDescent="0.2">
      <c r="E88" s="2">
        <v>2007</v>
      </c>
      <c r="F88" s="1"/>
      <c r="G88" s="1"/>
      <c r="H88" s="1"/>
      <c r="I88" s="1"/>
      <c r="J88" s="1"/>
      <c r="K88" s="1"/>
      <c r="L88" s="1"/>
      <c r="M88" s="1"/>
    </row>
    <row r="89" spans="3:56" x14ac:dyDescent="0.2">
      <c r="C89" s="3" t="s">
        <v>2</v>
      </c>
      <c r="D89" s="3" t="s">
        <v>3</v>
      </c>
      <c r="E89" s="4" t="s">
        <v>15</v>
      </c>
      <c r="F89" s="4" t="s">
        <v>16</v>
      </c>
      <c r="G89" s="4" t="s">
        <v>17</v>
      </c>
      <c r="H89" s="4" t="s">
        <v>18</v>
      </c>
      <c r="I89" s="4" t="s">
        <v>19</v>
      </c>
      <c r="J89" s="4" t="s">
        <v>20</v>
      </c>
      <c r="K89" s="4" t="s">
        <v>21</v>
      </c>
      <c r="L89" s="4" t="s">
        <v>22</v>
      </c>
      <c r="M89" s="4" t="s">
        <v>23</v>
      </c>
      <c r="N89" s="4" t="s">
        <v>24</v>
      </c>
      <c r="O89" s="4" t="s">
        <v>25</v>
      </c>
      <c r="P89" s="4" t="s">
        <v>26</v>
      </c>
      <c r="Q89" s="4" t="s">
        <v>27</v>
      </c>
      <c r="R89" s="4" t="s">
        <v>28</v>
      </c>
      <c r="S89" s="4" t="s">
        <v>29</v>
      </c>
      <c r="T89" s="4" t="s">
        <v>30</v>
      </c>
      <c r="U89" s="4" t="s">
        <v>31</v>
      </c>
      <c r="V89" s="4" t="s">
        <v>32</v>
      </c>
      <c r="W89" s="4" t="s">
        <v>33</v>
      </c>
      <c r="X89" s="4" t="s">
        <v>34</v>
      </c>
      <c r="Y89" s="4" t="s">
        <v>35</v>
      </c>
      <c r="Z89" s="4" t="s">
        <v>36</v>
      </c>
      <c r="AA89" s="4" t="s">
        <v>37</v>
      </c>
      <c r="AB89" s="4" t="s">
        <v>38</v>
      </c>
      <c r="AC89" s="4" t="s">
        <v>39</v>
      </c>
      <c r="AD89" s="4" t="s">
        <v>40</v>
      </c>
      <c r="AE89" s="4" t="s">
        <v>41</v>
      </c>
      <c r="AF89" s="4" t="s">
        <v>42</v>
      </c>
      <c r="AG89" s="4" t="s">
        <v>43</v>
      </c>
      <c r="AH89" s="4" t="s">
        <v>44</v>
      </c>
      <c r="AI89" s="4" t="s">
        <v>45</v>
      </c>
      <c r="AJ89" s="4" t="s">
        <v>46</v>
      </c>
      <c r="AK89" s="4" t="s">
        <v>47</v>
      </c>
      <c r="AL89" s="4" t="s">
        <v>48</v>
      </c>
      <c r="AM89" s="4" t="s">
        <v>49</v>
      </c>
      <c r="AN89" s="4" t="s">
        <v>50</v>
      </c>
      <c r="AO89" s="4" t="s">
        <v>51</v>
      </c>
      <c r="AP89" s="4" t="s">
        <v>52</v>
      </c>
      <c r="AQ89" s="4" t="s">
        <v>53</v>
      </c>
      <c r="AR89" s="4" t="s">
        <v>54</v>
      </c>
      <c r="AS89" s="4" t="s">
        <v>55</v>
      </c>
      <c r="AT89" s="4" t="s">
        <v>4</v>
      </c>
      <c r="AU89" s="4" t="s">
        <v>5</v>
      </c>
      <c r="AV89" s="4" t="s">
        <v>6</v>
      </c>
      <c r="AW89" s="4" t="s">
        <v>7</v>
      </c>
      <c r="AX89" s="4" t="s">
        <v>8</v>
      </c>
      <c r="AY89" s="4" t="s">
        <v>9</v>
      </c>
      <c r="AZ89" s="4" t="s">
        <v>10</v>
      </c>
      <c r="BA89" s="4" t="s">
        <v>11</v>
      </c>
      <c r="BB89" s="4" t="s">
        <v>12</v>
      </c>
      <c r="BC89" s="4" t="s">
        <v>13</v>
      </c>
      <c r="BD89" s="4" t="s">
        <v>14</v>
      </c>
    </row>
    <row r="90" spans="3:56" x14ac:dyDescent="0.2">
      <c r="C90" s="5" t="s">
        <v>57</v>
      </c>
      <c r="D90" s="6" t="s">
        <v>58</v>
      </c>
      <c r="E90" s="8">
        <v>14</v>
      </c>
      <c r="F90" s="8">
        <v>14.02</v>
      </c>
      <c r="G90" s="8">
        <v>14.08</v>
      </c>
      <c r="H90" s="8">
        <v>14.08</v>
      </c>
      <c r="I90" s="8">
        <v>14</v>
      </c>
      <c r="J90" s="8">
        <v>14.02</v>
      </c>
      <c r="K90" s="8">
        <v>13.991479692271801</v>
      </c>
      <c r="L90" s="8">
        <v>14</v>
      </c>
      <c r="M90" s="8">
        <v>14.0002158548981</v>
      </c>
      <c r="N90" s="8">
        <v>13.950302936422601</v>
      </c>
      <c r="O90" s="8">
        <v>13.9169822812734</v>
      </c>
      <c r="P90" s="8">
        <v>13.92</v>
      </c>
      <c r="Q90" s="8">
        <v>13.92</v>
      </c>
      <c r="R90" s="8">
        <v>13.93</v>
      </c>
      <c r="S90" s="8">
        <v>13.97</v>
      </c>
      <c r="T90" s="8">
        <v>13.87</v>
      </c>
      <c r="U90" s="8">
        <v>14.16</v>
      </c>
      <c r="V90" s="8">
        <v>14.1</v>
      </c>
      <c r="W90" s="8">
        <v>14.12</v>
      </c>
      <c r="X90" s="8">
        <v>14.13</v>
      </c>
      <c r="Y90" s="8">
        <v>14.13</v>
      </c>
      <c r="Z90" s="8">
        <v>14.13</v>
      </c>
      <c r="AA90" s="8">
        <v>14.16</v>
      </c>
      <c r="AB90" s="8">
        <v>14.1</v>
      </c>
      <c r="AC90" s="8">
        <v>14.09</v>
      </c>
      <c r="AD90" s="8">
        <v>14.1</v>
      </c>
      <c r="AE90" s="8">
        <v>14.31</v>
      </c>
      <c r="AF90" s="8">
        <v>14.35</v>
      </c>
      <c r="AG90" s="8">
        <v>14.39</v>
      </c>
      <c r="AH90" s="8">
        <v>14.39</v>
      </c>
      <c r="AI90" s="8">
        <v>14.39</v>
      </c>
      <c r="AJ90" s="8">
        <v>14.39</v>
      </c>
      <c r="AK90" s="8">
        <v>14.39</v>
      </c>
      <c r="AL90" s="8">
        <v>14.56</v>
      </c>
      <c r="AM90" s="8">
        <v>14.58</v>
      </c>
      <c r="AN90" s="8">
        <v>14.62</v>
      </c>
      <c r="AO90" s="8">
        <v>14.7</v>
      </c>
      <c r="AP90" s="8">
        <v>14.66</v>
      </c>
      <c r="AQ90" s="8">
        <v>14.57</v>
      </c>
      <c r="AR90" s="8">
        <v>14.64</v>
      </c>
      <c r="AS90" s="8">
        <v>14.64</v>
      </c>
      <c r="AT90" s="8">
        <v>14.64</v>
      </c>
      <c r="AU90" s="8">
        <v>14.69</v>
      </c>
      <c r="AV90" s="8">
        <v>14.76</v>
      </c>
      <c r="AW90" s="8">
        <v>14.77</v>
      </c>
      <c r="AX90" s="8">
        <v>14.8</v>
      </c>
      <c r="AY90" s="8">
        <v>14.75</v>
      </c>
      <c r="AZ90" s="8">
        <v>14.69</v>
      </c>
      <c r="BA90" s="8">
        <v>14.78</v>
      </c>
      <c r="BB90" s="8">
        <v>14.7</v>
      </c>
      <c r="BC90" s="8">
        <v>14.74</v>
      </c>
      <c r="BD90" s="8">
        <v>14.74</v>
      </c>
    </row>
    <row r="91" spans="3:56" x14ac:dyDescent="0.2">
      <c r="C91" s="5" t="s">
        <v>59</v>
      </c>
      <c r="D91" s="6" t="s">
        <v>58</v>
      </c>
      <c r="E91" s="8">
        <v>10.66</v>
      </c>
      <c r="F91" s="8">
        <v>10.54</v>
      </c>
      <c r="G91" s="8">
        <v>10.29</v>
      </c>
      <c r="H91" s="8">
        <v>10.16</v>
      </c>
      <c r="I91" s="8">
        <v>10.15</v>
      </c>
      <c r="J91" s="8">
        <v>9.9700000000000006</v>
      </c>
      <c r="K91" s="8">
        <v>9.89271763855308</v>
      </c>
      <c r="L91" s="8">
        <v>9.83</v>
      </c>
      <c r="M91" s="8">
        <v>9.8509887580731696</v>
      </c>
      <c r="N91" s="8">
        <v>9.8213360936323397</v>
      </c>
      <c r="O91" s="8">
        <v>9.8238130143467099</v>
      </c>
      <c r="P91" s="8">
        <v>9.83</v>
      </c>
      <c r="Q91" s="8">
        <v>9.85</v>
      </c>
      <c r="R91" s="8">
        <v>9.7899999999999991</v>
      </c>
      <c r="S91" s="8">
        <v>9.83</v>
      </c>
      <c r="T91" s="8">
        <v>9.82</v>
      </c>
      <c r="U91" s="8">
        <v>9.7799999999999994</v>
      </c>
      <c r="V91" s="8">
        <v>9.76</v>
      </c>
      <c r="W91" s="8">
        <v>9.74</v>
      </c>
      <c r="X91" s="8">
        <v>9.81</v>
      </c>
      <c r="Y91" s="8">
        <v>9.73</v>
      </c>
      <c r="Z91" s="8">
        <v>9.75</v>
      </c>
      <c r="AA91" s="8">
        <v>9.67</v>
      </c>
      <c r="AB91" s="8">
        <v>9.65</v>
      </c>
      <c r="AC91" s="8">
        <v>9.6</v>
      </c>
      <c r="AD91" s="8">
        <v>9.65</v>
      </c>
      <c r="AE91" s="8">
        <v>9.6</v>
      </c>
      <c r="AF91" s="8">
        <v>9.6</v>
      </c>
      <c r="AG91" s="8">
        <v>9.6</v>
      </c>
      <c r="AH91" s="8">
        <v>9.59</v>
      </c>
      <c r="AI91" s="8">
        <v>9.6</v>
      </c>
      <c r="AJ91" s="8">
        <v>9.58</v>
      </c>
      <c r="AK91" s="8">
        <v>9.58</v>
      </c>
      <c r="AL91" s="8">
        <v>9.59</v>
      </c>
      <c r="AM91" s="8">
        <v>9.61</v>
      </c>
      <c r="AN91" s="8">
        <v>9.7100000000000009</v>
      </c>
      <c r="AO91" s="8">
        <v>9.6999999999999993</v>
      </c>
      <c r="AP91" s="8">
        <v>9.82</v>
      </c>
      <c r="AQ91" s="8">
        <v>9.76</v>
      </c>
      <c r="AR91" s="8">
        <v>9.7899999999999991</v>
      </c>
      <c r="AS91" s="8">
        <v>9.75</v>
      </c>
      <c r="AT91" s="8">
        <v>9.7200000000000006</v>
      </c>
      <c r="AU91" s="8">
        <v>9.89</v>
      </c>
      <c r="AV91" s="8">
        <v>9.81</v>
      </c>
      <c r="AW91" s="8">
        <v>9.85</v>
      </c>
      <c r="AX91" s="8">
        <v>9.98</v>
      </c>
      <c r="AY91" s="8">
        <v>10.06</v>
      </c>
      <c r="AZ91" s="8">
        <v>10.09</v>
      </c>
      <c r="BA91" s="8">
        <v>10.119999999999999</v>
      </c>
      <c r="BB91" s="8">
        <v>10.17</v>
      </c>
      <c r="BC91" s="8">
        <v>10.48</v>
      </c>
      <c r="BD91" s="8">
        <v>10.5</v>
      </c>
    </row>
    <row r="92" spans="3:56" x14ac:dyDescent="0.2">
      <c r="C92" s="5" t="s">
        <v>60</v>
      </c>
      <c r="D92" s="6" t="s">
        <v>58</v>
      </c>
      <c r="E92" s="8">
        <v>5.85</v>
      </c>
      <c r="F92" s="8">
        <v>5.87</v>
      </c>
      <c r="G92" s="8">
        <v>5.85</v>
      </c>
      <c r="H92" s="8">
        <v>5.86</v>
      </c>
      <c r="I92" s="8">
        <v>5.83</v>
      </c>
      <c r="J92" s="8">
        <v>5.81</v>
      </c>
      <c r="K92" s="8">
        <v>5.8440692000993204</v>
      </c>
      <c r="L92" s="8">
        <v>5.86</v>
      </c>
      <c r="M92" s="8">
        <v>5.8523082237781203</v>
      </c>
      <c r="N92" s="8">
        <v>5.8596629884243496</v>
      </c>
      <c r="O92" s="8">
        <v>5.86813558832658</v>
      </c>
      <c r="P92" s="8">
        <v>5.87</v>
      </c>
      <c r="Q92" s="8">
        <v>5.87</v>
      </c>
      <c r="R92" s="8">
        <v>5.82</v>
      </c>
      <c r="S92" s="8">
        <v>5.82</v>
      </c>
      <c r="T92" s="8">
        <v>5.82</v>
      </c>
      <c r="U92" s="8">
        <v>5.88</v>
      </c>
      <c r="V92" s="8">
        <v>5.88</v>
      </c>
      <c r="W92" s="8">
        <v>5.86</v>
      </c>
      <c r="X92" s="8">
        <v>5.85</v>
      </c>
      <c r="Y92" s="8">
        <v>5.83</v>
      </c>
      <c r="Z92" s="8">
        <v>5.84</v>
      </c>
      <c r="AA92" s="8">
        <v>5.85</v>
      </c>
      <c r="AB92" s="8">
        <v>5.84</v>
      </c>
      <c r="AC92" s="8">
        <v>5.84</v>
      </c>
      <c r="AD92" s="8">
        <v>5.85</v>
      </c>
      <c r="AE92" s="8">
        <v>5.88</v>
      </c>
      <c r="AF92" s="8">
        <v>5.88</v>
      </c>
      <c r="AG92" s="8">
        <v>5.87</v>
      </c>
      <c r="AH92" s="8">
        <v>5.87</v>
      </c>
      <c r="AI92" s="8">
        <v>5.9</v>
      </c>
      <c r="AJ92" s="8">
        <v>5.91</v>
      </c>
      <c r="AK92" s="8">
        <v>5.9</v>
      </c>
      <c r="AL92" s="8">
        <v>5.89</v>
      </c>
      <c r="AM92" s="8">
        <v>5.9</v>
      </c>
      <c r="AN92" s="8">
        <v>5.92</v>
      </c>
      <c r="AO92" s="8">
        <v>5.9</v>
      </c>
      <c r="AP92" s="8">
        <v>5.89</v>
      </c>
      <c r="AQ92" s="8">
        <v>5.89</v>
      </c>
      <c r="AR92" s="8">
        <v>5.92</v>
      </c>
      <c r="AS92" s="8">
        <v>5.91</v>
      </c>
      <c r="AT92" s="8">
        <v>5.91</v>
      </c>
      <c r="AU92" s="8">
        <v>5.9</v>
      </c>
      <c r="AV92" s="8">
        <v>5.88</v>
      </c>
      <c r="AW92" s="8">
        <v>5.88</v>
      </c>
      <c r="AX92" s="8">
        <v>5.81</v>
      </c>
      <c r="AY92" s="8">
        <v>5.85</v>
      </c>
      <c r="AZ92" s="8">
        <v>5.87</v>
      </c>
      <c r="BA92" s="8">
        <v>5.87</v>
      </c>
      <c r="BB92" s="8">
        <v>5.89</v>
      </c>
      <c r="BC92" s="8">
        <v>5.89</v>
      </c>
      <c r="BD92" s="8">
        <v>5.89</v>
      </c>
    </row>
    <row r="93" spans="3:56" x14ac:dyDescent="0.2">
      <c r="C93" s="5" t="s">
        <v>61</v>
      </c>
      <c r="D93" s="6" t="s">
        <v>58</v>
      </c>
      <c r="E93" s="8">
        <v>2.63</v>
      </c>
      <c r="F93" s="8">
        <v>2.6</v>
      </c>
      <c r="G93" s="8">
        <v>2.57</v>
      </c>
      <c r="H93" s="8">
        <v>2.54</v>
      </c>
      <c r="I93" s="8">
        <v>2.54</v>
      </c>
      <c r="J93" s="8">
        <v>2.5299999999999998</v>
      </c>
      <c r="K93" s="8">
        <v>2.5200838732568802</v>
      </c>
      <c r="L93" s="8">
        <v>2.5299999999999998</v>
      </c>
      <c r="M93" s="8">
        <v>2.5253143309068902</v>
      </c>
      <c r="N93" s="8">
        <v>2.5291450757423402</v>
      </c>
      <c r="O93" s="8">
        <v>2.52994430354607</v>
      </c>
      <c r="P93" s="8">
        <v>2.5499999999999998</v>
      </c>
      <c r="Q93" s="8">
        <v>2.5499999999999998</v>
      </c>
      <c r="R93" s="8">
        <v>2.61</v>
      </c>
      <c r="S93" s="8">
        <v>2.63</v>
      </c>
      <c r="T93" s="8">
        <v>2.68</v>
      </c>
      <c r="U93" s="8">
        <v>2.72</v>
      </c>
      <c r="V93" s="8">
        <v>2.76</v>
      </c>
      <c r="W93" s="8">
        <v>2.79</v>
      </c>
      <c r="X93" s="8">
        <v>2.81</v>
      </c>
      <c r="Y93" s="8">
        <v>2.79</v>
      </c>
      <c r="Z93" s="8">
        <v>2.78</v>
      </c>
      <c r="AA93" s="8">
        <v>2.76</v>
      </c>
      <c r="AB93" s="8">
        <v>2.76</v>
      </c>
      <c r="AC93" s="8">
        <v>2.77</v>
      </c>
      <c r="AD93" s="8">
        <v>2.78</v>
      </c>
      <c r="AE93" s="8">
        <v>2.79</v>
      </c>
      <c r="AF93" s="8">
        <v>2.8</v>
      </c>
      <c r="AG93" s="8">
        <v>2.81</v>
      </c>
      <c r="AH93" s="8">
        <v>2.81</v>
      </c>
      <c r="AI93" s="8">
        <v>2.81</v>
      </c>
      <c r="AJ93" s="8">
        <v>2.81</v>
      </c>
      <c r="AK93" s="8">
        <v>2.81</v>
      </c>
      <c r="AL93" s="8">
        <v>2.8</v>
      </c>
      <c r="AM93" s="8">
        <v>2.81</v>
      </c>
      <c r="AN93" s="8">
        <v>2.86</v>
      </c>
      <c r="AO93" s="8">
        <v>2.92</v>
      </c>
      <c r="AP93" s="8">
        <v>2.98</v>
      </c>
      <c r="AQ93" s="8">
        <v>3</v>
      </c>
      <c r="AR93" s="8">
        <v>3</v>
      </c>
      <c r="AS93" s="8">
        <v>3.01</v>
      </c>
      <c r="AT93" s="8">
        <v>3.02</v>
      </c>
      <c r="AU93" s="8">
        <v>3.05</v>
      </c>
      <c r="AV93" s="8">
        <v>3.04</v>
      </c>
      <c r="AW93" s="8">
        <v>3.05</v>
      </c>
      <c r="AX93" s="8">
        <v>3.04</v>
      </c>
      <c r="AY93" s="8">
        <v>3.03</v>
      </c>
      <c r="AZ93" s="8">
        <v>3.04</v>
      </c>
      <c r="BA93" s="8">
        <v>3.04</v>
      </c>
      <c r="BB93" s="8">
        <v>3.03</v>
      </c>
      <c r="BC93" s="8">
        <v>3.03</v>
      </c>
      <c r="BD93" s="8">
        <v>3.03</v>
      </c>
    </row>
    <row r="94" spans="3:56" x14ac:dyDescent="0.2">
      <c r="C94" s="5" t="s">
        <v>62</v>
      </c>
      <c r="D94" s="6" t="s">
        <v>58</v>
      </c>
      <c r="E94" s="8">
        <v>6.2</v>
      </c>
      <c r="F94" s="8">
        <v>6.01</v>
      </c>
      <c r="G94" s="8">
        <v>5.89</v>
      </c>
      <c r="H94" s="8">
        <v>5.82</v>
      </c>
      <c r="I94" s="8">
        <v>5.8</v>
      </c>
      <c r="J94" s="8">
        <v>5.76</v>
      </c>
      <c r="K94" s="8">
        <v>5.7428174707808903</v>
      </c>
      <c r="L94" s="8">
        <v>5.75</v>
      </c>
      <c r="M94" s="8">
        <v>5.7723460610173696</v>
      </c>
      <c r="N94" s="8">
        <v>5.7559064169407099</v>
      </c>
      <c r="O94" s="8">
        <v>5.7473859989049103</v>
      </c>
      <c r="P94" s="8">
        <v>5.74</v>
      </c>
      <c r="Q94" s="8">
        <v>5.75</v>
      </c>
      <c r="R94" s="8">
        <v>5.79</v>
      </c>
      <c r="S94" s="8">
        <v>5.81</v>
      </c>
      <c r="T94" s="8">
        <v>5.84</v>
      </c>
      <c r="U94" s="8">
        <v>5.9</v>
      </c>
      <c r="V94" s="8">
        <v>5.87</v>
      </c>
      <c r="W94" s="8">
        <v>5.93</v>
      </c>
      <c r="X94" s="8">
        <v>5.89</v>
      </c>
      <c r="Y94" s="8">
        <v>5.85</v>
      </c>
      <c r="Z94" s="8">
        <v>5.8</v>
      </c>
      <c r="AA94" s="8">
        <v>5.79</v>
      </c>
      <c r="AB94" s="8">
        <v>5.75</v>
      </c>
      <c r="AC94" s="8">
        <v>5.75</v>
      </c>
      <c r="AD94" s="8">
        <v>5.76</v>
      </c>
      <c r="AE94" s="8">
        <v>5.78</v>
      </c>
      <c r="AF94" s="8">
        <v>5.75</v>
      </c>
      <c r="AG94" s="8">
        <v>5.71</v>
      </c>
      <c r="AH94" s="8">
        <v>5.74</v>
      </c>
      <c r="AI94" s="8">
        <v>5.77</v>
      </c>
      <c r="AJ94" s="8">
        <v>5.77</v>
      </c>
      <c r="AK94" s="8">
        <v>5.77</v>
      </c>
      <c r="AL94" s="8">
        <v>5.75</v>
      </c>
      <c r="AM94" s="8">
        <v>5.75</v>
      </c>
      <c r="AN94" s="8">
        <v>5.76</v>
      </c>
      <c r="AO94" s="8">
        <v>5.75</v>
      </c>
      <c r="AP94" s="8">
        <v>5.78</v>
      </c>
      <c r="AQ94" s="8">
        <v>5.78</v>
      </c>
      <c r="AR94" s="8">
        <v>5.84</v>
      </c>
      <c r="AS94" s="8">
        <v>5.87</v>
      </c>
      <c r="AT94" s="8">
        <v>5.89</v>
      </c>
      <c r="AU94" s="8">
        <v>5.97</v>
      </c>
      <c r="AV94" s="8">
        <v>5.97</v>
      </c>
      <c r="AW94" s="8">
        <v>5.99</v>
      </c>
      <c r="AX94" s="8">
        <v>6</v>
      </c>
      <c r="AY94" s="8">
        <v>6.03</v>
      </c>
      <c r="AZ94" s="8">
        <v>6.01</v>
      </c>
      <c r="BA94" s="8">
        <v>6</v>
      </c>
      <c r="BB94" s="8">
        <v>5.98</v>
      </c>
      <c r="BC94" s="8">
        <v>6.04</v>
      </c>
      <c r="BD94" s="8">
        <v>6.03</v>
      </c>
    </row>
    <row r="95" spans="3:56" x14ac:dyDescent="0.2">
      <c r="C95" s="5" t="s">
        <v>63</v>
      </c>
      <c r="D95" s="6" t="s">
        <v>58</v>
      </c>
      <c r="E95" s="8">
        <v>19.059999999999999</v>
      </c>
      <c r="F95" s="8">
        <v>18.53</v>
      </c>
      <c r="G95" s="8">
        <v>18.21</v>
      </c>
      <c r="H95" s="8">
        <v>17.68</v>
      </c>
      <c r="I95" s="8">
        <v>17.87</v>
      </c>
      <c r="J95" s="8">
        <v>17.62</v>
      </c>
      <c r="K95" s="8">
        <v>17.5157858511825</v>
      </c>
      <c r="L95" s="8">
        <v>17.52</v>
      </c>
      <c r="M95" s="8">
        <v>17.525188205653901</v>
      </c>
      <c r="N95" s="8">
        <v>17.661707857081701</v>
      </c>
      <c r="O95" s="8">
        <v>17.744769698578502</v>
      </c>
      <c r="P95" s="8">
        <v>17.38</v>
      </c>
      <c r="Q95" s="8">
        <v>17.43</v>
      </c>
      <c r="R95" s="8">
        <v>17.45</v>
      </c>
      <c r="S95" s="8">
        <v>17.329999999999998</v>
      </c>
      <c r="T95" s="8">
        <v>17.5</v>
      </c>
      <c r="U95" s="8">
        <v>18.02</v>
      </c>
      <c r="V95" s="8">
        <v>17.96</v>
      </c>
      <c r="W95" s="8">
        <v>17.72</v>
      </c>
      <c r="X95" s="8">
        <v>17.52</v>
      </c>
      <c r="Y95" s="8">
        <v>17.64</v>
      </c>
      <c r="Z95" s="8">
        <v>17.72</v>
      </c>
      <c r="AA95" s="7">
        <v>18.03</v>
      </c>
      <c r="AB95" s="8">
        <v>18.3</v>
      </c>
      <c r="AC95" s="8">
        <v>18.22</v>
      </c>
      <c r="AD95" s="8">
        <v>18.190000000000001</v>
      </c>
      <c r="AE95" s="8">
        <v>18.309999999999999</v>
      </c>
      <c r="AF95" s="8">
        <v>18.34</v>
      </c>
      <c r="AG95" s="8">
        <v>18.2</v>
      </c>
      <c r="AH95" s="8">
        <v>17.89</v>
      </c>
      <c r="AI95" s="8">
        <v>17.829999999999998</v>
      </c>
      <c r="AJ95" s="8">
        <v>17.78</v>
      </c>
      <c r="AK95" s="8">
        <v>17.79</v>
      </c>
      <c r="AL95" s="8">
        <v>17.73</v>
      </c>
      <c r="AM95" s="7">
        <v>17.89</v>
      </c>
      <c r="AN95" s="8">
        <v>18.100000000000001</v>
      </c>
      <c r="AO95" s="8">
        <v>17.989999999999998</v>
      </c>
      <c r="AP95" s="8">
        <v>17.95</v>
      </c>
      <c r="AQ95" s="8">
        <v>17.850000000000001</v>
      </c>
      <c r="AR95" s="8">
        <v>17.920000000000002</v>
      </c>
      <c r="AS95" s="8">
        <v>18</v>
      </c>
      <c r="AT95" s="8">
        <v>17.86</v>
      </c>
      <c r="AU95" s="8">
        <v>17.2</v>
      </c>
      <c r="AV95" s="8">
        <v>17.350000000000001</v>
      </c>
      <c r="AW95" s="8">
        <v>17.670000000000002</v>
      </c>
      <c r="AX95" s="8">
        <v>18.27</v>
      </c>
      <c r="AY95" s="8">
        <v>18.32</v>
      </c>
      <c r="AZ95" s="8">
        <v>18.149999999999999</v>
      </c>
      <c r="BA95" s="8">
        <v>18.3</v>
      </c>
      <c r="BB95" s="8">
        <v>18.79</v>
      </c>
      <c r="BC95" s="8">
        <v>19.41</v>
      </c>
      <c r="BD95" s="8">
        <v>19.48</v>
      </c>
    </row>
    <row r="96" spans="3:56" x14ac:dyDescent="0.2">
      <c r="C96" s="5" t="s">
        <v>64</v>
      </c>
      <c r="D96" s="6" t="s">
        <v>58</v>
      </c>
      <c r="E96" s="8">
        <v>11.99</v>
      </c>
      <c r="F96" s="8">
        <v>12.07</v>
      </c>
      <c r="G96" s="8">
        <v>11.77</v>
      </c>
      <c r="H96" s="8">
        <v>11.04</v>
      </c>
      <c r="I96" s="8">
        <v>10.92</v>
      </c>
      <c r="J96" s="8">
        <v>10.78</v>
      </c>
      <c r="K96" s="8">
        <v>10.6517201000356</v>
      </c>
      <c r="L96" s="8">
        <v>10.77</v>
      </c>
      <c r="M96" s="8">
        <v>10.8839420655927</v>
      </c>
      <c r="N96" s="8">
        <v>10.836829979975301</v>
      </c>
      <c r="O96" s="8">
        <v>10.9196611302468</v>
      </c>
      <c r="P96" s="8">
        <v>11.11</v>
      </c>
      <c r="Q96" s="8">
        <v>11.12</v>
      </c>
      <c r="R96" s="8">
        <v>11.13</v>
      </c>
      <c r="S96" s="8">
        <v>11.08</v>
      </c>
      <c r="T96" s="8">
        <v>11.04</v>
      </c>
      <c r="U96" s="8">
        <v>11.1</v>
      </c>
      <c r="V96" s="8">
        <v>11.06</v>
      </c>
      <c r="W96" s="8">
        <v>10.89</v>
      </c>
      <c r="X96" s="8">
        <v>10.75</v>
      </c>
      <c r="Y96" s="8">
        <v>10.8</v>
      </c>
      <c r="Z96" s="8">
        <v>10.88</v>
      </c>
      <c r="AA96" s="7">
        <v>10.83</v>
      </c>
      <c r="AB96" s="8">
        <v>10.81</v>
      </c>
      <c r="AC96" s="8">
        <v>10.84</v>
      </c>
      <c r="AD96" s="8">
        <v>10.85</v>
      </c>
      <c r="AE96" s="8">
        <v>10.94</v>
      </c>
      <c r="AF96" s="8">
        <v>10.95</v>
      </c>
      <c r="AG96" s="8">
        <v>10.86</v>
      </c>
      <c r="AH96" s="8">
        <v>10.72</v>
      </c>
      <c r="AI96" s="8">
        <v>10.62</v>
      </c>
      <c r="AJ96" s="8">
        <v>10.81</v>
      </c>
      <c r="AK96" s="8">
        <v>10.84</v>
      </c>
      <c r="AL96" s="8">
        <v>10.83</v>
      </c>
      <c r="AM96" s="7">
        <v>10.88</v>
      </c>
      <c r="AN96" s="8">
        <v>10.85</v>
      </c>
      <c r="AO96" s="8">
        <v>10.93</v>
      </c>
      <c r="AP96" s="8">
        <v>10.67</v>
      </c>
      <c r="AQ96" s="8">
        <v>10.79</v>
      </c>
      <c r="AR96" s="8">
        <v>10.83</v>
      </c>
      <c r="AS96" s="8">
        <v>10.9</v>
      </c>
      <c r="AT96" s="8">
        <v>10.81</v>
      </c>
      <c r="AU96" s="8">
        <v>10.91</v>
      </c>
      <c r="AV96" s="8">
        <v>10.88</v>
      </c>
      <c r="AW96" s="8">
        <v>10.99</v>
      </c>
      <c r="AX96" s="8">
        <v>10.99</v>
      </c>
      <c r="AY96" s="8">
        <v>10.88</v>
      </c>
      <c r="AZ96" s="8">
        <v>11.01</v>
      </c>
      <c r="BA96" s="8">
        <v>11.08</v>
      </c>
      <c r="BB96" s="8">
        <v>11.45</v>
      </c>
      <c r="BC96" s="8">
        <v>12.07</v>
      </c>
      <c r="BD96" s="8">
        <v>11.95</v>
      </c>
    </row>
    <row r="97" spans="3:56" x14ac:dyDescent="0.2">
      <c r="C97" s="5" t="s">
        <v>65</v>
      </c>
      <c r="D97" s="6" t="s">
        <v>58</v>
      </c>
      <c r="E97" s="8">
        <v>3.53</v>
      </c>
      <c r="F97" s="8">
        <v>3.47</v>
      </c>
      <c r="G97" s="8">
        <v>3.44</v>
      </c>
      <c r="H97" s="8">
        <v>3.41</v>
      </c>
      <c r="I97" s="8">
        <v>3.41</v>
      </c>
      <c r="J97" s="8">
        <v>3.33</v>
      </c>
      <c r="K97" s="8">
        <v>3.3902265257863</v>
      </c>
      <c r="L97" s="8">
        <v>3.33</v>
      </c>
      <c r="M97" s="8">
        <v>3.3422157265806902</v>
      </c>
      <c r="N97" s="8">
        <v>3.3989812318523702</v>
      </c>
      <c r="O97" s="8">
        <v>3.3569178520274701</v>
      </c>
      <c r="P97" s="8">
        <v>3.59</v>
      </c>
      <c r="Q97" s="8">
        <v>3.62</v>
      </c>
      <c r="R97" s="8">
        <v>3.73</v>
      </c>
      <c r="S97" s="8">
        <v>3.56</v>
      </c>
      <c r="T97" s="8">
        <v>3.48</v>
      </c>
      <c r="U97" s="8">
        <v>3.48</v>
      </c>
      <c r="V97" s="8">
        <v>3.47</v>
      </c>
      <c r="W97" s="8">
        <v>3.5</v>
      </c>
      <c r="X97" s="8">
        <v>3.45</v>
      </c>
      <c r="Y97" s="8">
        <v>3.68</v>
      </c>
      <c r="Z97" s="8">
        <v>3.69</v>
      </c>
      <c r="AA97" s="7">
        <v>3.62</v>
      </c>
      <c r="AB97" s="8">
        <v>3.67</v>
      </c>
      <c r="AC97" s="8">
        <v>3.67</v>
      </c>
      <c r="AD97" s="8">
        <v>3.71</v>
      </c>
      <c r="AE97" s="8">
        <v>3.69</v>
      </c>
      <c r="AF97" s="8">
        <v>3.78</v>
      </c>
      <c r="AG97" s="8">
        <v>3.91</v>
      </c>
      <c r="AH97" s="8">
        <v>3.92</v>
      </c>
      <c r="AI97" s="8">
        <v>3.82</v>
      </c>
      <c r="AJ97" s="8">
        <v>3.94</v>
      </c>
      <c r="AK97" s="8">
        <v>3.98</v>
      </c>
      <c r="AL97" s="8">
        <v>3.99</v>
      </c>
      <c r="AM97" s="7">
        <v>3.97</v>
      </c>
      <c r="AN97" s="8">
        <v>3.87</v>
      </c>
      <c r="AO97" s="8">
        <v>3.9</v>
      </c>
      <c r="AP97" s="8">
        <v>3.86</v>
      </c>
      <c r="AQ97" s="8">
        <v>3.79</v>
      </c>
      <c r="AR97" s="8">
        <v>3.86</v>
      </c>
      <c r="AS97" s="8">
        <v>3.83</v>
      </c>
      <c r="AT97" s="8">
        <v>3.84</v>
      </c>
      <c r="AU97" s="8">
        <v>3.82</v>
      </c>
      <c r="AV97" s="8">
        <v>3.84</v>
      </c>
      <c r="AW97" s="8">
        <v>3.79</v>
      </c>
      <c r="AX97" s="8">
        <v>3.76</v>
      </c>
      <c r="AY97" s="8">
        <v>3.77</v>
      </c>
      <c r="AZ97" s="8">
        <v>3.74</v>
      </c>
      <c r="BA97" s="8">
        <v>3.75</v>
      </c>
      <c r="BB97" s="8">
        <v>3.78</v>
      </c>
      <c r="BC97" s="8">
        <v>3.82</v>
      </c>
      <c r="BD97" s="8">
        <v>3.82</v>
      </c>
    </row>
    <row r="98" spans="3:56" x14ac:dyDescent="0.2">
      <c r="C98" s="5" t="s">
        <v>66</v>
      </c>
      <c r="D98" s="6" t="s">
        <v>58</v>
      </c>
      <c r="E98" s="8">
        <v>7.47</v>
      </c>
      <c r="F98" s="8">
        <v>7.02</v>
      </c>
      <c r="G98" s="8">
        <v>6.85</v>
      </c>
      <c r="H98" s="8">
        <v>6.96</v>
      </c>
      <c r="I98" s="8">
        <v>6.87</v>
      </c>
      <c r="J98" s="8">
        <v>6.65</v>
      </c>
      <c r="K98" s="8">
        <v>6.96065345181818</v>
      </c>
      <c r="L98" s="8">
        <v>6.89</v>
      </c>
      <c r="M98" s="8">
        <v>6.8989032133723098</v>
      </c>
      <c r="N98" s="8">
        <v>6.8452412975404799</v>
      </c>
      <c r="O98" s="8">
        <v>6.7629226517690011</v>
      </c>
      <c r="P98" s="8">
        <v>6.88</v>
      </c>
      <c r="Q98" s="8">
        <v>6.88</v>
      </c>
      <c r="R98" s="8">
        <v>7.19</v>
      </c>
      <c r="S98" s="8">
        <v>7.12</v>
      </c>
      <c r="T98" s="8">
        <v>6.84</v>
      </c>
      <c r="U98" s="8">
        <v>6.71</v>
      </c>
      <c r="V98" s="8">
        <v>6.81</v>
      </c>
      <c r="W98" s="8">
        <v>7.27</v>
      </c>
      <c r="X98" s="8">
        <v>6.91</v>
      </c>
      <c r="Y98" s="8">
        <v>7.07</v>
      </c>
      <c r="Z98" s="8">
        <v>7.07</v>
      </c>
      <c r="AA98" s="7">
        <v>6.98</v>
      </c>
      <c r="AB98" s="8">
        <v>7.02</v>
      </c>
      <c r="AC98" s="8">
        <v>7.05</v>
      </c>
      <c r="AD98" s="8">
        <v>7.04</v>
      </c>
      <c r="AE98" s="8">
        <v>7.46</v>
      </c>
      <c r="AF98" s="8">
        <v>7.62</v>
      </c>
      <c r="AG98" s="8">
        <v>7.62</v>
      </c>
      <c r="AH98" s="8">
        <v>7.67</v>
      </c>
      <c r="AI98" s="8">
        <v>7.78</v>
      </c>
      <c r="AJ98" s="8">
        <v>7.96</v>
      </c>
      <c r="AK98" s="8">
        <v>7.92</v>
      </c>
      <c r="AL98" s="8">
        <v>7.97</v>
      </c>
      <c r="AM98" s="7">
        <v>7.85</v>
      </c>
      <c r="AN98" s="8">
        <v>7.93</v>
      </c>
      <c r="AO98" s="8">
        <v>7.79</v>
      </c>
      <c r="AP98" s="8">
        <v>7.48</v>
      </c>
      <c r="AQ98" s="8">
        <v>7.45</v>
      </c>
      <c r="AR98" s="8">
        <v>7.59</v>
      </c>
      <c r="AS98" s="8">
        <v>7.43</v>
      </c>
      <c r="AT98" s="8">
        <v>7.26</v>
      </c>
      <c r="AU98" s="8">
        <v>7.57</v>
      </c>
      <c r="AV98" s="8">
        <v>7.62</v>
      </c>
      <c r="AW98" s="8">
        <v>8.01</v>
      </c>
      <c r="AX98" s="8">
        <v>7.83</v>
      </c>
      <c r="AY98" s="8">
        <v>8.0500000000000007</v>
      </c>
      <c r="AZ98" s="8">
        <v>8.1</v>
      </c>
      <c r="BA98" s="8">
        <v>7.92</v>
      </c>
      <c r="BB98" s="8">
        <v>7.97</v>
      </c>
      <c r="BC98" s="8">
        <v>8.15</v>
      </c>
      <c r="BD98" s="8">
        <v>7.95</v>
      </c>
    </row>
    <row r="99" spans="3:56" x14ac:dyDescent="0.2">
      <c r="C99" s="5" t="s">
        <v>67</v>
      </c>
      <c r="D99" s="6" t="s">
        <v>58</v>
      </c>
      <c r="E99" s="8">
        <v>14.83</v>
      </c>
      <c r="F99" s="8">
        <v>13.3</v>
      </c>
      <c r="G99" s="8">
        <v>13.41</v>
      </c>
      <c r="H99" s="8">
        <v>13.57</v>
      </c>
      <c r="I99" s="8">
        <v>13.27</v>
      </c>
      <c r="J99" s="8">
        <v>12.57</v>
      </c>
      <c r="K99" s="8">
        <v>12.281168214049002</v>
      </c>
      <c r="L99" s="8">
        <v>12.57</v>
      </c>
      <c r="M99" s="8">
        <v>12.663345064154601</v>
      </c>
      <c r="N99" s="8">
        <v>12.808246828035802</v>
      </c>
      <c r="O99" s="8">
        <v>12.881955384438402</v>
      </c>
      <c r="P99" s="8">
        <v>12.92</v>
      </c>
      <c r="Q99" s="8">
        <v>12.89</v>
      </c>
      <c r="R99" s="8">
        <v>12.78</v>
      </c>
      <c r="S99" s="8">
        <v>12.46</v>
      </c>
      <c r="T99" s="8">
        <v>12.36</v>
      </c>
      <c r="U99" s="8">
        <v>11.97</v>
      </c>
      <c r="V99" s="8">
        <v>11.81</v>
      </c>
      <c r="W99" s="8">
        <v>11.49</v>
      </c>
      <c r="X99" s="8">
        <v>11.45</v>
      </c>
      <c r="Y99" s="8">
        <v>11.72</v>
      </c>
      <c r="Z99" s="8">
        <v>11.76</v>
      </c>
      <c r="AA99" s="7">
        <v>11.88</v>
      </c>
      <c r="AB99" s="8">
        <v>12.1</v>
      </c>
      <c r="AC99" s="8">
        <v>12.1</v>
      </c>
      <c r="AD99" s="8">
        <v>12.06</v>
      </c>
      <c r="AE99" s="8">
        <v>13.07</v>
      </c>
      <c r="AF99" s="8">
        <v>13.15</v>
      </c>
      <c r="AG99" s="8">
        <v>13.27</v>
      </c>
      <c r="AH99" s="8">
        <v>13.22</v>
      </c>
      <c r="AI99" s="8">
        <v>13.4</v>
      </c>
      <c r="AJ99" s="8">
        <v>13.22</v>
      </c>
      <c r="AK99" s="8">
        <v>13.19</v>
      </c>
      <c r="AL99" s="8">
        <v>13.3</v>
      </c>
      <c r="AM99" s="7">
        <v>13.31</v>
      </c>
      <c r="AN99" s="8">
        <v>13.31</v>
      </c>
      <c r="AO99" s="8">
        <v>13.18</v>
      </c>
      <c r="AP99" s="8">
        <v>13.17</v>
      </c>
      <c r="AQ99" s="8">
        <v>13.45</v>
      </c>
      <c r="AR99" s="8">
        <v>13.33</v>
      </c>
      <c r="AS99" s="8">
        <v>13.39</v>
      </c>
      <c r="AT99" s="8">
        <v>13.04</v>
      </c>
      <c r="AU99" s="8">
        <v>13.21</v>
      </c>
      <c r="AV99" s="8">
        <v>13.26</v>
      </c>
      <c r="AW99" s="8">
        <v>13.46</v>
      </c>
      <c r="AX99" s="8">
        <v>13.54</v>
      </c>
      <c r="AY99" s="8">
        <v>13.5</v>
      </c>
      <c r="AZ99" s="8">
        <v>13.97</v>
      </c>
      <c r="BA99" s="8">
        <v>14.09</v>
      </c>
      <c r="BB99" s="8">
        <v>14.36</v>
      </c>
      <c r="BC99" s="8">
        <v>14.77</v>
      </c>
      <c r="BD99" s="8">
        <v>14.6</v>
      </c>
    </row>
    <row r="100" spans="3:56" x14ac:dyDescent="0.2">
      <c r="C100" s="5" t="s">
        <v>68</v>
      </c>
      <c r="D100" s="6" t="s">
        <v>58</v>
      </c>
      <c r="E100" s="8">
        <v>4.4400000000000004</v>
      </c>
      <c r="F100" s="8">
        <v>4.46</v>
      </c>
      <c r="G100" s="8">
        <v>4.6900000000000004</v>
      </c>
      <c r="H100" s="8">
        <v>4.6500000000000004</v>
      </c>
      <c r="I100" s="8">
        <v>4.62</v>
      </c>
      <c r="J100" s="8">
        <v>4.53</v>
      </c>
      <c r="K100" s="8">
        <v>4.55710305516034</v>
      </c>
      <c r="L100" s="8">
        <v>4.51</v>
      </c>
      <c r="M100" s="8">
        <v>4.51882200116831</v>
      </c>
      <c r="N100" s="8">
        <v>4.5393581846270603</v>
      </c>
      <c r="O100" s="8">
        <v>4.5546430114427396</v>
      </c>
      <c r="P100" s="8">
        <v>4.4800000000000004</v>
      </c>
      <c r="Q100" s="8">
        <v>4.4400000000000004</v>
      </c>
      <c r="R100" s="8">
        <v>4.5199999999999996</v>
      </c>
      <c r="S100" s="8">
        <v>4.5999999999999996</v>
      </c>
      <c r="T100" s="8">
        <v>4.49</v>
      </c>
      <c r="U100" s="8">
        <v>4.68</v>
      </c>
      <c r="V100" s="8">
        <v>4.78</v>
      </c>
      <c r="W100" s="8">
        <v>4.72</v>
      </c>
      <c r="X100" s="8">
        <v>4.8099999999999996</v>
      </c>
      <c r="Y100" s="8">
        <v>4.8</v>
      </c>
      <c r="Z100" s="8">
        <v>4.79</v>
      </c>
      <c r="AA100" s="7">
        <v>4.9000000000000004</v>
      </c>
      <c r="AB100" s="8">
        <v>4.8600000000000003</v>
      </c>
      <c r="AC100" s="8">
        <v>4.91</v>
      </c>
      <c r="AD100" s="8">
        <v>4.83</v>
      </c>
      <c r="AE100" s="8">
        <v>4.91</v>
      </c>
      <c r="AF100" s="8">
        <v>4.84</v>
      </c>
      <c r="AG100" s="8">
        <v>4.76</v>
      </c>
      <c r="AH100" s="8">
        <v>4.72</v>
      </c>
      <c r="AI100" s="8">
        <v>4.7300000000000004</v>
      </c>
      <c r="AJ100" s="8">
        <v>4.72</v>
      </c>
      <c r="AK100" s="8">
        <v>4.7300000000000004</v>
      </c>
      <c r="AL100" s="8">
        <v>4.7300000000000004</v>
      </c>
      <c r="AM100" s="7">
        <v>4.8600000000000003</v>
      </c>
      <c r="AN100" s="8">
        <v>4.8</v>
      </c>
      <c r="AO100" s="8">
        <v>4.8</v>
      </c>
      <c r="AP100" s="8">
        <v>4.74</v>
      </c>
      <c r="AQ100" s="8">
        <v>4.76</v>
      </c>
      <c r="AR100" s="8">
        <v>4.74</v>
      </c>
      <c r="AS100" s="8">
        <v>4.88</v>
      </c>
      <c r="AT100" s="8">
        <v>4.8</v>
      </c>
      <c r="AU100" s="8">
        <v>4.7699999999999996</v>
      </c>
      <c r="AV100" s="8">
        <v>4.79</v>
      </c>
      <c r="AW100" s="8">
        <v>4.76</v>
      </c>
      <c r="AX100" s="8">
        <v>4.7300000000000004</v>
      </c>
      <c r="AY100" s="8">
        <v>4.74</v>
      </c>
      <c r="AZ100" s="8">
        <v>4.79</v>
      </c>
      <c r="BA100" s="8">
        <v>4.78</v>
      </c>
      <c r="BB100" s="8">
        <v>4.87</v>
      </c>
      <c r="BC100" s="8">
        <v>4.87</v>
      </c>
      <c r="BD100" s="8">
        <v>4.88</v>
      </c>
    </row>
    <row r="101" spans="3:56" x14ac:dyDescent="0.2">
      <c r="C101" s="5" t="s">
        <v>69</v>
      </c>
      <c r="D101" s="6" t="s">
        <v>58</v>
      </c>
      <c r="E101" s="8">
        <v>3.86</v>
      </c>
      <c r="F101" s="8">
        <v>3.87</v>
      </c>
      <c r="G101" s="8">
        <v>3.75</v>
      </c>
      <c r="H101" s="8">
        <v>3.77</v>
      </c>
      <c r="I101" s="8">
        <v>3.8</v>
      </c>
      <c r="J101" s="8">
        <v>3.67</v>
      </c>
      <c r="K101" s="8">
        <v>3.6909062795757399</v>
      </c>
      <c r="L101" s="8">
        <v>3.63</v>
      </c>
      <c r="M101" s="8">
        <v>3.6336693244149898</v>
      </c>
      <c r="N101" s="8">
        <v>3.6180306321675699</v>
      </c>
      <c r="O101" s="8">
        <v>3.6330741279376899</v>
      </c>
      <c r="P101" s="8">
        <v>3.7</v>
      </c>
      <c r="Q101" s="8">
        <v>3.72</v>
      </c>
      <c r="R101" s="8">
        <v>3.69</v>
      </c>
      <c r="S101" s="8">
        <v>3.69</v>
      </c>
      <c r="T101" s="8">
        <v>3.59</v>
      </c>
      <c r="U101" s="8">
        <v>3.56</v>
      </c>
      <c r="V101" s="8">
        <v>3.55</v>
      </c>
      <c r="W101" s="8">
        <v>3.5</v>
      </c>
      <c r="X101" s="8">
        <v>3.47</v>
      </c>
      <c r="Y101" s="8">
        <v>3.52</v>
      </c>
      <c r="Z101" s="8">
        <v>3.53</v>
      </c>
      <c r="AA101" s="7">
        <v>3.5</v>
      </c>
      <c r="AB101" s="8">
        <v>3.49</v>
      </c>
      <c r="AC101" s="8">
        <v>3.6</v>
      </c>
      <c r="AD101" s="8">
        <v>3.55</v>
      </c>
      <c r="AE101" s="8">
        <v>3.6</v>
      </c>
      <c r="AF101" s="8">
        <v>3.58</v>
      </c>
      <c r="AG101" s="8">
        <v>3.6</v>
      </c>
      <c r="AH101" s="8">
        <v>3.6</v>
      </c>
      <c r="AI101" s="8">
        <v>3.59</v>
      </c>
      <c r="AJ101" s="8">
        <v>3.6</v>
      </c>
      <c r="AK101" s="8">
        <v>3.61</v>
      </c>
      <c r="AL101" s="8">
        <v>3.62</v>
      </c>
      <c r="AM101" s="7">
        <v>3.63</v>
      </c>
      <c r="AN101" s="8">
        <v>3.66</v>
      </c>
      <c r="AO101" s="8">
        <v>3.63</v>
      </c>
      <c r="AP101" s="8">
        <v>3.64</v>
      </c>
      <c r="AQ101" s="8">
        <v>3.68</v>
      </c>
      <c r="AR101" s="8">
        <v>3.69</v>
      </c>
      <c r="AS101" s="8">
        <v>3.7</v>
      </c>
      <c r="AT101" s="8">
        <v>3.68</v>
      </c>
      <c r="AU101" s="8">
        <v>3.68</v>
      </c>
      <c r="AV101" s="8">
        <v>3.67</v>
      </c>
      <c r="AW101" s="8">
        <v>3.67</v>
      </c>
      <c r="AX101" s="8">
        <v>3.64</v>
      </c>
      <c r="AY101" s="8">
        <v>3.67</v>
      </c>
      <c r="AZ101" s="8">
        <v>3.67</v>
      </c>
      <c r="BA101" s="8">
        <v>3.65</v>
      </c>
      <c r="BB101" s="8">
        <v>3.75</v>
      </c>
      <c r="BC101" s="8">
        <v>3.83</v>
      </c>
      <c r="BD101" s="8">
        <v>3.83</v>
      </c>
    </row>
    <row r="102" spans="3:56" x14ac:dyDescent="0.2">
      <c r="C102" s="5" t="s">
        <v>70</v>
      </c>
      <c r="D102" s="6" t="s">
        <v>58</v>
      </c>
      <c r="E102" s="8">
        <v>3.88</v>
      </c>
      <c r="F102" s="8">
        <v>3.89</v>
      </c>
      <c r="G102" s="8">
        <v>3.96</v>
      </c>
      <c r="H102" s="8">
        <v>3.99</v>
      </c>
      <c r="I102" s="8">
        <v>4.03</v>
      </c>
      <c r="J102" s="8">
        <v>4.0199999999999996</v>
      </c>
      <c r="K102" s="8">
        <v>3.83463646368401</v>
      </c>
      <c r="L102" s="8">
        <v>3.78</v>
      </c>
      <c r="M102" s="8">
        <v>3.6873178301162803</v>
      </c>
      <c r="N102" s="8">
        <v>3.6105353418567701</v>
      </c>
      <c r="O102" s="8">
        <v>3.54816170562508</v>
      </c>
      <c r="P102" s="8">
        <v>3.65</v>
      </c>
      <c r="Q102" s="8">
        <v>3.63</v>
      </c>
      <c r="R102" s="8">
        <v>3.61</v>
      </c>
      <c r="S102" s="8">
        <v>3.51</v>
      </c>
      <c r="T102" s="8">
        <v>3.44</v>
      </c>
      <c r="U102" s="8">
        <v>3.37</v>
      </c>
      <c r="V102" s="8">
        <v>3.49</v>
      </c>
      <c r="W102" s="8">
        <v>3.67</v>
      </c>
      <c r="X102" s="8">
        <v>3.69</v>
      </c>
      <c r="Y102" s="8">
        <v>3.81</v>
      </c>
      <c r="Z102" s="8">
        <v>3.89</v>
      </c>
      <c r="AA102" s="24">
        <v>3.92</v>
      </c>
      <c r="AB102" s="8">
        <v>3.99</v>
      </c>
      <c r="AC102" s="8">
        <v>3.97</v>
      </c>
      <c r="AD102" s="8">
        <v>3.96</v>
      </c>
      <c r="AE102" s="8">
        <v>4.08</v>
      </c>
      <c r="AF102" s="8">
        <v>4.04</v>
      </c>
      <c r="AG102" s="8">
        <v>4.08</v>
      </c>
      <c r="AH102" s="8">
        <v>4.03</v>
      </c>
      <c r="AI102" s="8">
        <v>4.03</v>
      </c>
      <c r="AJ102" s="8">
        <v>4.03</v>
      </c>
      <c r="AK102" s="8">
        <v>4.0199999999999996</v>
      </c>
      <c r="AL102" s="8">
        <v>4.03</v>
      </c>
      <c r="AM102" s="24">
        <v>4.01</v>
      </c>
      <c r="AN102" s="8">
        <v>4.05</v>
      </c>
      <c r="AO102" s="8">
        <v>4.09</v>
      </c>
      <c r="AP102" s="8">
        <v>4.0199999999999996</v>
      </c>
      <c r="AQ102" s="8">
        <v>4.0599999999999996</v>
      </c>
      <c r="AR102" s="8">
        <v>4.04</v>
      </c>
      <c r="AS102" s="8">
        <v>4.01</v>
      </c>
      <c r="AT102" s="8">
        <v>3.98</v>
      </c>
      <c r="AU102" s="8">
        <v>4.01</v>
      </c>
      <c r="AV102" s="8">
        <v>4.01</v>
      </c>
      <c r="AW102" s="8">
        <v>3.99</v>
      </c>
      <c r="AX102" s="8">
        <v>3.97</v>
      </c>
      <c r="AY102" s="8">
        <v>4.03</v>
      </c>
      <c r="AZ102" s="8">
        <v>4.04</v>
      </c>
      <c r="BA102" s="8">
        <v>4.07</v>
      </c>
      <c r="BB102" s="8">
        <v>4.03</v>
      </c>
      <c r="BC102" s="8">
        <v>3.99</v>
      </c>
      <c r="BD102" s="8">
        <v>3.99</v>
      </c>
    </row>
    <row r="103" spans="3:56" x14ac:dyDescent="0.2">
      <c r="C103" s="5" t="s">
        <v>71</v>
      </c>
      <c r="D103" s="6" t="s">
        <v>58</v>
      </c>
      <c r="E103" s="8">
        <v>4.9400000000000004</v>
      </c>
      <c r="F103" s="8">
        <v>4.93</v>
      </c>
      <c r="G103" s="8">
        <v>4.91</v>
      </c>
      <c r="H103" s="8">
        <v>4.88</v>
      </c>
      <c r="I103" s="8">
        <v>4.9000000000000004</v>
      </c>
      <c r="J103" s="8">
        <v>4.8899999999999997</v>
      </c>
      <c r="K103" s="8">
        <v>4.9086655805586696</v>
      </c>
      <c r="L103" s="8">
        <v>4.88</v>
      </c>
      <c r="M103" s="8">
        <v>4.8353909005400801</v>
      </c>
      <c r="N103" s="8">
        <v>4.7735151678814098</v>
      </c>
      <c r="O103" s="8">
        <v>4.7829252148650099</v>
      </c>
      <c r="P103" s="8">
        <v>4.74</v>
      </c>
      <c r="Q103" s="8">
        <v>4.7300000000000004</v>
      </c>
      <c r="R103" s="8">
        <v>4.78</v>
      </c>
      <c r="S103" s="8">
        <v>4.78</v>
      </c>
      <c r="T103" s="8">
        <v>4.78</v>
      </c>
      <c r="U103" s="8">
        <v>4.6900000000000004</v>
      </c>
      <c r="V103" s="8">
        <v>4.72</v>
      </c>
      <c r="W103" s="8">
        <v>4.7300000000000004</v>
      </c>
      <c r="X103" s="8">
        <v>4.7300000000000004</v>
      </c>
      <c r="Y103" s="8">
        <v>4.72</v>
      </c>
      <c r="Z103" s="8">
        <v>4.71</v>
      </c>
      <c r="AA103" s="7">
        <v>4.7300000000000004</v>
      </c>
      <c r="AB103" s="8">
        <v>4.7</v>
      </c>
      <c r="AC103" s="8">
        <v>4.72</v>
      </c>
      <c r="AD103" s="8">
        <v>4.7300000000000004</v>
      </c>
      <c r="AE103" s="8">
        <v>4.78</v>
      </c>
      <c r="AF103" s="8">
        <v>4.78</v>
      </c>
      <c r="AG103" s="8">
        <v>4.78</v>
      </c>
      <c r="AH103" s="8">
        <v>4.78</v>
      </c>
      <c r="AI103" s="8">
        <v>4.8</v>
      </c>
      <c r="AJ103" s="8">
        <v>4.8</v>
      </c>
      <c r="AK103" s="8">
        <v>4.8</v>
      </c>
      <c r="AL103" s="8">
        <v>4.8</v>
      </c>
      <c r="AM103" s="7">
        <v>4.8099999999999996</v>
      </c>
      <c r="AN103" s="8">
        <v>4.79</v>
      </c>
      <c r="AO103" s="8">
        <v>4.75</v>
      </c>
      <c r="AP103" s="8">
        <v>4.78</v>
      </c>
      <c r="AQ103" s="8">
        <v>4.76</v>
      </c>
      <c r="AR103" s="8">
        <v>4.74</v>
      </c>
      <c r="AS103" s="8">
        <v>4.74</v>
      </c>
      <c r="AT103" s="8">
        <v>4.7300000000000004</v>
      </c>
      <c r="AU103" s="8">
        <v>4.72</v>
      </c>
      <c r="AV103" s="8">
        <v>4.75</v>
      </c>
      <c r="AW103" s="8">
        <v>4.74</v>
      </c>
      <c r="AX103" s="8">
        <v>4.74</v>
      </c>
      <c r="AY103" s="8">
        <v>4.7300000000000004</v>
      </c>
      <c r="AZ103" s="8">
        <v>4.7699999999999996</v>
      </c>
      <c r="BA103" s="8">
        <v>4.78</v>
      </c>
      <c r="BB103" s="8">
        <v>4.78</v>
      </c>
      <c r="BC103" s="8">
        <v>4.78</v>
      </c>
      <c r="BD103" s="8">
        <v>4.7699999999999996</v>
      </c>
    </row>
    <row r="104" spans="3:56" x14ac:dyDescent="0.2">
      <c r="C104" s="5" t="s">
        <v>72</v>
      </c>
      <c r="D104" s="6" t="s">
        <v>58</v>
      </c>
      <c r="E104" s="8">
        <v>9.1999999999999993</v>
      </c>
      <c r="F104" s="8">
        <v>9.07</v>
      </c>
      <c r="G104" s="8">
        <v>8.99</v>
      </c>
      <c r="H104" s="8">
        <v>9.01</v>
      </c>
      <c r="I104" s="8">
        <v>9.09</v>
      </c>
      <c r="J104" s="8">
        <v>9.1</v>
      </c>
      <c r="K104" s="8">
        <v>9.0416927519548995</v>
      </c>
      <c r="L104" s="8">
        <v>9.0500000000000007</v>
      </c>
      <c r="M104" s="8">
        <v>9.0596332491376508</v>
      </c>
      <c r="N104" s="8">
        <v>9.0915119955800794</v>
      </c>
      <c r="O104" s="8">
        <v>9.1868718845879709</v>
      </c>
      <c r="P104" s="8">
        <v>9.2200000000000006</v>
      </c>
      <c r="Q104" s="8">
        <v>9.23</v>
      </c>
      <c r="R104" s="8">
        <v>9.1999999999999993</v>
      </c>
      <c r="S104" s="8">
        <v>9.1300000000000008</v>
      </c>
      <c r="T104" s="8">
        <v>9.1</v>
      </c>
      <c r="U104" s="8">
        <v>9.14</v>
      </c>
      <c r="V104" s="8">
        <v>9.2200000000000006</v>
      </c>
      <c r="W104" s="8">
        <v>9.18</v>
      </c>
      <c r="X104" s="8">
        <v>9.18</v>
      </c>
      <c r="Y104" s="8">
        <v>9.14</v>
      </c>
      <c r="Z104" s="8">
        <v>9.18</v>
      </c>
      <c r="AA104" s="7">
        <v>9.19</v>
      </c>
      <c r="AB104" s="8">
        <v>9.2200000000000006</v>
      </c>
      <c r="AC104" s="8">
        <v>9.27</v>
      </c>
      <c r="AD104" s="8">
        <v>9.23</v>
      </c>
      <c r="AE104" s="8">
        <v>9.31</v>
      </c>
      <c r="AF104" s="8">
        <v>9.32</v>
      </c>
      <c r="AG104" s="8">
        <v>9.2899999999999991</v>
      </c>
      <c r="AH104" s="8">
        <v>9.2899999999999991</v>
      </c>
      <c r="AI104" s="8">
        <v>9.2799999999999994</v>
      </c>
      <c r="AJ104" s="8">
        <v>9.2899999999999991</v>
      </c>
      <c r="AK104" s="8">
        <v>9.2899999999999991</v>
      </c>
      <c r="AL104" s="8">
        <v>9.2799999999999994</v>
      </c>
      <c r="AM104" s="7">
        <v>9.3000000000000007</v>
      </c>
      <c r="AN104" s="8">
        <v>9.33</v>
      </c>
      <c r="AO104" s="8">
        <v>9.3699999999999992</v>
      </c>
      <c r="AP104" s="8">
        <v>9.2799999999999994</v>
      </c>
      <c r="AQ104" s="8">
        <v>9.2200000000000006</v>
      </c>
      <c r="AR104" s="8">
        <v>9.1999999999999993</v>
      </c>
      <c r="AS104" s="8">
        <v>9.19</v>
      </c>
      <c r="AT104" s="8">
        <v>9.25</v>
      </c>
      <c r="AU104" s="8">
        <v>9.2899999999999991</v>
      </c>
      <c r="AV104" s="8">
        <v>9.2200000000000006</v>
      </c>
      <c r="AW104" s="8">
        <v>9.2100000000000009</v>
      </c>
      <c r="AX104" s="8">
        <v>9.1999999999999993</v>
      </c>
      <c r="AY104" s="8">
        <v>9.1999999999999993</v>
      </c>
      <c r="AZ104" s="8">
        <v>9.2200000000000006</v>
      </c>
      <c r="BA104" s="8">
        <v>9.26</v>
      </c>
      <c r="BB104" s="8">
        <v>9.33</v>
      </c>
      <c r="BC104" s="8">
        <v>9.3699999999999992</v>
      </c>
      <c r="BD104" s="8">
        <v>9.36</v>
      </c>
    </row>
    <row r="105" spans="3:56" x14ac:dyDescent="0.2">
      <c r="C105" s="5" t="s">
        <v>73</v>
      </c>
      <c r="D105" s="6" t="s">
        <v>58</v>
      </c>
      <c r="E105" s="8">
        <v>9.01</v>
      </c>
      <c r="F105" s="8">
        <v>8.65</v>
      </c>
      <c r="G105" s="8">
        <v>8.57</v>
      </c>
      <c r="H105" s="8">
        <v>8.49</v>
      </c>
      <c r="I105" s="8">
        <v>8.6199999999999992</v>
      </c>
      <c r="J105" s="8">
        <v>8.5500000000000007</v>
      </c>
      <c r="K105" s="8">
        <v>8.3646053989694291</v>
      </c>
      <c r="L105" s="8">
        <v>8.36</v>
      </c>
      <c r="M105" s="8">
        <v>8.3660356985778002</v>
      </c>
      <c r="N105" s="8">
        <v>8.5017682921426694</v>
      </c>
      <c r="O105" s="8">
        <v>8.4884986369414897</v>
      </c>
      <c r="P105" s="8">
        <v>8.3800000000000008</v>
      </c>
      <c r="Q105" s="8">
        <v>8.3800000000000008</v>
      </c>
      <c r="R105" s="8">
        <v>8.8000000000000007</v>
      </c>
      <c r="S105" s="8">
        <v>8.81</v>
      </c>
      <c r="T105" s="8">
        <v>8.7799999999999994</v>
      </c>
      <c r="U105" s="8">
        <v>8.66</v>
      </c>
      <c r="V105" s="8">
        <v>8.75</v>
      </c>
      <c r="W105" s="8">
        <v>8.8000000000000007</v>
      </c>
      <c r="X105" s="8">
        <v>8.65</v>
      </c>
      <c r="Y105" s="8">
        <v>8.68</v>
      </c>
      <c r="Z105" s="8">
        <v>8.7100000000000009</v>
      </c>
      <c r="AA105" s="7">
        <v>8.77</v>
      </c>
      <c r="AB105" s="8">
        <v>8.74</v>
      </c>
      <c r="AC105" s="8">
        <v>8.75</v>
      </c>
      <c r="AD105" s="8">
        <v>8.6300000000000008</v>
      </c>
      <c r="AE105" s="8">
        <v>8.81</v>
      </c>
      <c r="AF105" s="8">
        <v>8.7100000000000009</v>
      </c>
      <c r="AG105" s="8">
        <v>8.69</v>
      </c>
      <c r="AH105" s="8">
        <v>8.7100000000000009</v>
      </c>
      <c r="AI105" s="8">
        <v>8.69</v>
      </c>
      <c r="AJ105" s="8">
        <v>8.74</v>
      </c>
      <c r="AK105" s="8">
        <v>8.7200000000000006</v>
      </c>
      <c r="AL105" s="8">
        <v>8.69</v>
      </c>
      <c r="AM105" s="7">
        <v>8.68</v>
      </c>
      <c r="AN105" s="8">
        <v>8.69</v>
      </c>
      <c r="AO105" s="8">
        <v>8.6300000000000008</v>
      </c>
      <c r="AP105" s="8">
        <v>8.61</v>
      </c>
      <c r="AQ105" s="8">
        <v>8.67</v>
      </c>
      <c r="AR105" s="8">
        <v>8.65</v>
      </c>
      <c r="AS105" s="8">
        <v>8.58</v>
      </c>
      <c r="AT105" s="8">
        <v>8.58</v>
      </c>
      <c r="AU105" s="8">
        <v>8.65</v>
      </c>
      <c r="AV105" s="8">
        <v>8.56</v>
      </c>
      <c r="AW105" s="8">
        <v>8.57</v>
      </c>
      <c r="AX105" s="8">
        <v>8.4700000000000006</v>
      </c>
      <c r="AY105" s="8">
        <v>8.5399999999999991</v>
      </c>
      <c r="AZ105" s="8">
        <v>8.65</v>
      </c>
      <c r="BA105" s="8">
        <v>8.67</v>
      </c>
      <c r="BB105" s="8">
        <v>8.89</v>
      </c>
      <c r="BC105" s="8">
        <v>9.18</v>
      </c>
      <c r="BD105" s="8">
        <v>9.0500000000000007</v>
      </c>
    </row>
    <row r="106" spans="3:56" x14ac:dyDescent="0.2">
      <c r="C106" s="5" t="s">
        <v>74</v>
      </c>
      <c r="D106" s="6" t="s">
        <v>58</v>
      </c>
      <c r="E106" s="8">
        <v>2.98</v>
      </c>
      <c r="F106" s="8">
        <v>2.98</v>
      </c>
      <c r="G106" s="8">
        <v>2.96</v>
      </c>
      <c r="H106" s="8">
        <v>2.96</v>
      </c>
      <c r="I106" s="8">
        <v>2.96</v>
      </c>
      <c r="J106" s="8">
        <v>2.97</v>
      </c>
      <c r="K106" s="8">
        <v>2.9682312745939705</v>
      </c>
      <c r="L106" s="8">
        <v>2.97</v>
      </c>
      <c r="M106" s="8">
        <v>2.97565896473201</v>
      </c>
      <c r="N106" s="8">
        <v>2.96128378468774</v>
      </c>
      <c r="O106" s="8">
        <v>2.96145331790273</v>
      </c>
      <c r="P106" s="8">
        <v>2.96</v>
      </c>
      <c r="Q106" s="8">
        <v>2.96</v>
      </c>
      <c r="R106" s="8">
        <v>2.98</v>
      </c>
      <c r="S106" s="8">
        <v>2.96</v>
      </c>
      <c r="T106" s="8">
        <v>3</v>
      </c>
      <c r="U106" s="8">
        <v>3.03</v>
      </c>
      <c r="V106" s="8">
        <v>3.04</v>
      </c>
      <c r="W106" s="8">
        <v>3.03</v>
      </c>
      <c r="X106" s="8">
        <v>3.04</v>
      </c>
      <c r="Y106" s="8">
        <v>3.06</v>
      </c>
      <c r="Z106" s="8">
        <v>3.07</v>
      </c>
      <c r="AA106" s="13">
        <v>3.07</v>
      </c>
      <c r="AB106" s="8">
        <v>3.09</v>
      </c>
      <c r="AC106" s="8">
        <v>3.12</v>
      </c>
      <c r="AD106" s="8">
        <v>3.12</v>
      </c>
      <c r="AE106" s="8">
        <v>3.15</v>
      </c>
      <c r="AF106" s="8">
        <v>3.15</v>
      </c>
      <c r="AG106" s="8">
        <v>3.16</v>
      </c>
      <c r="AH106" s="8">
        <v>3.15</v>
      </c>
      <c r="AI106" s="8">
        <v>3.15</v>
      </c>
      <c r="AJ106" s="8">
        <v>3.16</v>
      </c>
      <c r="AK106" s="8">
        <v>3.15</v>
      </c>
      <c r="AL106" s="8">
        <v>3.16</v>
      </c>
      <c r="AM106" s="13">
        <v>3.16</v>
      </c>
      <c r="AN106" s="8">
        <v>3.16</v>
      </c>
      <c r="AO106" s="8">
        <v>3.15</v>
      </c>
      <c r="AP106" s="8">
        <v>3.14</v>
      </c>
      <c r="AQ106" s="8">
        <v>3.15</v>
      </c>
      <c r="AR106" s="8">
        <v>3.13</v>
      </c>
      <c r="AS106" s="8">
        <v>3.13</v>
      </c>
      <c r="AT106" s="8">
        <v>3.11</v>
      </c>
      <c r="AU106" s="8">
        <v>3.11</v>
      </c>
      <c r="AV106" s="8">
        <v>3.11</v>
      </c>
      <c r="AW106" s="8">
        <v>3.11</v>
      </c>
      <c r="AX106" s="8">
        <v>3.1</v>
      </c>
      <c r="AY106" s="8">
        <v>3.12</v>
      </c>
      <c r="AZ106" s="8">
        <v>3.11</v>
      </c>
      <c r="BA106" s="8">
        <v>3.11</v>
      </c>
      <c r="BB106" s="8">
        <v>3.13</v>
      </c>
      <c r="BC106" s="8">
        <v>3.14</v>
      </c>
      <c r="BD106" s="8">
        <v>3.14</v>
      </c>
    </row>
    <row r="107" spans="3:56" x14ac:dyDescent="0.2">
      <c r="C107" s="5" t="s">
        <v>75</v>
      </c>
      <c r="D107" s="15" t="s">
        <v>76</v>
      </c>
      <c r="E107" s="8">
        <v>1.22</v>
      </c>
      <c r="F107" s="8">
        <v>1.22</v>
      </c>
      <c r="G107" s="8">
        <v>1.22</v>
      </c>
      <c r="H107" s="8">
        <v>1.22</v>
      </c>
      <c r="I107" s="8">
        <v>1.23</v>
      </c>
      <c r="J107" s="8">
        <v>1.23</v>
      </c>
      <c r="K107" s="8">
        <v>1.2298423853856999</v>
      </c>
      <c r="L107" s="8">
        <v>1.23</v>
      </c>
      <c r="M107" s="8">
        <v>1.22699392739208</v>
      </c>
      <c r="N107" s="8">
        <v>1.2242942936924499</v>
      </c>
      <c r="O107" s="8">
        <v>1.2226459420440901</v>
      </c>
      <c r="P107" s="8">
        <v>1.22</v>
      </c>
      <c r="Q107" s="8">
        <v>1.22</v>
      </c>
      <c r="R107" s="8">
        <v>1.23</v>
      </c>
      <c r="S107" s="8">
        <v>1.24</v>
      </c>
      <c r="T107" s="8">
        <v>1.23</v>
      </c>
      <c r="U107" s="8">
        <v>1.23</v>
      </c>
      <c r="V107" s="8">
        <v>1.23</v>
      </c>
      <c r="W107" s="8">
        <v>1.22</v>
      </c>
      <c r="X107" s="8">
        <v>1.22</v>
      </c>
      <c r="Y107" s="8">
        <v>1.22</v>
      </c>
      <c r="Z107" s="8">
        <v>1.22</v>
      </c>
      <c r="AA107" s="8">
        <v>1.22</v>
      </c>
      <c r="AB107" s="8">
        <v>1.22</v>
      </c>
      <c r="AC107" s="8">
        <v>1.22</v>
      </c>
      <c r="AD107" s="8">
        <v>1.22</v>
      </c>
      <c r="AE107" s="8">
        <v>1.22</v>
      </c>
      <c r="AF107" s="8">
        <v>1.21</v>
      </c>
      <c r="AG107" s="8">
        <v>1.21</v>
      </c>
      <c r="AH107" s="8">
        <v>1.21</v>
      </c>
      <c r="AI107" s="8">
        <v>1.21</v>
      </c>
      <c r="AJ107" s="8">
        <v>1.21</v>
      </c>
      <c r="AK107" s="8">
        <v>1.21</v>
      </c>
      <c r="AL107" s="8">
        <v>1.21</v>
      </c>
      <c r="AM107" s="8">
        <v>1.21</v>
      </c>
      <c r="AN107" s="8">
        <v>1.23</v>
      </c>
      <c r="AO107" s="8">
        <v>1.23</v>
      </c>
      <c r="AP107" s="8">
        <v>1.24</v>
      </c>
      <c r="AQ107" s="8">
        <v>1.26</v>
      </c>
      <c r="AR107" s="8">
        <v>1.27</v>
      </c>
      <c r="AS107" s="8">
        <v>1.27</v>
      </c>
      <c r="AT107" s="8">
        <v>1.28</v>
      </c>
      <c r="AU107" s="8">
        <v>1.28</v>
      </c>
      <c r="AV107" s="8">
        <v>1.28</v>
      </c>
      <c r="AW107" s="8">
        <v>1.28</v>
      </c>
      <c r="AX107" s="8">
        <v>1.29</v>
      </c>
      <c r="AY107" s="8">
        <v>1.29</v>
      </c>
      <c r="AZ107" s="8">
        <v>1.3</v>
      </c>
      <c r="BA107" s="8">
        <v>1.3</v>
      </c>
      <c r="BB107" s="8">
        <v>1.3</v>
      </c>
      <c r="BC107" s="8">
        <v>1.3</v>
      </c>
      <c r="BD107" s="8">
        <v>1.3</v>
      </c>
    </row>
    <row r="108" spans="3:56" x14ac:dyDescent="0.2">
      <c r="C108" s="16" t="s">
        <v>78</v>
      </c>
      <c r="D108" s="6" t="s">
        <v>58</v>
      </c>
      <c r="E108" s="8">
        <v>0.78</v>
      </c>
      <c r="F108" s="8">
        <v>0.79</v>
      </c>
      <c r="G108" s="8">
        <v>0.79</v>
      </c>
      <c r="H108" s="8">
        <v>0.8</v>
      </c>
      <c r="I108" s="8">
        <v>0.81</v>
      </c>
      <c r="J108" s="8">
        <v>0.82</v>
      </c>
      <c r="K108" s="8">
        <v>0.83</v>
      </c>
      <c r="L108" s="8">
        <v>0.83</v>
      </c>
      <c r="M108" s="8">
        <v>0.83</v>
      </c>
      <c r="N108" s="8">
        <v>0.84</v>
      </c>
      <c r="O108" s="8">
        <v>0.84575051903002596</v>
      </c>
      <c r="P108" s="8">
        <v>0.86</v>
      </c>
      <c r="Q108" s="8">
        <v>0.86</v>
      </c>
      <c r="R108" s="8">
        <v>0.89</v>
      </c>
      <c r="S108" s="8">
        <v>0.85</v>
      </c>
      <c r="T108" s="8">
        <v>0.86</v>
      </c>
      <c r="U108" s="8">
        <v>0.88</v>
      </c>
      <c r="V108" s="8">
        <v>0.89</v>
      </c>
      <c r="W108" s="8">
        <v>0.9</v>
      </c>
      <c r="X108" s="8">
        <v>0.89</v>
      </c>
      <c r="Y108" s="8">
        <v>0.88</v>
      </c>
      <c r="Z108" s="8">
        <v>0.88</v>
      </c>
      <c r="AA108" s="8">
        <v>0.87</v>
      </c>
      <c r="AB108" s="8">
        <v>0.86</v>
      </c>
      <c r="AC108" s="8">
        <v>0.86</v>
      </c>
      <c r="AD108" s="8">
        <v>0.85</v>
      </c>
      <c r="AE108" s="8">
        <v>0.85</v>
      </c>
      <c r="AF108" s="8">
        <v>0.85</v>
      </c>
      <c r="AG108" s="8">
        <v>0.84</v>
      </c>
      <c r="AH108" s="8">
        <v>0.84</v>
      </c>
      <c r="AI108" s="8">
        <v>0.84</v>
      </c>
      <c r="AJ108" s="8">
        <v>0.84</v>
      </c>
      <c r="AK108" s="8">
        <v>0.84</v>
      </c>
      <c r="AL108" s="8">
        <v>0.84</v>
      </c>
      <c r="AM108" s="8">
        <v>0.83</v>
      </c>
      <c r="AN108" s="8">
        <v>0.82</v>
      </c>
      <c r="AO108" s="8">
        <v>0.81</v>
      </c>
      <c r="AP108" s="8">
        <v>0.81</v>
      </c>
      <c r="AQ108" s="8">
        <v>0.81</v>
      </c>
      <c r="AR108" s="8">
        <v>0.81</v>
      </c>
      <c r="AS108" s="8">
        <v>0.8</v>
      </c>
      <c r="AT108" s="8">
        <v>0.8</v>
      </c>
      <c r="AU108" s="8">
        <v>0.79</v>
      </c>
      <c r="AV108" s="8">
        <v>0.79</v>
      </c>
      <c r="AW108" s="8">
        <v>0.78500000000000003</v>
      </c>
      <c r="AX108" s="8">
        <v>0.78</v>
      </c>
      <c r="AY108" s="8">
        <v>0.78</v>
      </c>
      <c r="AZ108" s="8">
        <v>0.78</v>
      </c>
      <c r="BA108" s="8">
        <v>0.78</v>
      </c>
      <c r="BB108" s="8">
        <v>0.78</v>
      </c>
      <c r="BC108" s="8">
        <v>0.78</v>
      </c>
      <c r="BD108" s="8">
        <v>0.78</v>
      </c>
    </row>
    <row r="109" spans="3:56" x14ac:dyDescent="0.2">
      <c r="C109" s="16" t="s">
        <v>79</v>
      </c>
      <c r="D109" s="6" t="s">
        <v>58</v>
      </c>
      <c r="E109" s="8">
        <v>1.44</v>
      </c>
      <c r="F109" s="8">
        <v>1.44</v>
      </c>
      <c r="G109" s="8">
        <v>1.43</v>
      </c>
      <c r="H109" s="8">
        <v>1.44</v>
      </c>
      <c r="I109" s="8">
        <v>1.45</v>
      </c>
      <c r="J109" s="8">
        <v>1.45</v>
      </c>
      <c r="K109" s="8">
        <v>1.4430551280581103</v>
      </c>
      <c r="L109" s="8">
        <v>1.44</v>
      </c>
      <c r="M109" s="8">
        <v>1.43691668897035</v>
      </c>
      <c r="N109" s="8">
        <v>1.438466532633</v>
      </c>
      <c r="O109" s="8">
        <v>1.4223179919260001</v>
      </c>
      <c r="P109" s="8">
        <v>1.41</v>
      </c>
      <c r="Q109" s="8">
        <v>1.41</v>
      </c>
      <c r="R109" s="8">
        <v>1.42</v>
      </c>
      <c r="S109" s="8">
        <v>1.43</v>
      </c>
      <c r="T109" s="8">
        <v>1.44</v>
      </c>
      <c r="U109" s="8">
        <v>1.42</v>
      </c>
      <c r="V109" s="8">
        <v>1.43</v>
      </c>
      <c r="W109" s="8">
        <v>1.43</v>
      </c>
      <c r="X109" s="8">
        <v>1.42</v>
      </c>
      <c r="Y109" s="8">
        <v>1.43</v>
      </c>
      <c r="Z109" s="8">
        <v>1.42</v>
      </c>
      <c r="AA109" s="8">
        <v>1.42</v>
      </c>
      <c r="AB109" s="8">
        <v>1.46</v>
      </c>
      <c r="AC109" s="8">
        <v>1.46</v>
      </c>
      <c r="AD109" s="8">
        <v>1.45</v>
      </c>
      <c r="AE109" s="8">
        <v>1.45</v>
      </c>
      <c r="AF109" s="8">
        <v>1.45</v>
      </c>
      <c r="AG109" s="8">
        <v>1.44</v>
      </c>
      <c r="AH109" s="8">
        <v>1.43</v>
      </c>
      <c r="AI109" s="8">
        <v>1.43</v>
      </c>
      <c r="AJ109" s="8">
        <v>1.43</v>
      </c>
      <c r="AK109" s="8">
        <v>1.43</v>
      </c>
      <c r="AL109" s="8">
        <v>1.43</v>
      </c>
      <c r="AM109" s="8">
        <v>1.44</v>
      </c>
      <c r="AN109" s="8">
        <v>1.46</v>
      </c>
      <c r="AO109" s="8">
        <v>1.46</v>
      </c>
      <c r="AP109" s="8">
        <v>1.48</v>
      </c>
      <c r="AQ109" s="8">
        <v>1.52</v>
      </c>
      <c r="AR109" s="8">
        <v>1.51</v>
      </c>
      <c r="AS109" s="8">
        <v>1.51</v>
      </c>
      <c r="AT109" s="8">
        <v>1.48</v>
      </c>
      <c r="AU109" s="8">
        <v>1.46</v>
      </c>
      <c r="AV109" s="8">
        <v>1.47</v>
      </c>
      <c r="AW109" s="8">
        <v>1.47</v>
      </c>
      <c r="AX109" s="8">
        <v>1.48</v>
      </c>
      <c r="AY109" s="8">
        <v>1.48</v>
      </c>
      <c r="AZ109" s="8">
        <v>1.5</v>
      </c>
      <c r="BA109" s="8">
        <v>1.51</v>
      </c>
      <c r="BB109" s="8">
        <v>1.53</v>
      </c>
      <c r="BC109" s="8">
        <v>1.56</v>
      </c>
      <c r="BD109" s="8">
        <v>1.57</v>
      </c>
    </row>
    <row r="110" spans="3:56" x14ac:dyDescent="0.2">
      <c r="C110" s="16" t="s">
        <v>80</v>
      </c>
      <c r="D110" s="6" t="s">
        <v>58</v>
      </c>
      <c r="E110" s="8">
        <v>1.95</v>
      </c>
      <c r="F110" s="8">
        <v>1.87</v>
      </c>
      <c r="G110" s="8">
        <v>1.87</v>
      </c>
      <c r="H110" s="8">
        <v>1.93</v>
      </c>
      <c r="I110" s="8">
        <v>1.99</v>
      </c>
      <c r="J110" s="8">
        <v>2.0499999999999998</v>
      </c>
      <c r="K110" s="8">
        <v>2.0064182228446898</v>
      </c>
      <c r="L110" s="8">
        <v>1.87</v>
      </c>
      <c r="M110" s="8">
        <v>1.85415170142131</v>
      </c>
      <c r="N110" s="8">
        <v>1.8027049054189599</v>
      </c>
      <c r="O110" s="8">
        <v>1.7855961458657501</v>
      </c>
      <c r="P110" s="8">
        <v>1.84</v>
      </c>
      <c r="Q110" s="8">
        <v>1.84</v>
      </c>
      <c r="R110" s="8">
        <v>1.86</v>
      </c>
      <c r="S110" s="8">
        <v>1.79</v>
      </c>
      <c r="T110" s="8">
        <v>1.75</v>
      </c>
      <c r="U110" s="8">
        <v>1.68</v>
      </c>
      <c r="V110" s="8">
        <v>1.65</v>
      </c>
      <c r="W110" s="8">
        <v>1.56</v>
      </c>
      <c r="X110" s="8">
        <v>1.51</v>
      </c>
      <c r="Y110" s="8">
        <v>1.49</v>
      </c>
      <c r="Z110" s="8">
        <v>1.5</v>
      </c>
      <c r="AA110" s="8">
        <v>1.51</v>
      </c>
      <c r="AB110" s="8">
        <v>1.48</v>
      </c>
      <c r="AC110" s="8">
        <v>1.47</v>
      </c>
      <c r="AD110" s="8">
        <v>1.48</v>
      </c>
      <c r="AE110" s="8">
        <v>1.47</v>
      </c>
      <c r="AF110" s="8">
        <v>1.44</v>
      </c>
      <c r="AG110" s="8">
        <v>1.47</v>
      </c>
      <c r="AH110" s="8">
        <v>1.49</v>
      </c>
      <c r="AI110" s="8">
        <v>1.53</v>
      </c>
      <c r="AJ110" s="8">
        <v>1.58</v>
      </c>
      <c r="AK110" s="8">
        <v>1.56</v>
      </c>
      <c r="AL110" s="8">
        <v>1.55</v>
      </c>
      <c r="AM110" s="8">
        <v>1.56</v>
      </c>
      <c r="AN110" s="8">
        <v>1.66</v>
      </c>
      <c r="AO110" s="8">
        <v>1.72</v>
      </c>
      <c r="AP110" s="8">
        <v>1.7</v>
      </c>
      <c r="AQ110" s="8">
        <v>1.74</v>
      </c>
      <c r="AR110" s="8">
        <v>1.79</v>
      </c>
      <c r="AS110" s="8">
        <v>1.78</v>
      </c>
      <c r="AT110" s="8">
        <v>1.79</v>
      </c>
      <c r="AU110" s="8">
        <v>1.72</v>
      </c>
      <c r="AV110" s="8">
        <v>1.7</v>
      </c>
      <c r="AW110" s="8">
        <v>1.74</v>
      </c>
      <c r="AX110" s="8">
        <v>1.73</v>
      </c>
      <c r="AY110" s="8">
        <v>1.74</v>
      </c>
      <c r="AZ110" s="8">
        <v>1.76</v>
      </c>
      <c r="BA110" s="8">
        <v>1.79</v>
      </c>
      <c r="BB110" s="8">
        <v>1.77</v>
      </c>
      <c r="BC110" s="8">
        <v>1.77</v>
      </c>
      <c r="BD110" s="8">
        <v>1.8</v>
      </c>
    </row>
    <row r="111" spans="3:56" x14ac:dyDescent="0.2">
      <c r="C111" s="16" t="s">
        <v>81</v>
      </c>
      <c r="D111" s="6" t="s">
        <v>58</v>
      </c>
      <c r="E111" s="8">
        <v>0.96</v>
      </c>
      <c r="F111" s="8">
        <v>0.98</v>
      </c>
      <c r="G111" s="8">
        <v>1.03</v>
      </c>
      <c r="H111" s="8">
        <v>1.04</v>
      </c>
      <c r="I111" s="8">
        <v>1.06</v>
      </c>
      <c r="J111" s="8">
        <v>1.08</v>
      </c>
      <c r="K111" s="8">
        <v>1.0960994335904799</v>
      </c>
      <c r="L111" s="8">
        <v>1.1000000000000001</v>
      </c>
      <c r="M111" s="8">
        <v>1.1112997481310301</v>
      </c>
      <c r="N111" s="8">
        <v>1.1286302366709799</v>
      </c>
      <c r="O111" s="8">
        <v>1.1473545178235101</v>
      </c>
      <c r="P111" s="8">
        <v>1.1599999999999999</v>
      </c>
      <c r="Q111" s="8">
        <v>1.1599999999999999</v>
      </c>
      <c r="R111" s="8">
        <v>1.1599999999999999</v>
      </c>
      <c r="S111" s="8">
        <v>1.22</v>
      </c>
      <c r="T111" s="8">
        <v>1.25</v>
      </c>
      <c r="U111" s="8">
        <v>1.28</v>
      </c>
      <c r="V111" s="8">
        <v>1.3</v>
      </c>
      <c r="W111" s="8">
        <v>1.32</v>
      </c>
      <c r="X111" s="8">
        <v>1.32</v>
      </c>
      <c r="Y111" s="8">
        <v>1.31</v>
      </c>
      <c r="Z111" s="8">
        <v>1.3</v>
      </c>
      <c r="AA111" s="8">
        <v>1.31</v>
      </c>
      <c r="AB111" s="8">
        <v>1.3</v>
      </c>
      <c r="AC111" s="8">
        <v>1.3</v>
      </c>
      <c r="AD111" s="8">
        <v>1.3</v>
      </c>
      <c r="AE111" s="8">
        <v>1.28</v>
      </c>
      <c r="AF111" s="8">
        <v>1.27</v>
      </c>
      <c r="AG111" s="8">
        <v>1.27</v>
      </c>
      <c r="AH111" s="8">
        <v>1.26</v>
      </c>
      <c r="AI111" s="8">
        <v>1.24</v>
      </c>
      <c r="AJ111" s="8">
        <v>1.23</v>
      </c>
      <c r="AK111" s="8">
        <v>1.23</v>
      </c>
      <c r="AL111" s="8">
        <v>1.23</v>
      </c>
      <c r="AM111" s="8">
        <v>1.22</v>
      </c>
      <c r="AN111" s="8">
        <v>1.2</v>
      </c>
      <c r="AO111" s="8">
        <v>1.2</v>
      </c>
      <c r="AP111" s="8">
        <v>1.18</v>
      </c>
      <c r="AQ111" s="8">
        <v>1.1599999999999999</v>
      </c>
      <c r="AR111" s="8">
        <v>1.1499999999999999</v>
      </c>
      <c r="AS111" s="8">
        <v>1.1399999999999999</v>
      </c>
      <c r="AT111" s="8">
        <v>1.1299999999999999</v>
      </c>
      <c r="AU111" s="8">
        <v>1.1200000000000001</v>
      </c>
      <c r="AV111" s="8">
        <v>1.1200000000000001</v>
      </c>
      <c r="AW111" s="8">
        <v>1.1299999999999999</v>
      </c>
      <c r="AX111" s="8">
        <v>1.1499999999999999</v>
      </c>
      <c r="AY111" s="8">
        <v>1.1399999999999999</v>
      </c>
      <c r="AZ111" s="8">
        <v>1.1399999999999999</v>
      </c>
      <c r="BA111" s="8">
        <v>1.1399999999999999</v>
      </c>
      <c r="BB111" s="8">
        <v>1.1399999999999999</v>
      </c>
      <c r="BC111" s="8">
        <v>1.1399999999999999</v>
      </c>
      <c r="BD111" s="8">
        <v>1.1499999999999999</v>
      </c>
    </row>
    <row r="112" spans="3:56" x14ac:dyDescent="0.2">
      <c r="C112" s="16" t="s">
        <v>82</v>
      </c>
      <c r="D112" s="6" t="s">
        <v>58</v>
      </c>
      <c r="E112" s="8">
        <v>3.89</v>
      </c>
      <c r="F112" s="8">
        <v>3.93</v>
      </c>
      <c r="G112" s="8">
        <v>4.13</v>
      </c>
      <c r="H112" s="8">
        <v>4.25</v>
      </c>
      <c r="I112" s="8">
        <v>4.33</v>
      </c>
      <c r="J112" s="8">
        <v>4.6100000000000003</v>
      </c>
      <c r="K112" s="8">
        <v>4.6117352980577504</v>
      </c>
      <c r="L112" s="8">
        <v>4.46</v>
      </c>
      <c r="M112" s="8">
        <v>4.2814133670764898</v>
      </c>
      <c r="N112" s="8">
        <v>4.0114379537714804</v>
      </c>
      <c r="O112" s="8">
        <v>3.9276796692729499</v>
      </c>
      <c r="P112" s="8">
        <v>3.95</v>
      </c>
      <c r="Q112" s="8">
        <v>3.96</v>
      </c>
      <c r="R112" s="8">
        <v>3.8</v>
      </c>
      <c r="S112" s="8">
        <v>3.78</v>
      </c>
      <c r="T112" s="8">
        <v>3.79</v>
      </c>
      <c r="U112" s="8">
        <v>3.56</v>
      </c>
      <c r="V112" s="8">
        <v>3.51</v>
      </c>
      <c r="W112" s="8">
        <v>3.54</v>
      </c>
      <c r="X112" s="8">
        <v>3.44</v>
      </c>
      <c r="Y112" s="8">
        <v>3.48</v>
      </c>
      <c r="Z112" s="8">
        <v>3.46</v>
      </c>
      <c r="AA112" s="8">
        <v>3.66</v>
      </c>
      <c r="AB112" s="8">
        <v>3.73</v>
      </c>
      <c r="AC112" s="8">
        <v>3.63</v>
      </c>
      <c r="AD112" s="8">
        <v>3.56</v>
      </c>
      <c r="AE112" s="8">
        <v>3.57</v>
      </c>
      <c r="AF112" s="8">
        <v>3.66</v>
      </c>
      <c r="AG112" s="8">
        <v>3.64</v>
      </c>
      <c r="AH112" s="8">
        <v>3.61</v>
      </c>
      <c r="AI112" s="8">
        <v>3.58</v>
      </c>
      <c r="AJ112" s="8">
        <v>3.62</v>
      </c>
      <c r="AK112" s="8">
        <v>3.69</v>
      </c>
      <c r="AL112" s="8">
        <v>3.77</v>
      </c>
      <c r="AM112" s="8">
        <v>3.89</v>
      </c>
      <c r="AN112" s="8">
        <v>3.93</v>
      </c>
      <c r="AO112" s="8">
        <v>3.9</v>
      </c>
      <c r="AP112" s="8">
        <v>3.82</v>
      </c>
      <c r="AQ112" s="8">
        <v>3.75</v>
      </c>
      <c r="AR112" s="8">
        <v>3.65</v>
      </c>
      <c r="AS112" s="8">
        <v>3.57</v>
      </c>
      <c r="AT112" s="8">
        <v>3.57</v>
      </c>
      <c r="AU112" s="8">
        <v>3.55</v>
      </c>
      <c r="AV112" s="8">
        <v>3.54</v>
      </c>
      <c r="AW112" s="8">
        <v>3.55</v>
      </c>
      <c r="AX112" s="8">
        <v>3.57</v>
      </c>
      <c r="AY112" s="8">
        <v>3.57</v>
      </c>
      <c r="AZ112" s="8">
        <v>3.58</v>
      </c>
      <c r="BA112" s="8">
        <v>3.61</v>
      </c>
      <c r="BB112" s="8">
        <v>3.66</v>
      </c>
      <c r="BC112" s="8">
        <v>3.69</v>
      </c>
      <c r="BD112" s="8">
        <v>3.78</v>
      </c>
    </row>
    <row r="113" spans="3:56" x14ac:dyDescent="0.2">
      <c r="C113" s="16" t="s">
        <v>84</v>
      </c>
      <c r="D113" s="6" t="s">
        <v>85</v>
      </c>
      <c r="E113" s="8">
        <v>0.98</v>
      </c>
      <c r="F113" s="8">
        <v>0.96</v>
      </c>
      <c r="G113" s="8">
        <v>0.97</v>
      </c>
      <c r="H113" s="8">
        <v>0.96</v>
      </c>
      <c r="I113" s="8">
        <v>0.94</v>
      </c>
      <c r="J113" s="8">
        <v>0.93</v>
      </c>
      <c r="K113" s="8">
        <v>0.92400595037296895</v>
      </c>
      <c r="L113" s="8">
        <v>0.92</v>
      </c>
      <c r="M113" s="8">
        <v>0.90194076946398005</v>
      </c>
      <c r="N113" s="8">
        <v>0.89107703544068895</v>
      </c>
      <c r="O113" s="8">
        <v>0.89018876593521301</v>
      </c>
      <c r="P113" s="8">
        <v>0.89</v>
      </c>
      <c r="Q113" s="8">
        <v>0.89</v>
      </c>
      <c r="R113" s="8">
        <v>0.9</v>
      </c>
      <c r="S113" s="8">
        <v>0.91</v>
      </c>
      <c r="T113" s="8">
        <v>0.91</v>
      </c>
      <c r="U113" s="8">
        <v>0.87</v>
      </c>
      <c r="V113" s="8">
        <v>0.86</v>
      </c>
      <c r="W113" s="8">
        <v>0.92</v>
      </c>
      <c r="X113" s="8">
        <v>0.93</v>
      </c>
      <c r="Y113" s="8">
        <v>0.92</v>
      </c>
      <c r="Z113" s="8">
        <v>0.93</v>
      </c>
      <c r="AA113" s="8">
        <v>0.93</v>
      </c>
      <c r="AB113" s="8">
        <v>0.92</v>
      </c>
      <c r="AC113" s="8">
        <v>0.9</v>
      </c>
      <c r="AD113" s="8">
        <v>0.89</v>
      </c>
      <c r="AE113" s="8">
        <v>0.88</v>
      </c>
      <c r="AF113" s="8">
        <v>0.88</v>
      </c>
      <c r="AG113" s="8">
        <v>0.87</v>
      </c>
      <c r="AH113" s="8">
        <v>0.87</v>
      </c>
      <c r="AI113" s="8">
        <v>0.88</v>
      </c>
      <c r="AJ113" s="8">
        <v>0.86</v>
      </c>
      <c r="AK113" s="8">
        <v>0.86</v>
      </c>
      <c r="AL113" s="8">
        <v>0.85</v>
      </c>
      <c r="AM113" s="8">
        <v>0.86</v>
      </c>
      <c r="AN113" s="8">
        <v>0.85</v>
      </c>
      <c r="AO113" s="8">
        <v>0.85</v>
      </c>
      <c r="AP113" s="8">
        <v>0.87</v>
      </c>
      <c r="AQ113" s="8">
        <v>0.86</v>
      </c>
      <c r="AR113" s="8">
        <v>0.86</v>
      </c>
      <c r="AS113" s="8">
        <v>0.86</v>
      </c>
      <c r="AT113" s="8">
        <v>0.85</v>
      </c>
      <c r="AU113" s="8">
        <v>0.85</v>
      </c>
      <c r="AV113" s="8">
        <v>0.86</v>
      </c>
      <c r="AW113" s="8">
        <v>0.87</v>
      </c>
      <c r="AX113" s="8">
        <v>0.89</v>
      </c>
      <c r="AY113" s="8">
        <v>0.91</v>
      </c>
      <c r="AZ113" s="8">
        <v>0.91</v>
      </c>
      <c r="BA113" s="8">
        <v>0.92</v>
      </c>
      <c r="BB113" s="8">
        <v>0.93</v>
      </c>
      <c r="BC113" s="8">
        <v>0.93</v>
      </c>
      <c r="BD113" s="8">
        <v>0.94</v>
      </c>
    </row>
    <row r="114" spans="3:56" x14ac:dyDescent="0.2">
      <c r="C114" s="16" t="s">
        <v>86</v>
      </c>
      <c r="D114" s="6" t="s">
        <v>58</v>
      </c>
      <c r="E114" s="8">
        <v>2.09</v>
      </c>
      <c r="F114" s="8">
        <v>2.14</v>
      </c>
      <c r="G114" s="8">
        <v>2.25</v>
      </c>
      <c r="H114" s="8">
        <v>2.36</v>
      </c>
      <c r="I114" s="8">
        <v>2.4</v>
      </c>
      <c r="J114" s="8">
        <v>2.37</v>
      </c>
      <c r="K114" s="8">
        <v>2.3908329260863099</v>
      </c>
      <c r="L114" s="8">
        <v>2.39</v>
      </c>
      <c r="M114" s="8">
        <v>2.3265422970363501</v>
      </c>
      <c r="N114" s="8">
        <v>2.28917081408387</v>
      </c>
      <c r="O114" s="8">
        <v>2.25242383956896</v>
      </c>
      <c r="P114" s="8">
        <v>2.33</v>
      </c>
      <c r="Q114" s="8">
        <v>2.33</v>
      </c>
      <c r="R114" s="8">
        <v>2.44</v>
      </c>
      <c r="S114" s="8">
        <v>2.6</v>
      </c>
      <c r="T114" s="8">
        <v>2.73</v>
      </c>
      <c r="U114" s="8">
        <v>2.9</v>
      </c>
      <c r="V114" s="8">
        <v>2.84</v>
      </c>
      <c r="W114" s="8">
        <v>2.85</v>
      </c>
      <c r="X114" s="8">
        <v>2.74</v>
      </c>
      <c r="Y114" s="8">
        <v>2.64</v>
      </c>
      <c r="Z114" s="8">
        <v>2.59</v>
      </c>
      <c r="AA114" s="8">
        <v>2.56</v>
      </c>
      <c r="AB114" s="8">
        <v>2.54</v>
      </c>
      <c r="AC114" s="8">
        <v>2.54</v>
      </c>
      <c r="AD114" s="8">
        <v>2.5099999999999998</v>
      </c>
      <c r="AE114" s="8">
        <v>2.4700000000000002</v>
      </c>
      <c r="AF114" s="8">
        <v>2.41</v>
      </c>
      <c r="AG114" s="8">
        <v>2.4</v>
      </c>
      <c r="AH114" s="8">
        <v>2.4</v>
      </c>
      <c r="AI114" s="8">
        <v>2.35</v>
      </c>
      <c r="AJ114" s="8">
        <v>2.2999999999999998</v>
      </c>
      <c r="AK114" s="8">
        <v>2.2799999999999998</v>
      </c>
      <c r="AL114" s="8">
        <v>2.2599999999999998</v>
      </c>
      <c r="AM114" s="8">
        <v>2.25</v>
      </c>
      <c r="AN114" s="8">
        <v>2.2000000000000002</v>
      </c>
      <c r="AO114" s="8">
        <v>2.1800000000000002</v>
      </c>
      <c r="AP114" s="8">
        <v>2.13</v>
      </c>
      <c r="AQ114" s="8">
        <v>2.13</v>
      </c>
      <c r="AR114" s="8">
        <v>2.12</v>
      </c>
      <c r="AS114" s="8">
        <v>2.15</v>
      </c>
      <c r="AT114" s="8">
        <v>2.15</v>
      </c>
      <c r="AU114" s="8">
        <v>2.2400000000000002</v>
      </c>
      <c r="AV114" s="8">
        <v>2.2599999999999998</v>
      </c>
      <c r="AW114" s="8">
        <v>2.31</v>
      </c>
      <c r="AX114" s="8">
        <v>2.3199999999999998</v>
      </c>
      <c r="AY114" s="8">
        <v>2.3199999999999998</v>
      </c>
      <c r="AZ114" s="8">
        <v>2.2799999999999998</v>
      </c>
      <c r="BA114" s="8">
        <v>2.2799999999999998</v>
      </c>
      <c r="BB114" s="8">
        <v>2.3199999999999998</v>
      </c>
      <c r="BC114" s="8">
        <v>2.3199999999999998</v>
      </c>
      <c r="BD114" s="8">
        <v>2.33</v>
      </c>
    </row>
    <row r="115" spans="3:56" x14ac:dyDescent="0.2">
      <c r="C115" s="16" t="s">
        <v>104</v>
      </c>
      <c r="D115" s="6" t="s">
        <v>58</v>
      </c>
      <c r="E115" s="8">
        <v>2.25</v>
      </c>
      <c r="F115" s="8">
        <v>2.2599999999999998</v>
      </c>
      <c r="G115" s="8">
        <v>2.2599999999999998</v>
      </c>
      <c r="H115" s="8">
        <v>2.27</v>
      </c>
      <c r="I115" s="8">
        <v>2.27</v>
      </c>
      <c r="J115" s="8">
        <v>2.27</v>
      </c>
      <c r="K115" s="8">
        <v>2.2272133817841402</v>
      </c>
      <c r="L115" s="8">
        <v>2.2000000000000002</v>
      </c>
      <c r="M115" s="8">
        <v>2.1618778449412899</v>
      </c>
      <c r="N115" s="8">
        <v>2.17756452407265</v>
      </c>
      <c r="O115" s="8">
        <v>2.1724557855206998</v>
      </c>
      <c r="P115" s="8">
        <v>2.2200000000000002</v>
      </c>
      <c r="Q115" s="8">
        <v>2.2200000000000002</v>
      </c>
      <c r="R115" s="8">
        <v>2.44</v>
      </c>
      <c r="S115" s="8">
        <v>2.5099999999999998</v>
      </c>
      <c r="T115" s="8">
        <v>2.4700000000000002</v>
      </c>
      <c r="U115" s="8">
        <v>2.36</v>
      </c>
      <c r="V115" s="8">
        <v>2.27</v>
      </c>
      <c r="W115" s="8">
        <v>2.21</v>
      </c>
      <c r="X115" s="8">
        <v>2.1800000000000002</v>
      </c>
      <c r="Y115" s="8">
        <v>2.14</v>
      </c>
      <c r="Z115" s="8">
        <v>2.09</v>
      </c>
      <c r="AA115" s="8">
        <v>2.04</v>
      </c>
      <c r="AB115" s="8">
        <v>2.06</v>
      </c>
      <c r="AC115" s="8">
        <v>2.06</v>
      </c>
      <c r="AD115" s="8">
        <v>2.0499999999999998</v>
      </c>
      <c r="AE115" s="8">
        <v>2.0699999999999998</v>
      </c>
      <c r="AF115" s="8">
        <v>2.11</v>
      </c>
      <c r="AG115" s="8">
        <v>2.08</v>
      </c>
      <c r="AH115" s="8">
        <v>2.0499999999999998</v>
      </c>
      <c r="AI115" s="8">
        <v>2.04</v>
      </c>
      <c r="AJ115" s="8">
        <v>2.0499999999999998</v>
      </c>
      <c r="AK115" s="8">
        <v>2.0299999999999998</v>
      </c>
      <c r="AL115" s="8">
        <v>2.02</v>
      </c>
      <c r="AM115" s="8">
        <v>2.0099999999999998</v>
      </c>
      <c r="AN115" s="8">
        <v>1.98</v>
      </c>
      <c r="AO115" s="8">
        <v>1.99</v>
      </c>
      <c r="AP115" s="8">
        <v>2.0099999999999998</v>
      </c>
      <c r="AQ115" s="8">
        <v>2.1</v>
      </c>
      <c r="AR115" s="8">
        <v>2.12</v>
      </c>
      <c r="AS115" s="8">
        <v>2.11</v>
      </c>
      <c r="AT115" s="8">
        <v>2.12</v>
      </c>
      <c r="AU115" s="8">
        <v>2.13</v>
      </c>
      <c r="AV115" s="8">
        <v>2.13</v>
      </c>
      <c r="AW115" s="8">
        <v>2.15</v>
      </c>
      <c r="AX115" s="8">
        <v>2.19</v>
      </c>
      <c r="AY115" s="8">
        <v>2.2000000000000002</v>
      </c>
      <c r="AZ115" s="8">
        <v>2.21</v>
      </c>
      <c r="BA115" s="8">
        <v>2.2200000000000002</v>
      </c>
      <c r="BB115" s="8">
        <v>2.23</v>
      </c>
      <c r="BC115" s="8">
        <v>2.23</v>
      </c>
      <c r="BD115" s="8">
        <v>2.23</v>
      </c>
    </row>
    <row r="116" spans="3:56" x14ac:dyDescent="0.2">
      <c r="C116" s="16" t="s">
        <v>87</v>
      </c>
      <c r="D116" s="6" t="s">
        <v>58</v>
      </c>
      <c r="E116" s="8">
        <v>0.96</v>
      </c>
      <c r="F116" s="8">
        <v>0.97</v>
      </c>
      <c r="G116" s="8">
        <v>0.99</v>
      </c>
      <c r="H116" s="8">
        <v>0.98</v>
      </c>
      <c r="I116" s="8">
        <v>0.99</v>
      </c>
      <c r="J116" s="8">
        <v>0.99</v>
      </c>
      <c r="K116" s="8">
        <v>0.98136585803207799</v>
      </c>
      <c r="L116" s="8">
        <v>0.98</v>
      </c>
      <c r="M116" s="8">
        <v>0.99322369187632209</v>
      </c>
      <c r="N116" s="8">
        <v>1.0139461222192101</v>
      </c>
      <c r="O116" s="8">
        <v>1.0170496206059401</v>
      </c>
      <c r="P116" s="8">
        <v>1.02</v>
      </c>
      <c r="Q116" s="8">
        <v>1.02</v>
      </c>
      <c r="R116" s="8">
        <v>1.02</v>
      </c>
      <c r="S116" s="8">
        <v>1.01</v>
      </c>
      <c r="T116" s="8">
        <v>1</v>
      </c>
      <c r="U116" s="8">
        <v>1.01</v>
      </c>
      <c r="V116" s="8">
        <v>1.01</v>
      </c>
      <c r="W116" s="8">
        <v>1</v>
      </c>
      <c r="X116" s="8">
        <v>1.01</v>
      </c>
      <c r="Y116" s="8">
        <v>1.01</v>
      </c>
      <c r="Z116" s="8">
        <v>1.01</v>
      </c>
      <c r="AA116" s="8">
        <v>1</v>
      </c>
      <c r="AB116" s="8">
        <v>1</v>
      </c>
      <c r="AC116" s="8">
        <v>1</v>
      </c>
      <c r="AD116" s="8">
        <v>1</v>
      </c>
      <c r="AE116" s="8">
        <v>1</v>
      </c>
      <c r="AF116" s="8">
        <v>1</v>
      </c>
      <c r="AG116" s="8">
        <v>0.99</v>
      </c>
      <c r="AH116" s="8">
        <v>0.99</v>
      </c>
      <c r="AI116" s="8">
        <v>0.99</v>
      </c>
      <c r="AJ116" s="8">
        <v>0.99</v>
      </c>
      <c r="AK116" s="8">
        <v>0.99</v>
      </c>
      <c r="AL116" s="8">
        <v>0.99</v>
      </c>
      <c r="AM116" s="8">
        <v>0.99</v>
      </c>
      <c r="AN116" s="8">
        <v>1</v>
      </c>
      <c r="AO116" s="8">
        <v>0.99</v>
      </c>
      <c r="AP116" s="8">
        <v>1</v>
      </c>
      <c r="AQ116" s="8">
        <v>1</v>
      </c>
      <c r="AR116" s="8">
        <v>1</v>
      </c>
      <c r="AS116" s="8">
        <v>1</v>
      </c>
      <c r="AT116" s="8">
        <v>1</v>
      </c>
      <c r="AU116" s="8">
        <v>1</v>
      </c>
      <c r="AV116" s="8">
        <v>1</v>
      </c>
      <c r="AW116" s="8">
        <v>1</v>
      </c>
      <c r="AX116" s="8">
        <v>0.99</v>
      </c>
      <c r="AY116" s="8">
        <v>0.99</v>
      </c>
      <c r="AZ116" s="8">
        <v>0.99</v>
      </c>
      <c r="BA116" s="8">
        <v>0.99</v>
      </c>
      <c r="BB116" s="8">
        <v>0.99</v>
      </c>
      <c r="BC116" s="8">
        <v>0.99</v>
      </c>
      <c r="BD116" s="8">
        <v>0.98</v>
      </c>
    </row>
    <row r="117" spans="3:56" x14ac:dyDescent="0.2">
      <c r="C117" s="16" t="s">
        <v>88</v>
      </c>
      <c r="D117" s="6" t="s">
        <v>58</v>
      </c>
      <c r="E117" s="8">
        <v>1.39</v>
      </c>
      <c r="F117" s="8">
        <v>1.37</v>
      </c>
      <c r="G117" s="8">
        <v>1.35</v>
      </c>
      <c r="H117" s="8">
        <v>1.34</v>
      </c>
      <c r="I117" s="8">
        <v>1.33</v>
      </c>
      <c r="J117" s="8">
        <v>1.32</v>
      </c>
      <c r="K117" s="8">
        <v>1.29935198667735</v>
      </c>
      <c r="L117" s="8">
        <v>1.29</v>
      </c>
      <c r="M117" s="8">
        <v>1.2857766206730501</v>
      </c>
      <c r="N117" s="8">
        <v>1.2892584599215102</v>
      </c>
      <c r="O117" s="8">
        <v>1.2841417335329799</v>
      </c>
      <c r="P117" s="8">
        <v>1.28</v>
      </c>
      <c r="Q117" s="8">
        <v>1.29</v>
      </c>
      <c r="R117" s="8">
        <v>1.3</v>
      </c>
      <c r="S117" s="8">
        <v>1.29</v>
      </c>
      <c r="T117" s="8">
        <v>1.3</v>
      </c>
      <c r="U117" s="8">
        <v>1.29</v>
      </c>
      <c r="V117" s="8">
        <v>1.3</v>
      </c>
      <c r="W117" s="8">
        <v>1.3</v>
      </c>
      <c r="X117" s="8">
        <v>1.3</v>
      </c>
      <c r="Y117" s="8">
        <v>1.31</v>
      </c>
      <c r="Z117" s="8">
        <v>1.3</v>
      </c>
      <c r="AA117" s="8">
        <v>1.3</v>
      </c>
      <c r="AB117" s="8">
        <v>1.31</v>
      </c>
      <c r="AC117" s="8">
        <v>1.31</v>
      </c>
      <c r="AD117" s="8">
        <v>1.31</v>
      </c>
      <c r="AE117" s="8">
        <v>1.33</v>
      </c>
      <c r="AF117" s="8">
        <v>1.33</v>
      </c>
      <c r="AG117" s="8">
        <v>1.33</v>
      </c>
      <c r="AH117" s="8">
        <v>1.34</v>
      </c>
      <c r="AI117" s="8">
        <v>1.35</v>
      </c>
      <c r="AJ117" s="8">
        <v>1.37</v>
      </c>
      <c r="AK117" s="8">
        <v>1.38</v>
      </c>
      <c r="AL117" s="8">
        <v>1.39</v>
      </c>
      <c r="AM117" s="8">
        <v>1.39</v>
      </c>
      <c r="AN117" s="8">
        <v>1.43</v>
      </c>
      <c r="AO117" s="8">
        <v>1.44</v>
      </c>
      <c r="AP117" s="8">
        <v>1.46</v>
      </c>
      <c r="AQ117" s="8">
        <v>1.47</v>
      </c>
      <c r="AR117" s="8">
        <v>1.47</v>
      </c>
      <c r="AS117" s="8">
        <v>1.5</v>
      </c>
      <c r="AT117" s="8">
        <v>1.5</v>
      </c>
      <c r="AU117" s="8">
        <v>1.51</v>
      </c>
      <c r="AV117" s="8">
        <v>1.51</v>
      </c>
      <c r="AW117" s="8">
        <v>1.53</v>
      </c>
      <c r="AX117" s="8">
        <v>1.54</v>
      </c>
      <c r="AY117" s="8">
        <v>1.56</v>
      </c>
      <c r="AZ117" s="8">
        <v>1.55</v>
      </c>
      <c r="BA117" s="8">
        <v>1.56</v>
      </c>
      <c r="BB117" s="8">
        <v>1.57</v>
      </c>
      <c r="BC117" s="8">
        <v>1.6</v>
      </c>
      <c r="BD117" s="8">
        <v>1.62</v>
      </c>
    </row>
    <row r="118" spans="3:56" x14ac:dyDescent="0.2">
      <c r="C118" s="16" t="s">
        <v>89</v>
      </c>
      <c r="D118" s="6" t="s">
        <v>58</v>
      </c>
      <c r="E118" s="8">
        <v>1.61</v>
      </c>
      <c r="F118" s="8">
        <v>1.6</v>
      </c>
      <c r="G118" s="8">
        <v>1.63</v>
      </c>
      <c r="H118" s="8">
        <v>1.64</v>
      </c>
      <c r="I118" s="8">
        <v>1.64</v>
      </c>
      <c r="J118" s="8">
        <v>1.64</v>
      </c>
      <c r="K118" s="8">
        <v>1.62771648948509</v>
      </c>
      <c r="L118" s="8">
        <v>1.64</v>
      </c>
      <c r="M118" s="8">
        <v>1.6357987624129602</v>
      </c>
      <c r="N118" s="8">
        <v>1.6403808695940902</v>
      </c>
      <c r="O118" s="8">
        <v>1.62656939506522</v>
      </c>
      <c r="P118" s="8">
        <v>1.63</v>
      </c>
      <c r="Q118" s="8">
        <v>1.63</v>
      </c>
      <c r="R118" s="8">
        <v>1.63</v>
      </c>
      <c r="S118" s="8">
        <v>1.64</v>
      </c>
      <c r="T118" s="8">
        <v>1.63</v>
      </c>
      <c r="U118" s="8">
        <v>1.77</v>
      </c>
      <c r="V118" s="8">
        <v>1.66</v>
      </c>
      <c r="W118" s="8">
        <v>1.66</v>
      </c>
      <c r="X118" s="8">
        <v>1.68</v>
      </c>
      <c r="Y118" s="8">
        <v>1.69</v>
      </c>
      <c r="Z118" s="8">
        <v>1.7</v>
      </c>
      <c r="AA118" s="8">
        <v>1.72</v>
      </c>
      <c r="AB118" s="8">
        <v>1.71</v>
      </c>
      <c r="AC118" s="8">
        <v>1.71</v>
      </c>
      <c r="AD118" s="8">
        <v>1.74</v>
      </c>
      <c r="AE118" s="8">
        <v>1.76</v>
      </c>
      <c r="AF118" s="8">
        <v>1.77</v>
      </c>
      <c r="AG118" s="8">
        <v>1.79</v>
      </c>
      <c r="AH118" s="8">
        <v>1.8</v>
      </c>
      <c r="AI118" s="8">
        <v>1.83</v>
      </c>
      <c r="AJ118" s="8">
        <v>1.83</v>
      </c>
      <c r="AK118" s="8">
        <v>1.83</v>
      </c>
      <c r="AL118" s="8">
        <v>1.84</v>
      </c>
      <c r="AM118" s="8">
        <v>1.84</v>
      </c>
      <c r="AN118" s="8">
        <v>1.84</v>
      </c>
      <c r="AO118" s="8">
        <v>1.83</v>
      </c>
      <c r="AP118" s="8">
        <v>1.82</v>
      </c>
      <c r="AQ118" s="8">
        <v>1.81</v>
      </c>
      <c r="AR118" s="8">
        <v>1.79</v>
      </c>
      <c r="AS118" s="8">
        <v>1.78</v>
      </c>
      <c r="AT118" s="8">
        <v>1.77</v>
      </c>
      <c r="AU118" s="8">
        <v>1.75</v>
      </c>
      <c r="AV118" s="8">
        <v>1.75</v>
      </c>
      <c r="AW118" s="8">
        <v>1.73</v>
      </c>
      <c r="AX118" s="8">
        <v>1.71</v>
      </c>
      <c r="AY118" s="8">
        <v>1.71</v>
      </c>
      <c r="AZ118" s="8">
        <v>1.72</v>
      </c>
      <c r="BA118" s="8">
        <v>1.72</v>
      </c>
      <c r="BB118" s="8">
        <v>1.73</v>
      </c>
      <c r="BC118" s="8">
        <v>1.73</v>
      </c>
      <c r="BD118" s="8">
        <v>1.73</v>
      </c>
    </row>
    <row r="119" spans="3:56" x14ac:dyDescent="0.2">
      <c r="C119" s="18" t="s">
        <v>91</v>
      </c>
      <c r="D119" s="6" t="s">
        <v>58</v>
      </c>
      <c r="E119" s="8">
        <v>1.56</v>
      </c>
      <c r="F119" s="8">
        <v>1.53</v>
      </c>
      <c r="G119" s="8">
        <v>1.53</v>
      </c>
      <c r="H119" s="8">
        <v>1.5</v>
      </c>
      <c r="I119" s="8">
        <v>1.5</v>
      </c>
      <c r="J119" s="8">
        <v>1.5</v>
      </c>
      <c r="K119" s="8">
        <v>1.5305566983890402</v>
      </c>
      <c r="L119" s="8">
        <v>1.54</v>
      </c>
      <c r="M119" s="8">
        <v>1.56333626737078</v>
      </c>
      <c r="N119" s="8">
        <v>1.64143561833508</v>
      </c>
      <c r="O119" s="8"/>
      <c r="P119" s="8"/>
      <c r="Q119" s="8"/>
      <c r="R119" s="8"/>
      <c r="S119" s="8"/>
      <c r="T119" s="8"/>
      <c r="U119" s="8"/>
      <c r="V119" s="8"/>
      <c r="W119" s="8"/>
      <c r="X119" s="8"/>
      <c r="Y119" s="8"/>
      <c r="Z119" s="8"/>
      <c r="AA119" s="17"/>
      <c r="AB119" s="8"/>
      <c r="AC119" s="8"/>
      <c r="AD119" s="8"/>
      <c r="AE119" s="8"/>
      <c r="AF119" s="8"/>
      <c r="AG119" s="8"/>
      <c r="AH119" s="8"/>
      <c r="AI119" s="8"/>
      <c r="AJ119" s="8"/>
      <c r="AK119" s="8"/>
      <c r="AL119" s="8"/>
      <c r="AM119" s="8"/>
      <c r="AN119" s="8"/>
      <c r="AO119" s="8"/>
      <c r="AP119" s="8"/>
      <c r="AQ119" s="8">
        <v>1.75</v>
      </c>
      <c r="AR119" s="8">
        <v>1.89</v>
      </c>
      <c r="AS119" s="8">
        <v>1.85</v>
      </c>
      <c r="AT119" s="8">
        <v>1.8</v>
      </c>
      <c r="AU119" s="8">
        <v>1.81</v>
      </c>
      <c r="AV119" s="8">
        <v>1.93</v>
      </c>
      <c r="AW119" s="8">
        <v>1.88</v>
      </c>
      <c r="AX119" s="8">
        <v>1.74</v>
      </c>
      <c r="AY119" s="8">
        <v>1.73</v>
      </c>
      <c r="AZ119" s="8">
        <v>1.69</v>
      </c>
      <c r="BA119" s="8">
        <v>1.68</v>
      </c>
      <c r="BB119" s="8">
        <v>1.67</v>
      </c>
      <c r="BC119" s="8">
        <v>1.68</v>
      </c>
      <c r="BD119" s="8">
        <v>1.68</v>
      </c>
    </row>
    <row r="120" spans="3:56" x14ac:dyDescent="0.2">
      <c r="C120" s="18" t="s">
        <v>100</v>
      </c>
      <c r="D120" s="6" t="s">
        <v>58</v>
      </c>
      <c r="E120" s="17"/>
      <c r="F120" s="17"/>
      <c r="G120" s="17"/>
      <c r="H120" s="17"/>
      <c r="I120" s="17"/>
      <c r="J120" s="22"/>
      <c r="K120" s="17"/>
      <c r="L120" s="17"/>
      <c r="M120" s="17"/>
      <c r="N120" s="17"/>
      <c r="O120" s="8">
        <v>1.2432037586538001</v>
      </c>
      <c r="P120" s="8">
        <v>1.24</v>
      </c>
      <c r="Q120" s="8">
        <v>1.24</v>
      </c>
      <c r="R120" s="8">
        <v>1.24</v>
      </c>
      <c r="S120" s="8">
        <v>1.25</v>
      </c>
      <c r="T120" s="8">
        <v>1.25</v>
      </c>
      <c r="U120" s="8">
        <v>1.29</v>
      </c>
      <c r="V120" s="8">
        <v>1.29</v>
      </c>
      <c r="W120" s="8">
        <v>1.3</v>
      </c>
      <c r="X120" s="8">
        <v>1.31</v>
      </c>
      <c r="Y120" s="8">
        <v>1.33</v>
      </c>
      <c r="Z120" s="8">
        <v>1.35</v>
      </c>
      <c r="AA120" s="17">
        <v>1.26</v>
      </c>
      <c r="AB120" s="8">
        <v>1.27</v>
      </c>
      <c r="AC120" s="8">
        <v>1.28</v>
      </c>
      <c r="AD120" s="8">
        <v>1.32</v>
      </c>
      <c r="AE120" s="8">
        <v>1.36</v>
      </c>
      <c r="AF120" s="8">
        <v>1.36</v>
      </c>
      <c r="AG120" s="8">
        <v>1.38</v>
      </c>
      <c r="AH120" s="8">
        <v>1.38</v>
      </c>
      <c r="AI120" s="17">
        <v>1.41</v>
      </c>
      <c r="AJ120" s="8">
        <v>1.43</v>
      </c>
      <c r="AK120" s="8">
        <v>1.43</v>
      </c>
      <c r="AL120" s="8">
        <v>1.45</v>
      </c>
      <c r="AM120" s="8">
        <v>1.46</v>
      </c>
      <c r="AN120" s="8">
        <v>1.49</v>
      </c>
      <c r="AO120" s="8">
        <v>1.5</v>
      </c>
      <c r="AP120" s="8">
        <v>1.52</v>
      </c>
      <c r="AQ120" s="8">
        <v>1.54</v>
      </c>
      <c r="AR120" s="17"/>
      <c r="AS120" s="17"/>
      <c r="AT120" s="8"/>
      <c r="AU120" s="8"/>
      <c r="AV120" s="8"/>
      <c r="AW120" s="8"/>
      <c r="AX120" s="8"/>
      <c r="AY120" s="8"/>
      <c r="AZ120" s="8"/>
      <c r="BA120" s="8"/>
      <c r="BB120" s="8"/>
      <c r="BC120" s="8"/>
      <c r="BD120" s="8"/>
    </row>
    <row r="121" spans="3:56" x14ac:dyDescent="0.2">
      <c r="C121" s="16" t="s">
        <v>95</v>
      </c>
      <c r="D121" s="6" t="s">
        <v>58</v>
      </c>
      <c r="E121" s="17">
        <v>1.66</v>
      </c>
      <c r="F121" s="17">
        <v>1.66</v>
      </c>
      <c r="G121" s="17">
        <v>1.66</v>
      </c>
      <c r="H121" s="17">
        <v>1.66</v>
      </c>
      <c r="I121" s="17">
        <v>1.66</v>
      </c>
      <c r="J121" s="17">
        <v>1.69</v>
      </c>
      <c r="K121" s="17">
        <v>1.6865742807370101</v>
      </c>
      <c r="L121" s="17">
        <v>1.69</v>
      </c>
      <c r="M121" s="17">
        <v>1.68313559963936</v>
      </c>
      <c r="N121" s="17">
        <v>1.69753191912393</v>
      </c>
      <c r="O121" s="17">
        <v>1.7220656236280401</v>
      </c>
      <c r="P121" s="17">
        <v>1.72</v>
      </c>
      <c r="Q121" s="8">
        <v>1.72</v>
      </c>
      <c r="R121" s="17">
        <v>1.7</v>
      </c>
      <c r="S121" s="17">
        <v>1.71</v>
      </c>
      <c r="T121" s="17">
        <v>1.71</v>
      </c>
      <c r="U121" s="17">
        <v>1.79</v>
      </c>
      <c r="V121" s="17">
        <v>1.78</v>
      </c>
      <c r="W121" s="17">
        <v>1.79</v>
      </c>
      <c r="X121" s="17">
        <v>1.81</v>
      </c>
      <c r="Y121" s="17">
        <v>1.81</v>
      </c>
      <c r="Z121" s="17">
        <v>1.81</v>
      </c>
      <c r="AA121" s="17">
        <v>1.84</v>
      </c>
      <c r="AB121" s="17">
        <v>1.8</v>
      </c>
      <c r="AC121" s="17">
        <v>1.79</v>
      </c>
      <c r="AD121" s="17">
        <v>1.82</v>
      </c>
      <c r="AE121" s="17">
        <v>1.81</v>
      </c>
      <c r="AF121" s="17">
        <v>1.82</v>
      </c>
      <c r="AG121" s="17">
        <v>1.85</v>
      </c>
      <c r="AH121" s="17">
        <v>1.85</v>
      </c>
      <c r="AI121" s="13">
        <v>1.81</v>
      </c>
      <c r="AJ121" s="17">
        <v>1.82</v>
      </c>
      <c r="AK121" s="17">
        <v>1.85</v>
      </c>
      <c r="AL121" s="17">
        <v>1.85</v>
      </c>
      <c r="AM121" s="17">
        <v>1.85</v>
      </c>
      <c r="AN121" s="17">
        <v>1.84</v>
      </c>
      <c r="AO121" s="17">
        <v>1.84</v>
      </c>
      <c r="AP121" s="17">
        <v>1.83</v>
      </c>
      <c r="AQ121" s="17">
        <v>1.8</v>
      </c>
      <c r="AR121" s="17">
        <v>1.81</v>
      </c>
      <c r="AS121" s="17">
        <v>1.82</v>
      </c>
      <c r="AT121" s="17">
        <v>1.82</v>
      </c>
      <c r="AU121" s="17">
        <v>1.79</v>
      </c>
      <c r="AV121" s="17">
        <v>1.79</v>
      </c>
      <c r="AW121" s="17">
        <v>1.79</v>
      </c>
      <c r="AX121" s="17">
        <v>1.78</v>
      </c>
      <c r="AY121" s="17">
        <v>1.78</v>
      </c>
      <c r="AZ121" s="17">
        <v>1.78</v>
      </c>
      <c r="BA121" s="17">
        <v>1.77</v>
      </c>
      <c r="BB121" s="17">
        <v>1.79</v>
      </c>
      <c r="BC121" s="17">
        <v>1.78</v>
      </c>
      <c r="BD121" s="17">
        <v>1.77</v>
      </c>
    </row>
    <row r="122" spans="3:56" x14ac:dyDescent="0.2">
      <c r="C122" s="23" t="s">
        <v>96</v>
      </c>
      <c r="D122" s="6" t="s">
        <v>58</v>
      </c>
      <c r="E122" s="17">
        <v>1.79</v>
      </c>
      <c r="F122" s="17">
        <v>1.7</v>
      </c>
      <c r="G122" s="17">
        <v>1.65</v>
      </c>
      <c r="H122" s="17">
        <v>1.64</v>
      </c>
      <c r="I122" s="17">
        <v>1.64</v>
      </c>
      <c r="J122" s="17">
        <v>1.64</v>
      </c>
      <c r="K122" s="17">
        <v>1.6332548179817199</v>
      </c>
      <c r="L122" s="17">
        <v>1.6</v>
      </c>
      <c r="M122" s="17">
        <v>1.58708661872291</v>
      </c>
      <c r="N122" s="17">
        <v>1.5846247099274502</v>
      </c>
      <c r="O122" s="17">
        <v>1.58381603414667</v>
      </c>
      <c r="P122" s="17">
        <v>1.58</v>
      </c>
      <c r="Q122" s="17">
        <v>1.58</v>
      </c>
      <c r="R122" s="17">
        <v>1.58</v>
      </c>
      <c r="S122" s="17">
        <v>1.59</v>
      </c>
      <c r="T122" s="17">
        <v>1.63</v>
      </c>
      <c r="U122" s="17">
        <v>1.66</v>
      </c>
      <c r="V122" s="17">
        <v>1.65</v>
      </c>
      <c r="W122" s="17">
        <v>1.65</v>
      </c>
      <c r="X122" s="17">
        <v>1.66</v>
      </c>
      <c r="Y122" s="17">
        <v>1.65</v>
      </c>
      <c r="Z122" s="17">
        <v>1.65</v>
      </c>
      <c r="AA122" s="17">
        <v>1.64</v>
      </c>
      <c r="AB122" s="17">
        <v>1.66</v>
      </c>
      <c r="AC122" s="17">
        <v>1.68</v>
      </c>
      <c r="AD122" s="17">
        <v>1.68</v>
      </c>
      <c r="AE122" s="17">
        <v>1.72</v>
      </c>
      <c r="AF122" s="17">
        <v>1.74</v>
      </c>
      <c r="AG122" s="17">
        <v>1.76</v>
      </c>
      <c r="AH122" s="17">
        <v>1.77</v>
      </c>
      <c r="AI122" s="17">
        <v>1.8</v>
      </c>
      <c r="AJ122" s="13">
        <v>1.81</v>
      </c>
      <c r="AK122" s="13">
        <v>1.82</v>
      </c>
      <c r="AL122" s="13">
        <v>1.83</v>
      </c>
      <c r="AM122" s="17">
        <v>1.85</v>
      </c>
      <c r="AN122" s="17">
        <v>1.88</v>
      </c>
      <c r="AO122" s="17">
        <v>1.87</v>
      </c>
      <c r="AP122" s="17">
        <v>1.87</v>
      </c>
      <c r="AQ122" s="17">
        <v>1.89</v>
      </c>
      <c r="AR122" s="17">
        <v>1.91</v>
      </c>
      <c r="AS122" s="17">
        <v>1.92</v>
      </c>
      <c r="AT122" s="17">
        <v>1.93</v>
      </c>
      <c r="AU122" s="17">
        <v>1.97</v>
      </c>
      <c r="AV122" s="17">
        <v>1.96</v>
      </c>
      <c r="AW122" s="17">
        <v>1.98</v>
      </c>
      <c r="AX122" s="17">
        <v>1.98</v>
      </c>
      <c r="AY122" s="17">
        <v>1.99</v>
      </c>
      <c r="AZ122" s="17">
        <v>1.99</v>
      </c>
      <c r="BA122" s="17">
        <v>1.99</v>
      </c>
      <c r="BB122" s="17">
        <v>1.98</v>
      </c>
      <c r="BC122" s="17">
        <v>1.98</v>
      </c>
      <c r="BD122" s="17">
        <v>1.98</v>
      </c>
    </row>
  </sheetData>
  <mergeCells count="1">
    <mergeCell ref="D4:G4"/>
  </mergeCells>
  <phoneticPr fontId="0" type="noConversion"/>
  <pageMargins left="0.75" right="0.75" top="1" bottom="1" header="0" footer="0"/>
  <pageSetup paperSize="9" orientation="portrait" r:id="rId1"/>
  <headerFooter alignWithMargins="0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dimension ref="C2:BD128"/>
  <sheetViews>
    <sheetView topLeftCell="AP1" workbookViewId="0">
      <selection activeCell="C2" sqref="C2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56" width="5.42578125" bestFit="1" customWidth="1"/>
  </cols>
  <sheetData>
    <row r="2" spans="3:56" ht="18" customHeight="1" x14ac:dyDescent="0.2">
      <c r="D2" s="30"/>
    </row>
    <row r="3" spans="3:56" ht="21" customHeight="1" x14ac:dyDescent="0.2">
      <c r="D3" s="30"/>
    </row>
    <row r="4" spans="3:56" ht="32.25" customHeight="1" x14ac:dyDescent="0.2">
      <c r="D4" s="214"/>
      <c r="E4" s="214"/>
      <c r="F4" s="214"/>
      <c r="G4" s="214"/>
    </row>
    <row r="5" spans="3:56" x14ac:dyDescent="0.2">
      <c r="E5" s="27"/>
    </row>
    <row r="6" spans="3:56" ht="24.95" customHeight="1" x14ac:dyDescent="0.2">
      <c r="C6" s="28" t="s">
        <v>98</v>
      </c>
    </row>
    <row r="7" spans="3:56" ht="24.95" customHeight="1" x14ac:dyDescent="0.2">
      <c r="C7" s="29" t="s">
        <v>99</v>
      </c>
    </row>
    <row r="11" spans="3:56" x14ac:dyDescent="0.2">
      <c r="C11" s="1" t="s">
        <v>0</v>
      </c>
    </row>
    <row r="12" spans="3:56" ht="15" customHeight="1" x14ac:dyDescent="0.2">
      <c r="E12" s="2">
        <v>2008</v>
      </c>
      <c r="F12" s="2"/>
      <c r="G12" s="2"/>
      <c r="H12" s="2"/>
      <c r="I12" s="2"/>
      <c r="J12" s="2"/>
      <c r="K12" s="2"/>
      <c r="L12" s="2"/>
      <c r="M12" s="2"/>
    </row>
    <row r="13" spans="3:56" x14ac:dyDescent="0.2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</row>
    <row r="14" spans="3:56" x14ac:dyDescent="0.2">
      <c r="C14" s="5" t="s">
        <v>57</v>
      </c>
      <c r="D14" s="6" t="s">
        <v>58</v>
      </c>
      <c r="E14" s="40">
        <v>3.48</v>
      </c>
      <c r="F14" s="40">
        <v>3.48</v>
      </c>
      <c r="G14" s="40">
        <v>3.49</v>
      </c>
      <c r="H14" s="40">
        <v>3.51</v>
      </c>
      <c r="I14" s="17">
        <v>3.51</v>
      </c>
      <c r="J14" s="40">
        <v>3.51</v>
      </c>
      <c r="K14" s="40">
        <v>3.51</v>
      </c>
      <c r="L14" s="40">
        <v>3.49</v>
      </c>
      <c r="M14" s="40">
        <v>3.48</v>
      </c>
      <c r="N14" s="40">
        <v>3.46</v>
      </c>
      <c r="O14" s="40">
        <v>3.45</v>
      </c>
      <c r="P14" s="40">
        <v>3.41</v>
      </c>
      <c r="Q14" s="40">
        <v>3.41</v>
      </c>
      <c r="R14" s="40">
        <v>3.41</v>
      </c>
      <c r="S14" s="40">
        <v>3.41</v>
      </c>
      <c r="T14" s="40">
        <v>3.41</v>
      </c>
      <c r="U14" s="40">
        <v>3.36</v>
      </c>
      <c r="V14" s="17">
        <v>3.37</v>
      </c>
      <c r="W14" s="17">
        <v>3.33</v>
      </c>
      <c r="X14" s="17">
        <v>3.3</v>
      </c>
      <c r="Y14" s="17">
        <v>3.28</v>
      </c>
      <c r="Z14" s="17">
        <v>3.27</v>
      </c>
      <c r="AA14" s="17">
        <v>3.27</v>
      </c>
      <c r="AB14" s="17">
        <v>3.27</v>
      </c>
      <c r="AC14" s="17">
        <v>3.26</v>
      </c>
      <c r="AD14" s="17">
        <v>3.26</v>
      </c>
      <c r="AE14" s="40">
        <v>3.25</v>
      </c>
      <c r="AF14" s="17">
        <v>3.24</v>
      </c>
      <c r="AG14" s="17">
        <v>3.22</v>
      </c>
      <c r="AH14" s="40">
        <v>3.21</v>
      </c>
      <c r="AI14" s="40">
        <v>3.21</v>
      </c>
      <c r="AJ14" s="40">
        <v>3.2</v>
      </c>
      <c r="AK14" s="40">
        <v>3.21</v>
      </c>
      <c r="AL14" s="40">
        <v>3.26</v>
      </c>
      <c r="AM14" s="40">
        <v>3.31</v>
      </c>
      <c r="AN14" s="40">
        <v>3.31</v>
      </c>
      <c r="AO14" s="40">
        <v>3.34</v>
      </c>
      <c r="AP14" s="17">
        <v>3.33</v>
      </c>
      <c r="AQ14" s="17">
        <v>3.35</v>
      </c>
      <c r="AR14" s="17">
        <v>3.37</v>
      </c>
      <c r="AS14" s="17">
        <v>3.39</v>
      </c>
      <c r="AT14" s="17">
        <v>3.42</v>
      </c>
      <c r="AU14" s="17">
        <v>3.44</v>
      </c>
      <c r="AV14" s="17">
        <v>3.31</v>
      </c>
      <c r="AW14" s="17">
        <v>3.46</v>
      </c>
      <c r="AX14" s="17">
        <v>3.46</v>
      </c>
      <c r="AY14" s="17">
        <v>3.46</v>
      </c>
      <c r="AZ14" s="40">
        <v>3.46</v>
      </c>
      <c r="BA14" s="17">
        <v>3.47</v>
      </c>
      <c r="BB14" s="17">
        <v>3.46</v>
      </c>
      <c r="BC14" s="17">
        <v>3.49</v>
      </c>
      <c r="BD14" s="17">
        <v>3.5</v>
      </c>
    </row>
    <row r="15" spans="3:56" x14ac:dyDescent="0.2">
      <c r="C15" s="5" t="s">
        <v>59</v>
      </c>
      <c r="D15" s="6" t="s">
        <v>58</v>
      </c>
      <c r="E15" s="40">
        <v>5.73</v>
      </c>
      <c r="F15" s="40">
        <v>5.53</v>
      </c>
      <c r="G15" s="40">
        <v>5.01</v>
      </c>
      <c r="H15" s="40">
        <v>4.78</v>
      </c>
      <c r="I15" s="17">
        <v>4.6900000000000004</v>
      </c>
      <c r="J15" s="40">
        <v>4.79</v>
      </c>
      <c r="K15" s="40">
        <v>4.9400000000000004</v>
      </c>
      <c r="L15" s="40">
        <v>4.9800000000000004</v>
      </c>
      <c r="M15" s="40">
        <v>4.99</v>
      </c>
      <c r="N15" s="40">
        <v>5.05</v>
      </c>
      <c r="O15" s="40">
        <v>5.05</v>
      </c>
      <c r="P15" s="40">
        <v>4.76</v>
      </c>
      <c r="Q15" s="40">
        <v>4.68</v>
      </c>
      <c r="R15" s="40">
        <v>4.57</v>
      </c>
      <c r="S15" s="40">
        <v>4.78</v>
      </c>
      <c r="T15" s="40">
        <v>4.38</v>
      </c>
      <c r="U15" s="40">
        <v>4.22</v>
      </c>
      <c r="V15" s="17">
        <v>4.1900000000000004</v>
      </c>
      <c r="W15" s="17">
        <v>4.29</v>
      </c>
      <c r="X15" s="17">
        <v>4.4400000000000004</v>
      </c>
      <c r="Y15" s="17">
        <v>4.49</v>
      </c>
      <c r="Z15" s="17">
        <v>4.5</v>
      </c>
      <c r="AA15" s="17">
        <v>4.5</v>
      </c>
      <c r="AB15" s="17">
        <v>4.5</v>
      </c>
      <c r="AC15" s="17">
        <v>4.55</v>
      </c>
      <c r="AD15" s="17">
        <v>4.71</v>
      </c>
      <c r="AE15" s="40">
        <v>4.84</v>
      </c>
      <c r="AF15" s="17">
        <v>5.3</v>
      </c>
      <c r="AG15" s="17">
        <v>5.33</v>
      </c>
      <c r="AH15" s="40">
        <v>5.35</v>
      </c>
      <c r="AI15" s="40">
        <v>5.28</v>
      </c>
      <c r="AJ15" s="40">
        <v>5.31</v>
      </c>
      <c r="AK15" s="40">
        <v>5.32</v>
      </c>
      <c r="AL15" s="40">
        <v>5.51</v>
      </c>
      <c r="AM15" s="40">
        <v>5.67</v>
      </c>
      <c r="AN15" s="40">
        <v>5.69</v>
      </c>
      <c r="AO15" s="62">
        <v>5.81</v>
      </c>
      <c r="AP15" s="17">
        <v>5.98</v>
      </c>
      <c r="AQ15" s="17">
        <v>6.18</v>
      </c>
      <c r="AR15" s="17">
        <v>6.3</v>
      </c>
      <c r="AS15" s="17">
        <v>6.38</v>
      </c>
      <c r="AT15" s="17">
        <v>6.46</v>
      </c>
      <c r="AU15" s="17">
        <v>6.65</v>
      </c>
      <c r="AV15" s="17">
        <v>6.8</v>
      </c>
      <c r="AW15" s="17">
        <v>6.95</v>
      </c>
      <c r="AX15" s="17">
        <v>7.05</v>
      </c>
      <c r="AY15" s="17">
        <v>7.1</v>
      </c>
      <c r="AZ15" s="40">
        <v>7.04</v>
      </c>
      <c r="BA15" s="17">
        <v>6.9</v>
      </c>
      <c r="BB15" s="17">
        <v>6.75</v>
      </c>
      <c r="BC15" s="17">
        <v>6.71</v>
      </c>
      <c r="BD15" s="17">
        <v>6.71</v>
      </c>
    </row>
    <row r="16" spans="3:56" x14ac:dyDescent="0.2">
      <c r="C16" s="5" t="s">
        <v>60</v>
      </c>
      <c r="D16" s="6" t="s">
        <v>58</v>
      </c>
      <c r="E16" s="40">
        <v>1.26</v>
      </c>
      <c r="F16" s="40">
        <v>1.26</v>
      </c>
      <c r="G16" s="40">
        <v>1.26</v>
      </c>
      <c r="H16" s="40">
        <v>1.26</v>
      </c>
      <c r="I16" s="17">
        <v>1.26</v>
      </c>
      <c r="J16" s="40">
        <v>1.28</v>
      </c>
      <c r="K16" s="40">
        <v>1.31</v>
      </c>
      <c r="L16" s="40">
        <v>1.37</v>
      </c>
      <c r="M16" s="40">
        <v>1.44</v>
      </c>
      <c r="N16" s="40">
        <v>1.48</v>
      </c>
      <c r="O16" s="40">
        <v>1.51</v>
      </c>
      <c r="P16" s="40">
        <v>1.51</v>
      </c>
      <c r="Q16" s="40">
        <v>1.52</v>
      </c>
      <c r="R16" s="40">
        <v>1.54</v>
      </c>
      <c r="S16" s="40">
        <v>1.53</v>
      </c>
      <c r="T16" s="40">
        <v>1.5</v>
      </c>
      <c r="U16" s="40">
        <v>1.49</v>
      </c>
      <c r="V16" s="17">
        <v>1.46</v>
      </c>
      <c r="W16" s="17">
        <v>1.46</v>
      </c>
      <c r="X16" s="17">
        <v>1.46</v>
      </c>
      <c r="Y16" s="17">
        <v>1.5</v>
      </c>
      <c r="Z16" s="17">
        <v>1.55</v>
      </c>
      <c r="AA16" s="17">
        <v>1.6</v>
      </c>
      <c r="AB16" s="17">
        <v>1.66</v>
      </c>
      <c r="AC16" s="17">
        <v>1.65</v>
      </c>
      <c r="AD16" s="17">
        <v>1.65</v>
      </c>
      <c r="AE16" s="40">
        <v>1.63</v>
      </c>
      <c r="AF16" s="17">
        <v>1.63</v>
      </c>
      <c r="AG16" s="17">
        <v>1.66</v>
      </c>
      <c r="AH16" s="40">
        <v>1.69</v>
      </c>
      <c r="AI16" s="40">
        <v>1.7</v>
      </c>
      <c r="AJ16" s="40">
        <v>1.7</v>
      </c>
      <c r="AK16" s="40">
        <v>1.7</v>
      </c>
      <c r="AL16" s="40">
        <v>1.69</v>
      </c>
      <c r="AM16" s="40">
        <v>1.7</v>
      </c>
      <c r="AN16" s="40">
        <v>1.7</v>
      </c>
      <c r="AO16" s="62">
        <v>1.69</v>
      </c>
      <c r="AP16" s="17">
        <v>1.64</v>
      </c>
      <c r="AQ16" s="17">
        <v>1.59</v>
      </c>
      <c r="AR16" s="17">
        <v>1.55</v>
      </c>
      <c r="AS16" s="17">
        <v>1.5</v>
      </c>
      <c r="AT16" s="17">
        <v>1.46</v>
      </c>
      <c r="AU16" s="17">
        <v>1.4</v>
      </c>
      <c r="AV16" s="17">
        <v>1.36</v>
      </c>
      <c r="AW16" s="17">
        <v>1.31</v>
      </c>
      <c r="AX16" s="17">
        <v>1.3</v>
      </c>
      <c r="AY16" s="17">
        <v>1.31</v>
      </c>
      <c r="AZ16" s="40">
        <v>1.34</v>
      </c>
      <c r="BA16" s="17">
        <v>1.35</v>
      </c>
      <c r="BB16" s="17">
        <v>1.35</v>
      </c>
      <c r="BC16" s="17">
        <v>1.35</v>
      </c>
      <c r="BD16" s="17">
        <v>1.34</v>
      </c>
    </row>
    <row r="17" spans="3:56" x14ac:dyDescent="0.2">
      <c r="C17" s="5" t="s">
        <v>61</v>
      </c>
      <c r="D17" s="6" t="s">
        <v>58</v>
      </c>
      <c r="E17" s="40">
        <v>1.79</v>
      </c>
      <c r="F17" s="40">
        <v>1.75</v>
      </c>
      <c r="G17" s="40">
        <v>1.63</v>
      </c>
      <c r="H17" s="40">
        <v>1.6</v>
      </c>
      <c r="I17" s="17">
        <v>1.6</v>
      </c>
      <c r="J17" s="40">
        <v>1.6</v>
      </c>
      <c r="K17" s="40">
        <v>1.61</v>
      </c>
      <c r="L17" s="40">
        <v>1.66</v>
      </c>
      <c r="M17" s="40">
        <v>1.66</v>
      </c>
      <c r="N17" s="40">
        <v>1.67</v>
      </c>
      <c r="O17" s="40">
        <v>1.7</v>
      </c>
      <c r="P17" s="40">
        <v>1.72</v>
      </c>
      <c r="Q17" s="40">
        <v>1.73</v>
      </c>
      <c r="R17" s="40">
        <v>1.77</v>
      </c>
      <c r="S17" s="40">
        <v>1.81</v>
      </c>
      <c r="T17" s="40">
        <v>1.83</v>
      </c>
      <c r="U17" s="40">
        <v>1.82</v>
      </c>
      <c r="V17" s="17">
        <v>1.82</v>
      </c>
      <c r="W17" s="17">
        <v>1.78</v>
      </c>
      <c r="X17" s="17">
        <v>1.78</v>
      </c>
      <c r="Y17" s="17">
        <v>1.71</v>
      </c>
      <c r="Z17" s="17">
        <v>1.71</v>
      </c>
      <c r="AA17" s="17">
        <v>1.6</v>
      </c>
      <c r="AB17" s="17">
        <v>1.6</v>
      </c>
      <c r="AC17" s="17">
        <v>1.58</v>
      </c>
      <c r="AD17" s="17">
        <v>1.58</v>
      </c>
      <c r="AE17" s="40">
        <v>1.54</v>
      </c>
      <c r="AF17" s="17">
        <v>1.63</v>
      </c>
      <c r="AG17" s="17">
        <v>1.63</v>
      </c>
      <c r="AH17" s="40">
        <v>1.65</v>
      </c>
      <c r="AI17" s="40">
        <v>1.65</v>
      </c>
      <c r="AJ17" s="40">
        <v>1.71</v>
      </c>
      <c r="AK17" s="40">
        <v>1.78</v>
      </c>
      <c r="AL17" s="40">
        <v>1.91</v>
      </c>
      <c r="AM17" s="40">
        <v>1.9</v>
      </c>
      <c r="AN17" s="40">
        <v>1.89</v>
      </c>
      <c r="AO17" s="62">
        <v>1.73</v>
      </c>
      <c r="AP17" s="17">
        <v>1.71</v>
      </c>
      <c r="AQ17" s="17">
        <v>1.66</v>
      </c>
      <c r="AR17" s="17">
        <v>1.64</v>
      </c>
      <c r="AS17" s="17">
        <v>1.56</v>
      </c>
      <c r="AT17" s="17">
        <v>1.54</v>
      </c>
      <c r="AU17" s="17">
        <v>1.59</v>
      </c>
      <c r="AV17" s="17">
        <v>1.61</v>
      </c>
      <c r="AW17" s="17">
        <v>1.61</v>
      </c>
      <c r="AX17" s="17">
        <v>1.56</v>
      </c>
      <c r="AY17" s="17">
        <v>1.6</v>
      </c>
      <c r="AZ17" s="40">
        <v>1.64</v>
      </c>
      <c r="BA17" s="17">
        <v>1.65</v>
      </c>
      <c r="BB17" s="17">
        <v>1.68</v>
      </c>
      <c r="BC17" s="17">
        <v>1.68</v>
      </c>
      <c r="BD17" s="17">
        <v>1.7</v>
      </c>
    </row>
    <row r="18" spans="3:56" x14ac:dyDescent="0.2">
      <c r="C18" s="5" t="s">
        <v>62</v>
      </c>
      <c r="D18" s="6" t="s">
        <v>58</v>
      </c>
      <c r="E18" s="40">
        <v>2.85</v>
      </c>
      <c r="F18" s="40">
        <v>2.87</v>
      </c>
      <c r="G18" s="40">
        <v>2.84</v>
      </c>
      <c r="H18" s="40">
        <v>2.5</v>
      </c>
      <c r="I18" s="17">
        <v>2.4700000000000002</v>
      </c>
      <c r="J18" s="40">
        <v>2.48</v>
      </c>
      <c r="K18" s="40">
        <v>2.61</v>
      </c>
      <c r="L18" s="40">
        <v>2.56</v>
      </c>
      <c r="M18" s="40">
        <v>2.61</v>
      </c>
      <c r="N18" s="40">
        <v>2.75</v>
      </c>
      <c r="O18" s="40">
        <v>3.24</v>
      </c>
      <c r="P18" s="40">
        <v>3.5</v>
      </c>
      <c r="Q18" s="40">
        <v>3.5</v>
      </c>
      <c r="R18" s="40">
        <v>3.51</v>
      </c>
      <c r="S18" s="40">
        <v>3.51</v>
      </c>
      <c r="T18" s="40">
        <v>3.51</v>
      </c>
      <c r="U18" s="40">
        <v>3.46</v>
      </c>
      <c r="V18" s="17">
        <v>3.24</v>
      </c>
      <c r="W18" s="17">
        <v>3.24</v>
      </c>
      <c r="X18" s="17">
        <v>3.24</v>
      </c>
      <c r="Y18" s="17">
        <v>3.24</v>
      </c>
      <c r="Z18" s="17">
        <v>3.05</v>
      </c>
      <c r="AA18" s="17">
        <v>3.05</v>
      </c>
      <c r="AB18" s="17">
        <v>3.03</v>
      </c>
      <c r="AC18" s="17">
        <v>2.94</v>
      </c>
      <c r="AD18" s="17">
        <v>3.02</v>
      </c>
      <c r="AE18" s="40">
        <v>3.13</v>
      </c>
      <c r="AF18" s="17">
        <v>3.12</v>
      </c>
      <c r="AG18" s="17">
        <v>2.91</v>
      </c>
      <c r="AH18" s="40">
        <v>2.7</v>
      </c>
      <c r="AI18" s="40">
        <v>2.52</v>
      </c>
      <c r="AJ18" s="40">
        <v>2.52</v>
      </c>
      <c r="AK18" s="40">
        <v>2.62</v>
      </c>
      <c r="AL18" s="40">
        <v>2.71</v>
      </c>
      <c r="AM18" s="40">
        <v>3.17</v>
      </c>
      <c r="AN18" s="40">
        <v>3.44</v>
      </c>
      <c r="AO18" s="40">
        <v>3.53</v>
      </c>
      <c r="AP18" s="17">
        <v>3.84</v>
      </c>
      <c r="AQ18" s="17">
        <v>3.92</v>
      </c>
      <c r="AR18" s="17">
        <v>4.0999999999999996</v>
      </c>
      <c r="AS18" s="17">
        <v>4.0999999999999996</v>
      </c>
      <c r="AT18" s="17">
        <v>3.8</v>
      </c>
      <c r="AU18" s="17">
        <v>3.78</v>
      </c>
      <c r="AV18" s="17">
        <v>3.53</v>
      </c>
      <c r="AW18" s="17">
        <v>3.39</v>
      </c>
      <c r="AX18" s="17">
        <v>3.39</v>
      </c>
      <c r="AY18" s="17">
        <v>3.38</v>
      </c>
      <c r="AZ18" s="40">
        <v>3.49</v>
      </c>
      <c r="BA18" s="17">
        <v>3.56</v>
      </c>
      <c r="BB18" s="17">
        <v>3.56</v>
      </c>
      <c r="BC18" s="17">
        <v>3.51</v>
      </c>
      <c r="BD18" s="17">
        <v>3.46</v>
      </c>
    </row>
    <row r="19" spans="3:56" x14ac:dyDescent="0.2">
      <c r="C19" s="5" t="s">
        <v>75</v>
      </c>
      <c r="D19" s="15" t="s">
        <v>76</v>
      </c>
      <c r="E19" s="40">
        <v>0.86</v>
      </c>
      <c r="F19" s="40">
        <v>0.85</v>
      </c>
      <c r="G19" s="40">
        <v>0.83</v>
      </c>
      <c r="H19" s="40">
        <v>0.83</v>
      </c>
      <c r="I19" s="17">
        <v>0.81</v>
      </c>
      <c r="J19" s="40">
        <v>0.8</v>
      </c>
      <c r="K19" s="40">
        <v>0.8</v>
      </c>
      <c r="L19" s="40">
        <v>0.8</v>
      </c>
      <c r="M19" s="40">
        <v>0.8</v>
      </c>
      <c r="N19" s="40">
        <v>0.8</v>
      </c>
      <c r="O19" s="40">
        <v>0.8</v>
      </c>
      <c r="P19" s="40">
        <v>0.79</v>
      </c>
      <c r="Q19" s="40">
        <v>0.78</v>
      </c>
      <c r="R19" s="40">
        <v>0.76</v>
      </c>
      <c r="S19" s="40">
        <v>0.75</v>
      </c>
      <c r="T19" s="40">
        <v>0.73</v>
      </c>
      <c r="U19" s="40">
        <v>0.72</v>
      </c>
      <c r="V19" s="17">
        <v>0.7</v>
      </c>
      <c r="W19" s="17">
        <v>0.7</v>
      </c>
      <c r="X19" s="17">
        <v>0.69</v>
      </c>
      <c r="Y19" s="17">
        <v>0.68</v>
      </c>
      <c r="Z19" s="17">
        <v>0.67</v>
      </c>
      <c r="AA19" s="17">
        <v>0.67</v>
      </c>
      <c r="AB19" s="17">
        <v>0.68</v>
      </c>
      <c r="AC19" s="17">
        <v>0.69</v>
      </c>
      <c r="AD19" s="17">
        <v>0.7</v>
      </c>
      <c r="AE19" s="40">
        <v>0.7</v>
      </c>
      <c r="AF19" s="17">
        <v>0.7</v>
      </c>
      <c r="AG19" s="17">
        <v>0.68</v>
      </c>
      <c r="AH19" s="40">
        <v>0.68</v>
      </c>
      <c r="AI19" s="40">
        <v>0.67</v>
      </c>
      <c r="AJ19" s="40">
        <v>0.69</v>
      </c>
      <c r="AK19" s="40">
        <v>0.69</v>
      </c>
      <c r="AL19" s="40">
        <v>0.69</v>
      </c>
      <c r="AM19" s="40">
        <v>0.69</v>
      </c>
      <c r="AN19" s="40">
        <v>0.69</v>
      </c>
      <c r="AO19" s="40">
        <v>0.69</v>
      </c>
      <c r="AP19" s="17">
        <v>0.69</v>
      </c>
      <c r="AQ19" s="17">
        <v>0.69</v>
      </c>
      <c r="AR19" s="17">
        <v>0.71</v>
      </c>
      <c r="AS19" s="17">
        <v>0.72</v>
      </c>
      <c r="AT19" s="17">
        <v>0.73</v>
      </c>
      <c r="AU19" s="17">
        <v>0.73</v>
      </c>
      <c r="AV19" s="17">
        <v>0.74</v>
      </c>
      <c r="AW19" s="17">
        <v>0.75</v>
      </c>
      <c r="AX19" s="17">
        <v>0.76</v>
      </c>
      <c r="AY19" s="17">
        <v>0.76</v>
      </c>
      <c r="AZ19" s="40">
        <v>0.77</v>
      </c>
      <c r="BA19" s="17">
        <v>0.78</v>
      </c>
      <c r="BB19" s="17">
        <v>0.79</v>
      </c>
      <c r="BC19" s="17">
        <v>0.79</v>
      </c>
      <c r="BD19" s="17">
        <v>0.8</v>
      </c>
    </row>
    <row r="20" spans="3:56" x14ac:dyDescent="0.2">
      <c r="C20" s="5" t="s">
        <v>63</v>
      </c>
      <c r="D20" s="6" t="s">
        <v>58</v>
      </c>
      <c r="E20" s="38">
        <v>12</v>
      </c>
      <c r="F20" s="38">
        <v>11</v>
      </c>
      <c r="G20" s="38">
        <v>11.8</v>
      </c>
      <c r="H20" s="38">
        <v>7.31</v>
      </c>
      <c r="I20" s="17">
        <v>7</v>
      </c>
      <c r="J20" s="38">
        <v>8.58</v>
      </c>
      <c r="K20" s="38">
        <v>8.3800000000000008</v>
      </c>
      <c r="L20" s="38">
        <v>7.8</v>
      </c>
      <c r="M20" s="38">
        <v>7.5</v>
      </c>
      <c r="N20" s="38">
        <v>7.2</v>
      </c>
      <c r="O20" s="38">
        <v>7.25</v>
      </c>
      <c r="P20" s="38">
        <v>9.4499999999999993</v>
      </c>
      <c r="Q20" s="38">
        <v>8.3000000000000007</v>
      </c>
      <c r="R20" s="38">
        <v>7.7</v>
      </c>
      <c r="S20" s="38">
        <v>7.22</v>
      </c>
      <c r="T20" s="38">
        <v>6.92</v>
      </c>
      <c r="U20" s="38">
        <v>6.92</v>
      </c>
      <c r="V20" s="17">
        <v>6.52</v>
      </c>
      <c r="W20" s="17">
        <v>6</v>
      </c>
      <c r="X20" s="17">
        <v>5.37</v>
      </c>
      <c r="Y20" s="17">
        <v>3.93</v>
      </c>
      <c r="Z20" s="17">
        <v>4.93</v>
      </c>
      <c r="AA20" s="17">
        <v>5.43</v>
      </c>
      <c r="AB20" s="17"/>
      <c r="AC20" s="17">
        <v>8.69</v>
      </c>
      <c r="AD20" s="17">
        <v>8.69</v>
      </c>
      <c r="AE20" s="38">
        <v>9.32</v>
      </c>
      <c r="AF20" s="17">
        <v>6.32</v>
      </c>
      <c r="AG20" s="17">
        <v>6.36</v>
      </c>
      <c r="AH20" s="38">
        <v>5.6</v>
      </c>
      <c r="AI20" s="17">
        <v>5.6</v>
      </c>
      <c r="AJ20" s="38">
        <v>5.8</v>
      </c>
      <c r="AK20" s="38">
        <v>6</v>
      </c>
      <c r="AL20" s="38">
        <v>6</v>
      </c>
      <c r="AM20" s="38">
        <v>6.2</v>
      </c>
      <c r="AN20" s="38">
        <v>6</v>
      </c>
      <c r="AO20" s="40">
        <v>7.5</v>
      </c>
      <c r="AP20" s="17">
        <v>7.5</v>
      </c>
      <c r="AQ20" s="17">
        <v>7</v>
      </c>
      <c r="AR20" s="17">
        <v>6.6</v>
      </c>
      <c r="AS20" s="17">
        <v>6.1</v>
      </c>
      <c r="AT20" s="17">
        <v>6.1</v>
      </c>
      <c r="AU20" s="17">
        <v>5.0999999999999996</v>
      </c>
      <c r="AV20" s="17">
        <v>6.1</v>
      </c>
      <c r="AW20" s="17">
        <v>6.1</v>
      </c>
      <c r="AX20" s="17">
        <v>4.0999999999999996</v>
      </c>
      <c r="AY20" s="17">
        <v>4.5999999999999996</v>
      </c>
      <c r="AZ20" s="38">
        <v>4.0999999999999996</v>
      </c>
      <c r="BA20" s="17">
        <v>4.7</v>
      </c>
      <c r="BB20" s="17">
        <v>4</v>
      </c>
      <c r="BC20" s="17">
        <v>5.41</v>
      </c>
      <c r="BD20" s="17">
        <v>5.41</v>
      </c>
    </row>
    <row r="21" spans="3:56" x14ac:dyDescent="0.2">
      <c r="C21" s="5" t="s">
        <v>64</v>
      </c>
      <c r="D21" s="6" t="s">
        <v>58</v>
      </c>
      <c r="E21" s="38">
        <v>4.8</v>
      </c>
      <c r="F21" s="38">
        <v>4.5</v>
      </c>
      <c r="G21" s="38">
        <v>4.83</v>
      </c>
      <c r="H21" s="38">
        <v>4.03</v>
      </c>
      <c r="I21" s="17">
        <v>2.2799999999999998</v>
      </c>
      <c r="J21" s="38">
        <v>2.48</v>
      </c>
      <c r="K21" s="38">
        <v>3</v>
      </c>
      <c r="L21" s="38">
        <v>3.07</v>
      </c>
      <c r="M21" s="38">
        <v>3</v>
      </c>
      <c r="N21" s="38">
        <v>3</v>
      </c>
      <c r="O21" s="38">
        <v>3.71</v>
      </c>
      <c r="P21" s="38">
        <v>3.71</v>
      </c>
      <c r="Q21" s="38">
        <v>3.71</v>
      </c>
      <c r="R21" s="38">
        <v>3.73</v>
      </c>
      <c r="S21" s="38">
        <v>3.86</v>
      </c>
      <c r="T21" s="38">
        <v>3.98</v>
      </c>
      <c r="U21" s="38">
        <v>3.98</v>
      </c>
      <c r="V21" s="17">
        <v>3.58</v>
      </c>
      <c r="W21" s="17">
        <v>3.01</v>
      </c>
      <c r="X21" s="17">
        <v>3.16</v>
      </c>
      <c r="Y21" s="17">
        <v>3.2</v>
      </c>
      <c r="Z21" s="17">
        <v>3.2</v>
      </c>
      <c r="AA21" s="17">
        <v>3.73</v>
      </c>
      <c r="AB21" s="17"/>
      <c r="AC21" s="17">
        <v>3.7</v>
      </c>
      <c r="AD21" s="17">
        <v>4</v>
      </c>
      <c r="AE21" s="38">
        <v>3.5</v>
      </c>
      <c r="AF21" s="17">
        <v>3.5</v>
      </c>
      <c r="AG21" s="17">
        <v>3.2</v>
      </c>
      <c r="AH21" s="38">
        <v>3</v>
      </c>
      <c r="AI21" s="17">
        <v>3.1</v>
      </c>
      <c r="AJ21" s="38">
        <v>3.2</v>
      </c>
      <c r="AK21" s="38">
        <v>3.4</v>
      </c>
      <c r="AL21" s="38">
        <v>3.9</v>
      </c>
      <c r="AM21" s="38">
        <v>3.7</v>
      </c>
      <c r="AN21" s="38">
        <v>3.14</v>
      </c>
      <c r="AO21" s="40">
        <v>3.23</v>
      </c>
      <c r="AP21" s="17">
        <v>2.9</v>
      </c>
      <c r="AQ21" s="17">
        <v>2.9</v>
      </c>
      <c r="AR21" s="17">
        <v>2.4</v>
      </c>
      <c r="AS21" s="17">
        <v>2.2000000000000002</v>
      </c>
      <c r="AT21" s="17">
        <v>2.4</v>
      </c>
      <c r="AU21" s="17">
        <v>1.9</v>
      </c>
      <c r="AV21" s="17">
        <v>2.4</v>
      </c>
      <c r="AW21" s="17">
        <v>2.4</v>
      </c>
      <c r="AX21" s="17">
        <v>2.8</v>
      </c>
      <c r="AY21" s="17">
        <v>3.48</v>
      </c>
      <c r="AZ21" s="38">
        <v>3.48</v>
      </c>
      <c r="BA21" s="17">
        <v>3.3</v>
      </c>
      <c r="BB21" s="17">
        <v>3</v>
      </c>
      <c r="BC21" s="17">
        <v>2.7</v>
      </c>
      <c r="BD21" s="17">
        <v>3.1</v>
      </c>
    </row>
    <row r="22" spans="3:56" x14ac:dyDescent="0.2">
      <c r="C22" s="5" t="s">
        <v>65</v>
      </c>
      <c r="D22" s="6" t="s">
        <v>58</v>
      </c>
      <c r="E22" s="38">
        <v>1.5</v>
      </c>
      <c r="F22" s="38">
        <v>0.5</v>
      </c>
      <c r="G22" s="38">
        <v>0.8</v>
      </c>
      <c r="H22" s="38">
        <v>0.6</v>
      </c>
      <c r="I22" s="17">
        <v>0.6</v>
      </c>
      <c r="J22" s="38">
        <v>0.8</v>
      </c>
      <c r="K22" s="38">
        <v>0.8</v>
      </c>
      <c r="L22" s="38">
        <v>1.1000000000000001</v>
      </c>
      <c r="M22" s="38">
        <v>1.1000000000000001</v>
      </c>
      <c r="N22" s="38">
        <v>1.1599999999999999</v>
      </c>
      <c r="O22" s="38">
        <v>1.1599999999999999</v>
      </c>
      <c r="P22" s="38">
        <v>1.22</v>
      </c>
      <c r="Q22" s="38">
        <v>1.27</v>
      </c>
      <c r="R22" s="38">
        <v>1.32</v>
      </c>
      <c r="S22" s="38">
        <v>1.63</v>
      </c>
      <c r="T22" s="38">
        <v>1.63</v>
      </c>
      <c r="U22" s="38">
        <v>1.43</v>
      </c>
      <c r="V22" s="17">
        <v>1.46</v>
      </c>
      <c r="W22" s="17">
        <v>1.1200000000000001</v>
      </c>
      <c r="X22" s="17">
        <v>1</v>
      </c>
      <c r="Y22" s="17">
        <v>1.1499999999999999</v>
      </c>
      <c r="Z22" s="17">
        <v>1.45</v>
      </c>
      <c r="AA22" s="17">
        <v>1.45</v>
      </c>
      <c r="AB22" s="17"/>
      <c r="AC22" s="17">
        <v>1.29</v>
      </c>
      <c r="AD22" s="17">
        <v>1.29</v>
      </c>
      <c r="AE22" s="38">
        <v>1.59</v>
      </c>
      <c r="AF22" s="17">
        <v>1.59</v>
      </c>
      <c r="AG22" s="17">
        <v>1.8</v>
      </c>
      <c r="AH22" s="38">
        <v>1.87</v>
      </c>
      <c r="AI22" s="17">
        <v>1.97</v>
      </c>
      <c r="AJ22" s="38">
        <v>1.77</v>
      </c>
      <c r="AK22" s="38">
        <v>2.0699999999999998</v>
      </c>
      <c r="AL22" s="38">
        <v>1.65</v>
      </c>
      <c r="AM22" s="38">
        <v>1.5</v>
      </c>
      <c r="AN22" s="38">
        <v>1.5</v>
      </c>
      <c r="AO22" s="62">
        <v>1.47</v>
      </c>
      <c r="AP22" s="17">
        <v>1</v>
      </c>
      <c r="AQ22" s="17">
        <v>0.7</v>
      </c>
      <c r="AR22" s="17">
        <v>1.2</v>
      </c>
      <c r="AS22" s="17">
        <v>1.05</v>
      </c>
      <c r="AT22" s="17">
        <v>1.1000000000000001</v>
      </c>
      <c r="AU22" s="17">
        <v>1.06</v>
      </c>
      <c r="AV22" s="17">
        <v>1.22</v>
      </c>
      <c r="AW22" s="17">
        <v>1.1200000000000001</v>
      </c>
      <c r="AX22" s="17">
        <v>0.81</v>
      </c>
      <c r="AY22" s="17">
        <v>0.95</v>
      </c>
      <c r="AZ22" s="38">
        <v>0.95</v>
      </c>
      <c r="BA22" s="17">
        <v>0.93</v>
      </c>
      <c r="BB22" s="17">
        <v>0.75</v>
      </c>
      <c r="BC22" s="17">
        <v>0.65</v>
      </c>
      <c r="BD22" s="17">
        <v>0.97</v>
      </c>
    </row>
    <row r="23" spans="3:56" x14ac:dyDescent="0.2">
      <c r="C23" s="5" t="s">
        <v>66</v>
      </c>
      <c r="D23" s="6" t="s">
        <v>58</v>
      </c>
      <c r="E23" s="38">
        <v>4</v>
      </c>
      <c r="F23" s="38">
        <v>2</v>
      </c>
      <c r="G23" s="38">
        <v>2.75</v>
      </c>
      <c r="H23" s="38">
        <v>1.75</v>
      </c>
      <c r="I23" s="17">
        <v>1.25</v>
      </c>
      <c r="J23" s="38">
        <v>2.25</v>
      </c>
      <c r="K23" s="38">
        <v>3.1</v>
      </c>
      <c r="L23" s="38">
        <v>2.5</v>
      </c>
      <c r="M23" s="38">
        <v>2.5</v>
      </c>
      <c r="N23" s="38">
        <v>2.2999999999999998</v>
      </c>
      <c r="O23" s="38">
        <v>2.7</v>
      </c>
      <c r="P23" s="38">
        <v>3.26</v>
      </c>
      <c r="Q23" s="38">
        <v>3.26</v>
      </c>
      <c r="R23" s="38">
        <v>2.76</v>
      </c>
      <c r="S23" s="38">
        <v>3.1</v>
      </c>
      <c r="T23" s="38">
        <v>3.25</v>
      </c>
      <c r="U23" s="38">
        <v>2.75</v>
      </c>
      <c r="V23" s="17">
        <v>2.19</v>
      </c>
      <c r="W23" s="17">
        <v>2.4900000000000002</v>
      </c>
      <c r="X23" s="17">
        <v>2.4900000000000002</v>
      </c>
      <c r="Y23" s="17">
        <v>2.8</v>
      </c>
      <c r="Z23" s="17">
        <v>3.8</v>
      </c>
      <c r="AA23" s="17">
        <v>3.9</v>
      </c>
      <c r="AB23" s="17"/>
      <c r="AC23" s="17">
        <v>4</v>
      </c>
      <c r="AD23" s="17">
        <v>3</v>
      </c>
      <c r="AE23" s="38">
        <v>2.65</v>
      </c>
      <c r="AF23" s="17">
        <v>2.9</v>
      </c>
      <c r="AG23" s="17">
        <v>3.9</v>
      </c>
      <c r="AH23" s="38">
        <v>4.4000000000000004</v>
      </c>
      <c r="AI23" s="17">
        <v>3.45</v>
      </c>
      <c r="AJ23" s="38">
        <v>3.75</v>
      </c>
      <c r="AK23" s="38">
        <v>4.25</v>
      </c>
      <c r="AL23" s="38">
        <v>5.25</v>
      </c>
      <c r="AM23" s="38">
        <v>4.25</v>
      </c>
      <c r="AN23" s="38">
        <v>4</v>
      </c>
      <c r="AO23" s="17">
        <v>3.08</v>
      </c>
      <c r="AP23" s="17">
        <v>3.58</v>
      </c>
      <c r="AQ23" s="17">
        <v>3.58</v>
      </c>
      <c r="AR23" s="17">
        <v>3.18</v>
      </c>
      <c r="AS23" s="17">
        <v>3</v>
      </c>
      <c r="AT23" s="17">
        <v>3</v>
      </c>
      <c r="AU23" s="17">
        <v>2.5</v>
      </c>
      <c r="AV23" s="17">
        <v>3.5</v>
      </c>
      <c r="AW23" s="17">
        <v>3.3</v>
      </c>
      <c r="AX23" s="17">
        <v>2.61</v>
      </c>
      <c r="AY23" s="17">
        <v>3.61</v>
      </c>
      <c r="AZ23" s="38">
        <v>3.71</v>
      </c>
      <c r="BA23" s="17">
        <v>3.4</v>
      </c>
      <c r="BB23" s="17">
        <v>3.7</v>
      </c>
      <c r="BC23" s="17">
        <v>4.8499999999999996</v>
      </c>
      <c r="BD23" s="17">
        <v>2.85</v>
      </c>
    </row>
    <row r="24" spans="3:56" x14ac:dyDescent="0.2">
      <c r="C24" s="5" t="s">
        <v>67</v>
      </c>
      <c r="D24" s="6" t="s">
        <v>58</v>
      </c>
      <c r="E24" s="38">
        <v>6.5</v>
      </c>
      <c r="F24" s="38">
        <v>10.11</v>
      </c>
      <c r="G24" s="38">
        <v>8.25</v>
      </c>
      <c r="H24" s="38">
        <v>6.85</v>
      </c>
      <c r="I24" s="17">
        <v>6</v>
      </c>
      <c r="J24" s="38">
        <v>6.2</v>
      </c>
      <c r="K24" s="38">
        <v>7</v>
      </c>
      <c r="L24" s="38">
        <v>5.96</v>
      </c>
      <c r="M24" s="38">
        <v>4.9000000000000004</v>
      </c>
      <c r="N24" s="38">
        <v>5.5</v>
      </c>
      <c r="O24" s="38">
        <v>6</v>
      </c>
      <c r="P24" s="38">
        <v>6</v>
      </c>
      <c r="Q24" s="38">
        <v>5.31</v>
      </c>
      <c r="R24" s="38">
        <v>5.61</v>
      </c>
      <c r="S24" s="38">
        <v>5.61</v>
      </c>
      <c r="T24" s="38">
        <v>5.62</v>
      </c>
      <c r="U24" s="38">
        <v>5.62</v>
      </c>
      <c r="V24" s="17">
        <v>4.93</v>
      </c>
      <c r="W24" s="17">
        <v>5.23</v>
      </c>
      <c r="X24" s="17">
        <v>5.38</v>
      </c>
      <c r="Y24" s="17">
        <v>5</v>
      </c>
      <c r="Z24" s="17">
        <v>5.5</v>
      </c>
      <c r="AA24" s="17">
        <v>6.2</v>
      </c>
      <c r="AB24" s="17"/>
      <c r="AC24" s="17">
        <v>6</v>
      </c>
      <c r="AD24" s="17">
        <v>6</v>
      </c>
      <c r="AE24" s="38">
        <v>6</v>
      </c>
      <c r="AF24" s="17">
        <v>6</v>
      </c>
      <c r="AG24" s="17">
        <v>5.5</v>
      </c>
      <c r="AH24" s="38">
        <v>4.22</v>
      </c>
      <c r="AI24" s="17">
        <v>3.88</v>
      </c>
      <c r="AJ24" s="38">
        <v>3.68</v>
      </c>
      <c r="AK24" s="38">
        <v>3.68</v>
      </c>
      <c r="AL24" s="38">
        <v>4.38</v>
      </c>
      <c r="AM24" s="38">
        <v>4.38</v>
      </c>
      <c r="AN24" s="38">
        <v>4.38</v>
      </c>
      <c r="AO24" s="40">
        <v>3.83</v>
      </c>
      <c r="AP24" s="17">
        <v>3.91</v>
      </c>
      <c r="AQ24" s="17">
        <v>3.8</v>
      </c>
      <c r="AR24" s="17">
        <v>4.13</v>
      </c>
      <c r="AS24" s="17">
        <v>4.33</v>
      </c>
      <c r="AT24" s="17">
        <v>4.9000000000000004</v>
      </c>
      <c r="AU24" s="17">
        <v>4.5</v>
      </c>
      <c r="AV24" s="17">
        <v>5.82</v>
      </c>
      <c r="AW24" s="17">
        <v>6.52</v>
      </c>
      <c r="AX24" s="17">
        <v>5.6</v>
      </c>
      <c r="AY24" s="17">
        <v>5.6</v>
      </c>
      <c r="AZ24" s="38">
        <v>5.6</v>
      </c>
      <c r="BA24" s="17">
        <v>5.8</v>
      </c>
      <c r="BB24" s="17">
        <v>5.37</v>
      </c>
      <c r="BC24" s="17">
        <v>5.37</v>
      </c>
      <c r="BD24" s="17">
        <v>4.1900000000000004</v>
      </c>
    </row>
    <row r="25" spans="3:56" x14ac:dyDescent="0.2">
      <c r="C25" s="5" t="s">
        <v>68</v>
      </c>
      <c r="D25" s="6" t="s">
        <v>58</v>
      </c>
      <c r="E25" s="38">
        <v>1.33</v>
      </c>
      <c r="F25" s="38">
        <v>1.33</v>
      </c>
      <c r="G25" s="38">
        <v>1.8</v>
      </c>
      <c r="H25" s="38">
        <v>1.8</v>
      </c>
      <c r="I25" s="17">
        <v>1.45</v>
      </c>
      <c r="J25" s="38">
        <v>1.25</v>
      </c>
      <c r="K25" s="38">
        <v>1.43</v>
      </c>
      <c r="L25" s="38">
        <v>1.23</v>
      </c>
      <c r="M25" s="38">
        <v>0.67</v>
      </c>
      <c r="N25" s="38">
        <v>0.96</v>
      </c>
      <c r="O25" s="38">
        <v>1.07</v>
      </c>
      <c r="P25" s="38">
        <v>1</v>
      </c>
      <c r="Q25" s="38">
        <v>0.87</v>
      </c>
      <c r="R25" s="38">
        <v>0.87</v>
      </c>
      <c r="S25" s="38">
        <v>0.8</v>
      </c>
      <c r="T25" s="38">
        <v>0.95</v>
      </c>
      <c r="U25" s="38">
        <v>1.05</v>
      </c>
      <c r="V25" s="17">
        <v>1.02</v>
      </c>
      <c r="W25" s="17">
        <v>1.02</v>
      </c>
      <c r="X25" s="17">
        <v>1</v>
      </c>
      <c r="Y25" s="17">
        <v>0.9</v>
      </c>
      <c r="Z25" s="17">
        <v>0.63</v>
      </c>
      <c r="AA25" s="17">
        <v>0.83</v>
      </c>
      <c r="AB25" s="17"/>
      <c r="AC25" s="17">
        <v>1.1200000000000001</v>
      </c>
      <c r="AD25" s="17">
        <v>0.9</v>
      </c>
      <c r="AE25" s="38">
        <v>0.9</v>
      </c>
      <c r="AF25" s="17">
        <v>0.65</v>
      </c>
      <c r="AG25" s="17">
        <v>0.49</v>
      </c>
      <c r="AH25" s="38">
        <v>0.59</v>
      </c>
      <c r="AI25" s="17">
        <v>0.69</v>
      </c>
      <c r="AJ25" s="38">
        <v>0.79</v>
      </c>
      <c r="AK25" s="38">
        <v>0.86</v>
      </c>
      <c r="AL25" s="38">
        <v>0.95</v>
      </c>
      <c r="AM25" s="38">
        <v>0.85</v>
      </c>
      <c r="AN25" s="38">
        <v>0.65</v>
      </c>
      <c r="AO25" s="40">
        <v>0.63</v>
      </c>
      <c r="AP25" s="17">
        <v>0.53</v>
      </c>
      <c r="AQ25" s="17">
        <v>0.45</v>
      </c>
      <c r="AR25" s="17">
        <v>0.45</v>
      </c>
      <c r="AS25" s="17">
        <v>0.45</v>
      </c>
      <c r="AT25" s="17">
        <v>0.45</v>
      </c>
      <c r="AU25" s="17">
        <v>0.45</v>
      </c>
      <c r="AV25" s="17">
        <v>0.53</v>
      </c>
      <c r="AW25" s="17">
        <v>0.69</v>
      </c>
      <c r="AX25" s="17">
        <v>0.55000000000000004</v>
      </c>
      <c r="AY25" s="17">
        <v>0.45</v>
      </c>
      <c r="AZ25" s="38">
        <v>0.54</v>
      </c>
      <c r="BA25" s="17">
        <v>0.6</v>
      </c>
      <c r="BB25" s="17">
        <v>0.6</v>
      </c>
      <c r="BC25" s="17">
        <v>0.6</v>
      </c>
      <c r="BD25" s="17">
        <v>0.6</v>
      </c>
    </row>
    <row r="26" spans="3:56" x14ac:dyDescent="0.2">
      <c r="C26" s="5" t="s">
        <v>69</v>
      </c>
      <c r="D26" s="6" t="s">
        <v>58</v>
      </c>
      <c r="E26" s="38">
        <v>2.2000000000000002</v>
      </c>
      <c r="F26" s="38">
        <v>2.35</v>
      </c>
      <c r="G26" s="38">
        <v>3.35</v>
      </c>
      <c r="H26" s="38">
        <v>2.46</v>
      </c>
      <c r="I26" s="17">
        <v>2.06</v>
      </c>
      <c r="J26" s="38">
        <v>2.06</v>
      </c>
      <c r="K26" s="38">
        <v>1.8</v>
      </c>
      <c r="L26" s="38">
        <v>2.0099999999999998</v>
      </c>
      <c r="M26" s="38">
        <v>1.3</v>
      </c>
      <c r="N26" s="38">
        <v>1.6</v>
      </c>
      <c r="O26" s="38">
        <v>1.9</v>
      </c>
      <c r="P26" s="38">
        <v>1.7</v>
      </c>
      <c r="Q26" s="38">
        <v>1.39</v>
      </c>
      <c r="R26" s="38">
        <v>1.1000000000000001</v>
      </c>
      <c r="S26" s="38">
        <v>1</v>
      </c>
      <c r="T26" s="38">
        <v>1.05</v>
      </c>
      <c r="U26" s="38">
        <v>1.05</v>
      </c>
      <c r="V26" s="17">
        <v>0.85</v>
      </c>
      <c r="W26" s="17">
        <v>0.85</v>
      </c>
      <c r="X26" s="17">
        <v>0.75</v>
      </c>
      <c r="Y26" s="17">
        <v>0.95</v>
      </c>
      <c r="Z26" s="17">
        <v>1.25</v>
      </c>
      <c r="AA26" s="17">
        <v>2.25</v>
      </c>
      <c r="AB26" s="17"/>
      <c r="AC26" s="17">
        <v>1.65</v>
      </c>
      <c r="AD26" s="17">
        <v>1.85</v>
      </c>
      <c r="AE26" s="38">
        <v>1.21</v>
      </c>
      <c r="AF26" s="17">
        <v>1.29</v>
      </c>
      <c r="AG26" s="17">
        <v>1.29</v>
      </c>
      <c r="AH26" s="38">
        <v>1.29</v>
      </c>
      <c r="AI26" s="17">
        <v>1.0900000000000001</v>
      </c>
      <c r="AJ26" s="38">
        <v>1.25</v>
      </c>
      <c r="AK26" s="38">
        <v>1.25</v>
      </c>
      <c r="AL26" s="38">
        <v>1.45</v>
      </c>
      <c r="AM26" s="38">
        <v>1.1499999999999999</v>
      </c>
      <c r="AN26" s="38">
        <v>1.25</v>
      </c>
      <c r="AO26" s="62">
        <v>1.25</v>
      </c>
      <c r="AP26" s="17">
        <v>1.05</v>
      </c>
      <c r="AQ26" s="17">
        <v>0.86</v>
      </c>
      <c r="AR26" s="17">
        <v>1</v>
      </c>
      <c r="AS26" s="17">
        <v>1</v>
      </c>
      <c r="AT26" s="17">
        <v>0.85</v>
      </c>
      <c r="AU26" s="17">
        <v>1</v>
      </c>
      <c r="AV26" s="17">
        <v>1.0900000000000001</v>
      </c>
      <c r="AW26" s="17">
        <v>1.75</v>
      </c>
      <c r="AX26" s="17">
        <v>1.6</v>
      </c>
      <c r="AY26" s="17">
        <v>1.6</v>
      </c>
      <c r="AZ26" s="38">
        <v>1.93</v>
      </c>
      <c r="BA26" s="17">
        <v>2</v>
      </c>
      <c r="BB26" s="17">
        <v>1.99</v>
      </c>
      <c r="BC26" s="17">
        <v>2.0499999999999998</v>
      </c>
      <c r="BD26" s="17">
        <v>1.7</v>
      </c>
    </row>
    <row r="27" spans="3:56" x14ac:dyDescent="0.2">
      <c r="C27" s="5" t="s">
        <v>70</v>
      </c>
      <c r="D27" s="6" t="s">
        <v>58</v>
      </c>
      <c r="E27" s="38">
        <v>2.14</v>
      </c>
      <c r="F27" s="38">
        <v>0.92</v>
      </c>
      <c r="G27" s="38">
        <v>0.94</v>
      </c>
      <c r="H27" s="38">
        <v>0.62</v>
      </c>
      <c r="I27" s="17">
        <v>0.54</v>
      </c>
      <c r="J27" s="38">
        <v>0.69</v>
      </c>
      <c r="K27" s="38">
        <v>0.49</v>
      </c>
      <c r="L27" s="38">
        <v>0.42</v>
      </c>
      <c r="M27" s="38">
        <v>0.35</v>
      </c>
      <c r="N27" s="38">
        <v>0.36</v>
      </c>
      <c r="O27" s="38">
        <v>0.39</v>
      </c>
      <c r="P27" s="38">
        <v>0.34</v>
      </c>
      <c r="Q27" s="38">
        <v>0.5</v>
      </c>
      <c r="R27" s="38">
        <v>0.46</v>
      </c>
      <c r="S27" s="38">
        <v>0.53</v>
      </c>
      <c r="T27" s="38">
        <v>0.53</v>
      </c>
      <c r="U27" s="38">
        <v>0.78</v>
      </c>
      <c r="V27" s="17">
        <v>0.6</v>
      </c>
      <c r="W27" s="17">
        <v>1.38</v>
      </c>
      <c r="X27" s="17">
        <v>1.1399999999999999</v>
      </c>
      <c r="Y27" s="17">
        <v>0.57999999999999996</v>
      </c>
      <c r="Z27" s="17">
        <v>0.61</v>
      </c>
      <c r="AA27" s="17">
        <v>0.79</v>
      </c>
      <c r="AB27" s="17"/>
      <c r="AC27" s="17">
        <v>0.56999999999999995</v>
      </c>
      <c r="AD27" s="17">
        <v>0.73</v>
      </c>
      <c r="AE27" s="38">
        <v>0.65</v>
      </c>
      <c r="AF27" s="17">
        <v>0.55000000000000004</v>
      </c>
      <c r="AG27" s="17">
        <v>1.1100000000000001</v>
      </c>
      <c r="AH27" s="38">
        <v>1.08</v>
      </c>
      <c r="AI27" s="17">
        <v>0.69</v>
      </c>
      <c r="AJ27" s="38">
        <v>0.83</v>
      </c>
      <c r="AK27" s="38">
        <v>0.33</v>
      </c>
      <c r="AL27" s="38">
        <v>0.47</v>
      </c>
      <c r="AM27" s="38">
        <v>0.48</v>
      </c>
      <c r="AN27" s="38">
        <v>0.52</v>
      </c>
      <c r="AO27" s="40">
        <v>0.54</v>
      </c>
      <c r="AP27" s="17">
        <v>0.28000000000000003</v>
      </c>
      <c r="AQ27" s="17">
        <v>0.48</v>
      </c>
      <c r="AR27" s="17">
        <v>0.59</v>
      </c>
      <c r="AS27" s="17">
        <v>0.53</v>
      </c>
      <c r="AT27" s="17">
        <v>0.88</v>
      </c>
      <c r="AU27" s="17">
        <v>0.75</v>
      </c>
      <c r="AV27" s="17">
        <v>0.97</v>
      </c>
      <c r="AW27" s="17">
        <v>1.03</v>
      </c>
      <c r="AX27" s="17">
        <v>1.31</v>
      </c>
      <c r="AY27" s="17">
        <v>1.68</v>
      </c>
      <c r="AZ27" s="38">
        <v>1.06</v>
      </c>
      <c r="BA27" s="17">
        <v>1.17</v>
      </c>
      <c r="BB27" s="17">
        <v>1.54</v>
      </c>
      <c r="BC27" s="17">
        <v>0.95</v>
      </c>
      <c r="BD27" s="17">
        <v>0.44</v>
      </c>
    </row>
    <row r="28" spans="3:56" x14ac:dyDescent="0.2">
      <c r="C28" s="5" t="s">
        <v>103</v>
      </c>
      <c r="D28" s="6" t="s">
        <v>58</v>
      </c>
      <c r="E28" s="38"/>
      <c r="F28" s="38"/>
      <c r="G28" s="38"/>
      <c r="H28" s="38"/>
      <c r="I28" s="17"/>
      <c r="J28" s="38"/>
      <c r="K28" s="38"/>
      <c r="L28" s="38"/>
      <c r="M28" s="38"/>
      <c r="N28" s="38"/>
      <c r="O28" s="38"/>
      <c r="P28" s="38"/>
      <c r="Q28" s="38"/>
      <c r="R28" s="38"/>
      <c r="S28" s="38"/>
      <c r="T28" s="38"/>
      <c r="U28" s="38"/>
      <c r="V28" s="17"/>
      <c r="W28" s="17"/>
      <c r="X28" s="17"/>
      <c r="Y28" s="17"/>
      <c r="Z28" s="17"/>
      <c r="AA28" s="17"/>
      <c r="AB28" s="17"/>
      <c r="AC28" s="17"/>
      <c r="AD28" s="17"/>
      <c r="AE28" s="38"/>
      <c r="AF28" s="17"/>
      <c r="AG28" s="17"/>
      <c r="AH28" s="38"/>
      <c r="AI28" s="17"/>
      <c r="AJ28" s="38"/>
      <c r="AK28" s="38"/>
      <c r="AL28" s="38"/>
      <c r="AM28" s="38"/>
      <c r="AN28" s="38"/>
      <c r="AO28" s="40"/>
      <c r="AP28" s="17"/>
      <c r="AQ28" s="17"/>
      <c r="AR28" s="17"/>
      <c r="AS28" s="17"/>
      <c r="AT28" s="17"/>
      <c r="AU28" s="17"/>
      <c r="AV28" s="17"/>
      <c r="AW28" s="17"/>
      <c r="AX28" s="17"/>
      <c r="AY28" s="17"/>
      <c r="AZ28" s="38"/>
      <c r="BA28" s="17"/>
      <c r="BB28" s="17"/>
      <c r="BC28" s="17"/>
      <c r="BD28" s="17"/>
    </row>
    <row r="29" spans="3:56" x14ac:dyDescent="0.2">
      <c r="C29" s="5" t="s">
        <v>71</v>
      </c>
      <c r="D29" s="6" t="s">
        <v>58</v>
      </c>
      <c r="E29" s="38">
        <v>1.9</v>
      </c>
      <c r="F29" s="38">
        <v>1.9</v>
      </c>
      <c r="G29" s="38">
        <v>1.9</v>
      </c>
      <c r="H29" s="38">
        <v>1.9</v>
      </c>
      <c r="I29" s="17">
        <v>1.9</v>
      </c>
      <c r="J29" s="38">
        <v>1.9</v>
      </c>
      <c r="K29" s="38">
        <v>1.9</v>
      </c>
      <c r="L29" s="38">
        <v>1.9</v>
      </c>
      <c r="M29" s="38">
        <v>1.9</v>
      </c>
      <c r="N29" s="38">
        <v>1.9</v>
      </c>
      <c r="O29" s="38">
        <v>1.9</v>
      </c>
      <c r="P29" s="38">
        <v>1.9</v>
      </c>
      <c r="Q29" s="38">
        <v>1.9</v>
      </c>
      <c r="R29" s="38">
        <v>1.9</v>
      </c>
      <c r="S29" s="38">
        <v>1.9</v>
      </c>
      <c r="T29" s="38">
        <v>1.9</v>
      </c>
      <c r="U29" s="38">
        <v>1.9</v>
      </c>
      <c r="V29" s="17">
        <v>1.9</v>
      </c>
      <c r="W29" s="17">
        <v>1.9</v>
      </c>
      <c r="X29" s="17">
        <v>1.9</v>
      </c>
      <c r="Y29" s="17">
        <v>1.9</v>
      </c>
      <c r="Z29" s="17">
        <v>1.9</v>
      </c>
      <c r="AA29" s="17">
        <v>1.9</v>
      </c>
      <c r="AB29" s="17"/>
      <c r="AC29" s="17">
        <v>1.9</v>
      </c>
      <c r="AD29" s="17">
        <v>1.9</v>
      </c>
      <c r="AE29" s="38">
        <v>1.9</v>
      </c>
      <c r="AF29" s="17">
        <v>1.9</v>
      </c>
      <c r="AG29" s="17">
        <v>1.9</v>
      </c>
      <c r="AH29" s="38">
        <v>1.9</v>
      </c>
      <c r="AI29" s="17">
        <v>1.9</v>
      </c>
      <c r="AJ29" s="38">
        <v>1.9</v>
      </c>
      <c r="AK29" s="38">
        <v>1.9</v>
      </c>
      <c r="AL29" s="38">
        <v>1.9</v>
      </c>
      <c r="AM29" s="38">
        <v>1.9</v>
      </c>
      <c r="AN29" s="38">
        <v>1.9</v>
      </c>
      <c r="AO29" s="40">
        <v>1.9</v>
      </c>
      <c r="AP29" s="17">
        <v>1.9</v>
      </c>
      <c r="AQ29" s="17">
        <v>1.9</v>
      </c>
      <c r="AR29" s="17">
        <v>1.9</v>
      </c>
      <c r="AS29" s="17">
        <v>1.9</v>
      </c>
      <c r="AT29" s="17">
        <v>1.9</v>
      </c>
      <c r="AU29" s="17">
        <v>1.9</v>
      </c>
      <c r="AV29" s="17">
        <v>1.9</v>
      </c>
      <c r="AW29" s="17">
        <v>1.9</v>
      </c>
      <c r="AX29" s="17">
        <v>1.9</v>
      </c>
      <c r="AY29" s="17">
        <v>1.9</v>
      </c>
      <c r="AZ29" s="38">
        <v>1.9</v>
      </c>
      <c r="BA29" s="17">
        <v>1.9</v>
      </c>
      <c r="BB29" s="17">
        <v>1.9</v>
      </c>
      <c r="BC29" s="17">
        <v>1.9</v>
      </c>
      <c r="BD29" s="17">
        <v>1.9</v>
      </c>
    </row>
    <row r="30" spans="3:56" x14ac:dyDescent="0.2">
      <c r="C30" s="5" t="s">
        <v>102</v>
      </c>
      <c r="D30" s="6" t="s">
        <v>58</v>
      </c>
      <c r="E30" s="38"/>
      <c r="F30" s="38"/>
      <c r="G30" s="38"/>
      <c r="H30" s="38"/>
      <c r="I30" s="17"/>
      <c r="J30" s="38"/>
      <c r="K30" s="38"/>
      <c r="L30" s="38"/>
      <c r="M30" s="38"/>
      <c r="N30" s="38"/>
      <c r="O30" s="38"/>
      <c r="P30" s="38"/>
      <c r="Q30" s="38"/>
      <c r="R30" s="38"/>
      <c r="S30" s="38"/>
      <c r="T30" s="38"/>
      <c r="U30" s="38"/>
      <c r="V30" s="17"/>
      <c r="W30" s="17"/>
      <c r="X30" s="17"/>
      <c r="Y30" s="17"/>
      <c r="Z30" s="17"/>
      <c r="AA30" s="17"/>
      <c r="AB30" s="17"/>
      <c r="AC30" s="17"/>
      <c r="AD30" s="17"/>
      <c r="AE30" s="38"/>
      <c r="AF30" s="17"/>
      <c r="AG30" s="17"/>
      <c r="AH30" s="38"/>
      <c r="AI30" s="17"/>
      <c r="AJ30" s="38"/>
      <c r="AK30" s="38"/>
      <c r="AL30" s="38"/>
      <c r="AM30" s="38"/>
      <c r="AN30" s="38"/>
      <c r="AO30" s="40"/>
      <c r="AP30" s="17"/>
      <c r="AQ30" s="17"/>
      <c r="AR30" s="17"/>
      <c r="AS30" s="17"/>
      <c r="AT30" s="17"/>
      <c r="AU30" s="17"/>
      <c r="AV30" s="17"/>
      <c r="AW30" s="17"/>
      <c r="AX30" s="17"/>
      <c r="AY30" s="17"/>
      <c r="AZ30" s="38"/>
      <c r="BA30" s="17"/>
      <c r="BB30" s="17"/>
      <c r="BC30" s="17"/>
      <c r="BD30" s="17"/>
    </row>
    <row r="31" spans="3:56" x14ac:dyDescent="0.2">
      <c r="C31" s="5" t="s">
        <v>72</v>
      </c>
      <c r="D31" s="6" t="s">
        <v>58</v>
      </c>
      <c r="E31" s="38">
        <v>3.9</v>
      </c>
      <c r="F31" s="38">
        <v>4.1399999999999997</v>
      </c>
      <c r="G31" s="38">
        <v>4.04</v>
      </c>
      <c r="H31" s="38">
        <v>3.21</v>
      </c>
      <c r="I31" s="17">
        <v>3.28</v>
      </c>
      <c r="J31" s="38">
        <v>3.13</v>
      </c>
      <c r="K31" s="38">
        <v>3.13</v>
      </c>
      <c r="L31" s="38">
        <v>3.07</v>
      </c>
      <c r="M31" s="38">
        <v>3.03</v>
      </c>
      <c r="N31" s="38">
        <v>3.03</v>
      </c>
      <c r="O31" s="38">
        <v>3.3</v>
      </c>
      <c r="P31" s="38">
        <v>3.41</v>
      </c>
      <c r="Q31" s="38">
        <v>3.41</v>
      </c>
      <c r="R31" s="38">
        <v>3.36</v>
      </c>
      <c r="S31" s="38">
        <v>2.99</v>
      </c>
      <c r="T31" s="38">
        <v>3.06</v>
      </c>
      <c r="U31" s="38">
        <v>3.06</v>
      </c>
      <c r="V31" s="17">
        <v>3.06</v>
      </c>
      <c r="W31" s="17">
        <v>3.56</v>
      </c>
      <c r="X31" s="17">
        <v>4.16</v>
      </c>
      <c r="Y31" s="17">
        <v>4</v>
      </c>
      <c r="Z31" s="17">
        <v>3.6</v>
      </c>
      <c r="AA31" s="17">
        <v>3.1</v>
      </c>
      <c r="AB31" s="17"/>
      <c r="AC31" s="17">
        <v>3</v>
      </c>
      <c r="AD31" s="17">
        <v>2.8</v>
      </c>
      <c r="AE31" s="38">
        <v>2.8</v>
      </c>
      <c r="AF31" s="17">
        <v>3</v>
      </c>
      <c r="AG31" s="17">
        <v>3.31</v>
      </c>
      <c r="AH31" s="38">
        <v>3.9</v>
      </c>
      <c r="AI31" s="17">
        <v>3.7</v>
      </c>
      <c r="AJ31" s="38">
        <v>3.73</v>
      </c>
      <c r="AK31" s="38">
        <v>3.97</v>
      </c>
      <c r="AL31" s="38">
        <v>4</v>
      </c>
      <c r="AM31" s="38">
        <v>3.5</v>
      </c>
      <c r="AN31" s="38">
        <v>3.3</v>
      </c>
      <c r="AO31" s="62">
        <v>3.5</v>
      </c>
      <c r="AP31" s="17">
        <v>3.74</v>
      </c>
      <c r="AQ31" s="17">
        <v>3.62</v>
      </c>
      <c r="AR31" s="17">
        <v>3.65</v>
      </c>
      <c r="AS31" s="17">
        <v>3.34</v>
      </c>
      <c r="AT31" s="17">
        <v>3.04</v>
      </c>
      <c r="AU31" s="17">
        <v>2.58</v>
      </c>
      <c r="AV31" s="17">
        <v>2.61</v>
      </c>
      <c r="AW31" s="17">
        <v>2.81</v>
      </c>
      <c r="AX31" s="17">
        <v>2.87</v>
      </c>
      <c r="AY31" s="17">
        <v>2.7</v>
      </c>
      <c r="AZ31" s="38">
        <v>2.59</v>
      </c>
      <c r="BA31" s="17">
        <v>2.82</v>
      </c>
      <c r="BB31" s="17">
        <v>2.66</v>
      </c>
      <c r="BC31" s="17">
        <v>2.35</v>
      </c>
      <c r="BD31" s="17">
        <v>2.4500000000000002</v>
      </c>
    </row>
    <row r="32" spans="3:56" x14ac:dyDescent="0.2">
      <c r="C32" s="5" t="s">
        <v>73</v>
      </c>
      <c r="D32" s="6" t="s">
        <v>58</v>
      </c>
      <c r="E32" s="38">
        <v>2</v>
      </c>
      <c r="F32" s="38">
        <v>1.58</v>
      </c>
      <c r="G32" s="38">
        <v>1.58</v>
      </c>
      <c r="H32" s="38">
        <v>1.78</v>
      </c>
      <c r="I32" s="17">
        <v>1.61</v>
      </c>
      <c r="J32" s="38">
        <v>1.91</v>
      </c>
      <c r="K32" s="38">
        <v>2.1</v>
      </c>
      <c r="L32" s="38">
        <v>2</v>
      </c>
      <c r="M32" s="38">
        <v>2</v>
      </c>
      <c r="N32" s="38">
        <v>2.35</v>
      </c>
      <c r="O32" s="38">
        <v>2.6</v>
      </c>
      <c r="P32" s="38">
        <v>2.2999999999999998</v>
      </c>
      <c r="Q32" s="38">
        <v>2.2999999999999998</v>
      </c>
      <c r="R32" s="38">
        <v>2.2999999999999998</v>
      </c>
      <c r="S32" s="38">
        <v>2.2999999999999998</v>
      </c>
      <c r="T32" s="38">
        <v>2.6</v>
      </c>
      <c r="U32" s="38">
        <v>2.5</v>
      </c>
      <c r="V32" s="17">
        <v>2.41</v>
      </c>
      <c r="W32" s="17">
        <v>3.5</v>
      </c>
      <c r="X32" s="17">
        <v>3.9</v>
      </c>
      <c r="Y32" s="17">
        <v>3.4</v>
      </c>
      <c r="Z32" s="17">
        <v>3.5</v>
      </c>
      <c r="AA32" s="17">
        <v>4.5</v>
      </c>
      <c r="AB32" s="17"/>
      <c r="AC32" s="17">
        <v>3.2</v>
      </c>
      <c r="AD32" s="17">
        <v>2.5</v>
      </c>
      <c r="AE32" s="38">
        <v>2.2000000000000002</v>
      </c>
      <c r="AF32" s="17">
        <v>2.1</v>
      </c>
      <c r="AG32" s="17">
        <v>3.1</v>
      </c>
      <c r="AH32" s="38">
        <v>3.1</v>
      </c>
      <c r="AI32" s="17">
        <v>2.1</v>
      </c>
      <c r="AJ32" s="38">
        <v>2</v>
      </c>
      <c r="AK32" s="38">
        <v>2.44</v>
      </c>
      <c r="AL32" s="38">
        <v>2.34</v>
      </c>
      <c r="AM32" s="38">
        <v>2.81</v>
      </c>
      <c r="AN32" s="38">
        <v>2.56</v>
      </c>
      <c r="AO32" s="40">
        <v>2.56</v>
      </c>
      <c r="AP32" s="17">
        <v>2.2599999999999998</v>
      </c>
      <c r="AQ32" s="17">
        <v>2</v>
      </c>
      <c r="AR32" s="17">
        <v>1.85</v>
      </c>
      <c r="AS32" s="17">
        <v>2.0499999999999998</v>
      </c>
      <c r="AT32" s="17">
        <v>1.65</v>
      </c>
      <c r="AU32" s="17">
        <v>1.5</v>
      </c>
      <c r="AV32" s="17">
        <v>1.9</v>
      </c>
      <c r="AW32" s="17">
        <v>2.1800000000000002</v>
      </c>
      <c r="AX32" s="17">
        <v>2.08</v>
      </c>
      <c r="AY32" s="17">
        <v>2.2599999999999998</v>
      </c>
      <c r="AZ32" s="38">
        <v>2.76</v>
      </c>
      <c r="BA32" s="17">
        <v>3.1</v>
      </c>
      <c r="BB32" s="17">
        <v>3.1</v>
      </c>
      <c r="BC32" s="17">
        <v>4.3499999999999996</v>
      </c>
      <c r="BD32" s="17">
        <v>4.88</v>
      </c>
    </row>
    <row r="33" spans="3:56" x14ac:dyDescent="0.2">
      <c r="C33" s="5" t="s">
        <v>74</v>
      </c>
      <c r="D33" s="6" t="s">
        <v>58</v>
      </c>
      <c r="E33" s="38">
        <v>1.05</v>
      </c>
      <c r="F33" s="38">
        <v>1.05</v>
      </c>
      <c r="G33" s="38">
        <v>1.05</v>
      </c>
      <c r="H33" s="38">
        <v>1.05</v>
      </c>
      <c r="I33" s="17">
        <v>1.05</v>
      </c>
      <c r="J33" s="38">
        <v>1.05</v>
      </c>
      <c r="K33" s="38">
        <v>1.05</v>
      </c>
      <c r="L33" s="38">
        <v>1.05</v>
      </c>
      <c r="M33" s="38">
        <v>1.05</v>
      </c>
      <c r="N33" s="38">
        <v>1.05</v>
      </c>
      <c r="O33" s="38">
        <v>1.05</v>
      </c>
      <c r="P33" s="38">
        <v>1.05</v>
      </c>
      <c r="Q33" s="38">
        <v>1.05</v>
      </c>
      <c r="R33" s="38">
        <v>1.05</v>
      </c>
      <c r="S33" s="38">
        <v>1.05</v>
      </c>
      <c r="T33" s="38">
        <v>1.05</v>
      </c>
      <c r="U33" s="38">
        <v>1.05</v>
      </c>
      <c r="V33" s="17">
        <v>1.05</v>
      </c>
      <c r="W33" s="17">
        <v>1.05</v>
      </c>
      <c r="X33" s="17">
        <v>1.05</v>
      </c>
      <c r="Y33" s="17">
        <v>1.05</v>
      </c>
      <c r="Z33" s="17">
        <v>1.05</v>
      </c>
      <c r="AA33" s="17">
        <v>1.05</v>
      </c>
      <c r="AB33" s="17">
        <v>1.05</v>
      </c>
      <c r="AC33" s="17">
        <v>1.05</v>
      </c>
      <c r="AD33" s="17">
        <v>1.05</v>
      </c>
      <c r="AE33" s="38">
        <v>1.05</v>
      </c>
      <c r="AF33" s="17">
        <v>1.05</v>
      </c>
      <c r="AG33" s="17">
        <v>1.05</v>
      </c>
      <c r="AH33" s="38">
        <v>1.05</v>
      </c>
      <c r="AI33" s="17">
        <v>1.05</v>
      </c>
      <c r="AJ33" s="38">
        <v>1.05</v>
      </c>
      <c r="AK33" s="38">
        <v>1.05</v>
      </c>
      <c r="AL33" s="38">
        <v>1.05</v>
      </c>
      <c r="AM33" s="38">
        <v>1.05</v>
      </c>
      <c r="AN33" s="38">
        <v>1.05</v>
      </c>
      <c r="AO33" s="40">
        <v>1.05</v>
      </c>
      <c r="AP33" s="17">
        <v>1.05</v>
      </c>
      <c r="AQ33" s="17">
        <v>1.05</v>
      </c>
      <c r="AR33" s="17">
        <v>1.05</v>
      </c>
      <c r="AS33" s="17">
        <v>1.05</v>
      </c>
      <c r="AT33" s="17">
        <v>1.05</v>
      </c>
      <c r="AU33" s="17">
        <v>1.05</v>
      </c>
      <c r="AV33" s="17">
        <v>1.05</v>
      </c>
      <c r="AW33" s="17">
        <v>1.05</v>
      </c>
      <c r="AX33" s="17">
        <v>1.05</v>
      </c>
      <c r="AY33" s="17">
        <v>1.05</v>
      </c>
      <c r="AZ33" s="38">
        <v>1.05</v>
      </c>
      <c r="BA33" s="17">
        <v>1.05</v>
      </c>
      <c r="BB33" s="17">
        <v>1.05</v>
      </c>
      <c r="BC33" s="17">
        <v>1.05</v>
      </c>
      <c r="BD33" s="17">
        <v>1.05</v>
      </c>
    </row>
    <row r="34" spans="3:56" x14ac:dyDescent="0.2">
      <c r="C34" s="16" t="s">
        <v>78</v>
      </c>
      <c r="D34" s="6" t="s">
        <v>58</v>
      </c>
      <c r="E34" s="40">
        <v>0.16</v>
      </c>
      <c r="F34" s="40">
        <v>0.18</v>
      </c>
      <c r="G34" s="40">
        <v>0.17</v>
      </c>
      <c r="H34" s="40">
        <v>0.16</v>
      </c>
      <c r="I34" s="17">
        <v>0.15</v>
      </c>
      <c r="J34" s="40">
        <v>0.15</v>
      </c>
      <c r="K34" s="40">
        <v>0.14000000000000001</v>
      </c>
      <c r="L34" s="40">
        <v>0.13</v>
      </c>
      <c r="M34" s="40">
        <v>0.15</v>
      </c>
      <c r="N34" s="40">
        <v>0.17</v>
      </c>
      <c r="O34" s="40">
        <v>0.21</v>
      </c>
      <c r="P34" s="40">
        <v>0.21</v>
      </c>
      <c r="Q34" s="40">
        <v>0.28000000000000003</v>
      </c>
      <c r="R34" s="40">
        <v>0.35</v>
      </c>
      <c r="S34" s="40">
        <v>0.32</v>
      </c>
      <c r="T34" s="40">
        <v>0.28000000000000003</v>
      </c>
      <c r="U34" s="40">
        <v>0.28999999999999998</v>
      </c>
      <c r="V34" s="17">
        <v>0.28000000000000003</v>
      </c>
      <c r="W34" s="17">
        <v>0.3</v>
      </c>
      <c r="X34" s="17">
        <v>0.33</v>
      </c>
      <c r="Y34" s="17">
        <v>0.34</v>
      </c>
      <c r="Z34" s="17">
        <v>0.36</v>
      </c>
      <c r="AA34" s="17">
        <v>0.35</v>
      </c>
      <c r="AB34" s="17">
        <v>0.32</v>
      </c>
      <c r="AC34" s="17">
        <v>0.32</v>
      </c>
      <c r="AD34" s="17">
        <v>0.33</v>
      </c>
      <c r="AE34" s="40">
        <v>0.35</v>
      </c>
      <c r="AF34" s="17">
        <v>0.34</v>
      </c>
      <c r="AG34" s="17">
        <v>0.32</v>
      </c>
      <c r="AH34" s="40">
        <v>0.31</v>
      </c>
      <c r="AI34" s="40">
        <v>0.31</v>
      </c>
      <c r="AJ34" s="40">
        <v>0.34</v>
      </c>
      <c r="AK34" s="40">
        <v>0.34</v>
      </c>
      <c r="AL34" s="40">
        <v>0.31</v>
      </c>
      <c r="AM34" s="40">
        <v>0.31</v>
      </c>
      <c r="AN34" s="40">
        <v>0.28999999999999998</v>
      </c>
      <c r="AO34" s="62">
        <v>0.27</v>
      </c>
      <c r="AP34" s="17">
        <v>0.27</v>
      </c>
      <c r="AQ34" s="17">
        <v>0.26</v>
      </c>
      <c r="AR34" s="17">
        <v>0.26</v>
      </c>
      <c r="AS34" s="17">
        <v>0.25</v>
      </c>
      <c r="AT34" s="17">
        <v>0.25</v>
      </c>
      <c r="AU34" s="17">
        <v>0.24</v>
      </c>
      <c r="AV34" s="17">
        <v>0.22</v>
      </c>
      <c r="AW34" s="17">
        <v>0.22</v>
      </c>
      <c r="AX34" s="17">
        <v>0.21</v>
      </c>
      <c r="AY34" s="17">
        <v>0.21</v>
      </c>
      <c r="AZ34" s="40">
        <v>0.21</v>
      </c>
      <c r="BA34" s="17">
        <v>0.19</v>
      </c>
      <c r="BB34" s="17">
        <v>0.19</v>
      </c>
      <c r="BC34" s="17">
        <v>0.18</v>
      </c>
      <c r="BD34" s="17">
        <v>0.18</v>
      </c>
    </row>
    <row r="35" spans="3:56" x14ac:dyDescent="0.2">
      <c r="C35" s="16" t="s">
        <v>79</v>
      </c>
      <c r="D35" s="6" t="s">
        <v>58</v>
      </c>
      <c r="E35" s="40">
        <v>0.44</v>
      </c>
      <c r="F35" s="40">
        <v>0.43</v>
      </c>
      <c r="G35" s="40">
        <v>0.42</v>
      </c>
      <c r="H35" s="40">
        <v>0.39</v>
      </c>
      <c r="I35" s="17">
        <v>0.39</v>
      </c>
      <c r="J35" s="40">
        <v>0.45</v>
      </c>
      <c r="K35" s="40">
        <v>0.42</v>
      </c>
      <c r="L35" s="40">
        <v>0.39</v>
      </c>
      <c r="M35" s="40">
        <v>0.39</v>
      </c>
      <c r="N35" s="40">
        <v>0.41</v>
      </c>
      <c r="O35" s="40">
        <v>0.41</v>
      </c>
      <c r="P35" s="40">
        <v>0.43</v>
      </c>
      <c r="Q35" s="40">
        <v>0.46</v>
      </c>
      <c r="R35" s="40">
        <v>0.37</v>
      </c>
      <c r="S35" s="40">
        <v>0.37</v>
      </c>
      <c r="T35" s="40">
        <v>0.35</v>
      </c>
      <c r="U35" s="40">
        <v>0.38</v>
      </c>
      <c r="V35" s="17">
        <v>0.4</v>
      </c>
      <c r="W35" s="17">
        <v>0.41</v>
      </c>
      <c r="X35" s="17">
        <v>0.42</v>
      </c>
      <c r="Y35" s="17">
        <v>0.43</v>
      </c>
      <c r="Z35" s="17">
        <v>0.42</v>
      </c>
      <c r="AA35" s="17">
        <v>0.37</v>
      </c>
      <c r="AB35" s="17">
        <v>0.38</v>
      </c>
      <c r="AC35" s="17">
        <v>0.42</v>
      </c>
      <c r="AD35" s="17">
        <v>0.44</v>
      </c>
      <c r="AE35" s="40">
        <v>0.37</v>
      </c>
      <c r="AF35" s="17">
        <v>0.37</v>
      </c>
      <c r="AG35" s="17">
        <v>0.38</v>
      </c>
      <c r="AH35" s="40">
        <v>0.38</v>
      </c>
      <c r="AI35" s="40">
        <v>0.39</v>
      </c>
      <c r="AJ35" s="40">
        <v>0.46</v>
      </c>
      <c r="AK35" s="40">
        <v>0.4</v>
      </c>
      <c r="AL35" s="40">
        <v>0.38</v>
      </c>
      <c r="AM35" s="40">
        <v>0.38</v>
      </c>
      <c r="AN35" s="40">
        <v>0.44</v>
      </c>
      <c r="AO35" s="62">
        <v>0.44</v>
      </c>
      <c r="AP35" s="17">
        <v>0.45</v>
      </c>
      <c r="AQ35" s="17">
        <v>0.4</v>
      </c>
      <c r="AR35" s="17">
        <v>0.33</v>
      </c>
      <c r="AS35" s="17">
        <v>0.35</v>
      </c>
      <c r="AT35" s="17">
        <v>0.35</v>
      </c>
      <c r="AU35" s="17">
        <v>0.34</v>
      </c>
      <c r="AV35" s="17">
        <v>0.34</v>
      </c>
      <c r="AW35" s="17">
        <v>0.3581842338352525</v>
      </c>
      <c r="AX35" s="17">
        <v>0.36778565101860056</v>
      </c>
      <c r="AY35" s="17">
        <v>0.3748467670504872</v>
      </c>
      <c r="AZ35" s="40">
        <v>0.46697500761962818</v>
      </c>
      <c r="BA35" s="17">
        <v>0.41</v>
      </c>
      <c r="BB35" s="17">
        <v>0.36</v>
      </c>
      <c r="BC35" s="17">
        <v>0.31</v>
      </c>
      <c r="BD35" s="17">
        <v>0.28000000000000003</v>
      </c>
    </row>
    <row r="36" spans="3:56" x14ac:dyDescent="0.2">
      <c r="C36" s="16" t="s">
        <v>80</v>
      </c>
      <c r="D36" s="6" t="s">
        <v>58</v>
      </c>
      <c r="E36" s="40">
        <v>0.78</v>
      </c>
      <c r="F36" s="40">
        <v>0.94</v>
      </c>
      <c r="G36" s="40">
        <v>1.1499999999999999</v>
      </c>
      <c r="H36" s="40">
        <v>0.91</v>
      </c>
      <c r="I36" s="17">
        <v>0.76</v>
      </c>
      <c r="J36" s="40">
        <v>0.56999999999999995</v>
      </c>
      <c r="K36" s="40">
        <v>0.49</v>
      </c>
      <c r="L36" s="40">
        <v>0.45</v>
      </c>
      <c r="M36" s="40">
        <v>0.48</v>
      </c>
      <c r="N36" s="40">
        <v>0.83</v>
      </c>
      <c r="O36" s="40">
        <v>0.87</v>
      </c>
      <c r="P36" s="40">
        <v>0.64</v>
      </c>
      <c r="Q36" s="40">
        <v>0.5</v>
      </c>
      <c r="R36" s="40">
        <v>0.3</v>
      </c>
      <c r="S36" s="40">
        <v>0.31</v>
      </c>
      <c r="T36" s="40">
        <v>0.34</v>
      </c>
      <c r="U36" s="40">
        <v>0.42</v>
      </c>
      <c r="V36" s="17">
        <v>0.42</v>
      </c>
      <c r="W36" s="17">
        <v>0.32</v>
      </c>
      <c r="X36" s="17">
        <v>0.42</v>
      </c>
      <c r="Y36" s="17">
        <v>0.36</v>
      </c>
      <c r="Z36" s="17">
        <v>0.32</v>
      </c>
      <c r="AA36" s="17">
        <v>0.28000000000000003</v>
      </c>
      <c r="AB36" s="17">
        <v>0.34</v>
      </c>
      <c r="AC36" s="17">
        <v>0.27</v>
      </c>
      <c r="AD36" s="17">
        <v>0.24</v>
      </c>
      <c r="AE36" s="40">
        <v>0.26</v>
      </c>
      <c r="AF36" s="17">
        <v>0.19</v>
      </c>
      <c r="AG36" s="17">
        <v>0.2</v>
      </c>
      <c r="AH36" s="40">
        <v>0.23</v>
      </c>
      <c r="AI36" s="40">
        <v>0.21</v>
      </c>
      <c r="AJ36" s="40">
        <v>0.2</v>
      </c>
      <c r="AK36" s="40">
        <v>0.26</v>
      </c>
      <c r="AL36" s="40">
        <v>0.23</v>
      </c>
      <c r="AM36" s="40">
        <v>0.24</v>
      </c>
      <c r="AN36" s="40">
        <v>0.38</v>
      </c>
      <c r="AO36" s="17">
        <v>0.45</v>
      </c>
      <c r="AP36" s="17">
        <v>0.45</v>
      </c>
      <c r="AQ36" s="17">
        <v>0.45</v>
      </c>
      <c r="AR36" s="17">
        <v>0.65</v>
      </c>
      <c r="AS36" s="17">
        <v>0.95</v>
      </c>
      <c r="AT36" s="17">
        <v>0.57999999999999996</v>
      </c>
      <c r="AU36" s="17">
        <v>0.51</v>
      </c>
      <c r="AV36" s="17">
        <v>0.33</v>
      </c>
      <c r="AW36" s="17">
        <v>0.52</v>
      </c>
      <c r="AX36" s="17">
        <v>0.53</v>
      </c>
      <c r="AY36" s="17">
        <v>0.54</v>
      </c>
      <c r="AZ36" s="40">
        <v>0.61</v>
      </c>
      <c r="BA36" s="17">
        <v>0.77</v>
      </c>
      <c r="BB36" s="17">
        <v>1.17</v>
      </c>
      <c r="BC36" s="17">
        <v>1.34</v>
      </c>
      <c r="BD36" s="17">
        <v>0.91</v>
      </c>
    </row>
    <row r="37" spans="3:56" x14ac:dyDescent="0.2">
      <c r="C37" s="16" t="s">
        <v>81</v>
      </c>
      <c r="D37" s="6" t="s">
        <v>58</v>
      </c>
      <c r="E37" s="40">
        <v>0.15</v>
      </c>
      <c r="F37" s="40">
        <v>0.15</v>
      </c>
      <c r="G37" s="40">
        <v>0.17</v>
      </c>
      <c r="H37" s="40">
        <v>0.16</v>
      </c>
      <c r="I37" s="17">
        <v>0.16</v>
      </c>
      <c r="J37" s="40">
        <v>0.19</v>
      </c>
      <c r="K37" s="40">
        <v>0.2</v>
      </c>
      <c r="L37" s="40">
        <v>0.19</v>
      </c>
      <c r="M37" s="40">
        <v>0.18</v>
      </c>
      <c r="N37" s="40">
        <v>0.18</v>
      </c>
      <c r="O37" s="40">
        <v>0.18</v>
      </c>
      <c r="P37" s="40">
        <v>0.19</v>
      </c>
      <c r="Q37" s="40">
        <v>0.19</v>
      </c>
      <c r="R37" s="40">
        <v>0.19</v>
      </c>
      <c r="S37" s="40">
        <v>0.24</v>
      </c>
      <c r="T37" s="40">
        <v>0.27</v>
      </c>
      <c r="U37" s="40">
        <v>0.27</v>
      </c>
      <c r="V37" s="17">
        <v>0.28000000000000003</v>
      </c>
      <c r="W37" s="17">
        <v>0.21</v>
      </c>
      <c r="X37" s="17">
        <v>0.19</v>
      </c>
      <c r="Y37" s="17">
        <v>0.19</v>
      </c>
      <c r="Z37" s="17">
        <v>0.19</v>
      </c>
      <c r="AA37" s="17">
        <v>0.24</v>
      </c>
      <c r="AB37" s="17">
        <v>0.23</v>
      </c>
      <c r="AC37" s="17">
        <v>0.23</v>
      </c>
      <c r="AD37" s="17">
        <v>0.24</v>
      </c>
      <c r="AE37" s="40">
        <v>0.17</v>
      </c>
      <c r="AF37" s="17">
        <v>0.16</v>
      </c>
      <c r="AG37" s="17">
        <v>0.16</v>
      </c>
      <c r="AH37" s="40">
        <v>0.17</v>
      </c>
      <c r="AI37" s="40">
        <v>0.13</v>
      </c>
      <c r="AJ37" s="40">
        <v>0.14000000000000001</v>
      </c>
      <c r="AK37" s="40">
        <v>0.14000000000000001</v>
      </c>
      <c r="AL37" s="40">
        <v>0.17</v>
      </c>
      <c r="AM37" s="40">
        <v>0.15</v>
      </c>
      <c r="AN37" s="40">
        <v>0.14000000000000001</v>
      </c>
      <c r="AO37" s="40">
        <v>0.12</v>
      </c>
      <c r="AP37" s="17">
        <v>0.12</v>
      </c>
      <c r="AQ37" s="17">
        <v>0.12</v>
      </c>
      <c r="AR37" s="17">
        <v>0.1</v>
      </c>
      <c r="AS37" s="17">
        <v>0.1</v>
      </c>
      <c r="AT37" s="17">
        <v>0.1</v>
      </c>
      <c r="AU37" s="17">
        <v>0.1</v>
      </c>
      <c r="AV37" s="17">
        <v>0.1</v>
      </c>
      <c r="AW37" s="17">
        <v>0.14000000000000001</v>
      </c>
      <c r="AX37" s="17">
        <v>0.14000000000000001</v>
      </c>
      <c r="AY37" s="17">
        <v>0.13</v>
      </c>
      <c r="AZ37" s="40">
        <v>0.14000000000000001</v>
      </c>
      <c r="BA37" s="17">
        <v>0.16</v>
      </c>
      <c r="BB37" s="17">
        <v>0.15</v>
      </c>
      <c r="BC37" s="17">
        <v>0.15</v>
      </c>
      <c r="BD37" s="17">
        <v>0.15</v>
      </c>
    </row>
    <row r="38" spans="3:56" x14ac:dyDescent="0.2">
      <c r="C38" s="16" t="s">
        <v>82</v>
      </c>
      <c r="D38" s="6" t="s">
        <v>58</v>
      </c>
      <c r="E38" s="40">
        <v>1.74</v>
      </c>
      <c r="F38" s="40">
        <v>1.76</v>
      </c>
      <c r="G38" s="40">
        <v>2.0699999999999998</v>
      </c>
      <c r="H38" s="40">
        <v>1.81</v>
      </c>
      <c r="I38" s="17">
        <v>1.44</v>
      </c>
      <c r="J38" s="40">
        <v>1.1299999999999999</v>
      </c>
      <c r="K38" s="40">
        <v>0.97</v>
      </c>
      <c r="L38" s="40">
        <v>1.38</v>
      </c>
      <c r="M38" s="40">
        <v>1.85</v>
      </c>
      <c r="N38" s="40">
        <v>1.62</v>
      </c>
      <c r="O38" s="40">
        <v>1.89</v>
      </c>
      <c r="P38" s="40">
        <v>2.0699999999999998</v>
      </c>
      <c r="Q38" s="40">
        <v>1.92</v>
      </c>
      <c r="R38" s="40">
        <v>2.08</v>
      </c>
      <c r="S38" s="40">
        <v>2.2999999999999998</v>
      </c>
      <c r="T38" s="40">
        <v>2.36</v>
      </c>
      <c r="U38" s="40">
        <v>1.9</v>
      </c>
      <c r="V38" s="17">
        <v>1.82</v>
      </c>
      <c r="W38" s="17">
        <v>1.65</v>
      </c>
      <c r="X38" s="17">
        <v>1.63</v>
      </c>
      <c r="Y38" s="17">
        <v>1.35</v>
      </c>
      <c r="Z38" s="17">
        <v>1.04</v>
      </c>
      <c r="AA38" s="17">
        <v>1.47</v>
      </c>
      <c r="AB38" s="17">
        <v>1.22</v>
      </c>
      <c r="AC38" s="17">
        <v>1.32</v>
      </c>
      <c r="AD38" s="17">
        <v>1.0900000000000001</v>
      </c>
      <c r="AE38" s="40">
        <v>1.29</v>
      </c>
      <c r="AF38" s="17">
        <v>1.7</v>
      </c>
      <c r="AG38" s="17">
        <v>2.11</v>
      </c>
      <c r="AH38" s="40">
        <v>2.4</v>
      </c>
      <c r="AI38" s="40">
        <v>1.64</v>
      </c>
      <c r="AJ38" s="40">
        <v>1.33</v>
      </c>
      <c r="AK38" s="40">
        <v>1.35</v>
      </c>
      <c r="AL38" s="40">
        <v>1.25</v>
      </c>
      <c r="AM38" s="40">
        <v>1.83</v>
      </c>
      <c r="AN38" s="40">
        <v>1.63</v>
      </c>
      <c r="AO38" s="40">
        <v>1.44</v>
      </c>
      <c r="AP38" s="17">
        <v>1.56</v>
      </c>
      <c r="AQ38" s="17">
        <v>1.6</v>
      </c>
      <c r="AR38" s="17">
        <v>1.58</v>
      </c>
      <c r="AS38" s="17">
        <v>1.6</v>
      </c>
      <c r="AT38" s="17">
        <v>1.59</v>
      </c>
      <c r="AU38" s="17">
        <v>1.58</v>
      </c>
      <c r="AV38" s="17">
        <v>1.69</v>
      </c>
      <c r="AW38" s="17">
        <v>1.51</v>
      </c>
      <c r="AX38" s="17">
        <v>1.92</v>
      </c>
      <c r="AY38" s="17">
        <v>1.68</v>
      </c>
      <c r="AZ38" s="40">
        <v>1.37</v>
      </c>
      <c r="BA38" s="17">
        <v>1.38</v>
      </c>
      <c r="BB38" s="17">
        <v>1.41</v>
      </c>
      <c r="BC38" s="17">
        <v>1.89</v>
      </c>
      <c r="BD38" s="17">
        <v>1.99</v>
      </c>
    </row>
    <row r="39" spans="3:56" x14ac:dyDescent="0.2">
      <c r="C39" s="16" t="s">
        <v>84</v>
      </c>
      <c r="D39" s="6" t="s">
        <v>85</v>
      </c>
      <c r="E39" s="40">
        <v>0.32</v>
      </c>
      <c r="F39" s="40">
        <v>0.25</v>
      </c>
      <c r="G39" s="40">
        <v>0.24</v>
      </c>
      <c r="H39" s="40">
        <v>0.25</v>
      </c>
      <c r="I39" s="17">
        <v>0.23</v>
      </c>
      <c r="J39" s="40">
        <v>0.24</v>
      </c>
      <c r="K39" s="40">
        <v>0.2</v>
      </c>
      <c r="L39" s="40">
        <v>0.19</v>
      </c>
      <c r="M39" s="40">
        <v>0.19</v>
      </c>
      <c r="N39" s="40">
        <v>0.19</v>
      </c>
      <c r="O39" s="40">
        <v>0.18</v>
      </c>
      <c r="P39" s="40">
        <v>0.17</v>
      </c>
      <c r="Q39" s="40">
        <v>0.19</v>
      </c>
      <c r="R39" s="40">
        <v>0.2</v>
      </c>
      <c r="S39" s="40">
        <v>0.2</v>
      </c>
      <c r="T39" s="40">
        <v>0.2</v>
      </c>
      <c r="U39" s="40">
        <v>0.2</v>
      </c>
      <c r="V39" s="17">
        <v>0.21</v>
      </c>
      <c r="W39" s="17">
        <v>0.27</v>
      </c>
      <c r="X39" s="17">
        <v>0.24</v>
      </c>
      <c r="Y39" s="17">
        <v>0.22</v>
      </c>
      <c r="Z39" s="17">
        <v>0.2</v>
      </c>
      <c r="AA39" s="17">
        <v>0.21</v>
      </c>
      <c r="AB39" s="17">
        <v>0.19</v>
      </c>
      <c r="AC39" s="17">
        <v>0.23</v>
      </c>
      <c r="AD39" s="17">
        <v>0.21</v>
      </c>
      <c r="AE39" s="40">
        <v>0.2</v>
      </c>
      <c r="AF39" s="17">
        <v>0.2</v>
      </c>
      <c r="AG39" s="17">
        <v>0.2</v>
      </c>
      <c r="AH39" s="40">
        <v>0.18</v>
      </c>
      <c r="AI39" s="40">
        <v>0.22</v>
      </c>
      <c r="AJ39" s="40">
        <v>0.2</v>
      </c>
      <c r="AK39" s="40">
        <v>0.22</v>
      </c>
      <c r="AL39" s="40">
        <v>0.22</v>
      </c>
      <c r="AM39" s="40">
        <v>0.22</v>
      </c>
      <c r="AN39" s="40">
        <v>0.25</v>
      </c>
      <c r="AO39" s="62">
        <v>0.24</v>
      </c>
      <c r="AP39" s="17">
        <v>0.25</v>
      </c>
      <c r="AQ39" s="17">
        <v>0.37</v>
      </c>
      <c r="AR39" s="17">
        <v>0.34</v>
      </c>
      <c r="AS39" s="17">
        <v>0.28000000000000003</v>
      </c>
      <c r="AT39" s="17">
        <v>0.33</v>
      </c>
      <c r="AU39" s="17">
        <v>0.3</v>
      </c>
      <c r="AV39" s="17">
        <v>0.34</v>
      </c>
      <c r="AW39" s="17">
        <v>0.28000000000000003</v>
      </c>
      <c r="AX39" s="17">
        <v>0.28999999999999998</v>
      </c>
      <c r="AY39" s="17">
        <v>0.36</v>
      </c>
      <c r="AZ39" s="40">
        <v>0.34</v>
      </c>
      <c r="BA39" s="17">
        <v>0.34</v>
      </c>
      <c r="BB39" s="17">
        <v>0.39</v>
      </c>
      <c r="BC39" s="17">
        <v>0.41</v>
      </c>
      <c r="BD39" s="17">
        <v>0.43</v>
      </c>
    </row>
    <row r="40" spans="3:56" x14ac:dyDescent="0.2">
      <c r="C40" s="16" t="s">
        <v>86</v>
      </c>
      <c r="D40" s="6" t="s">
        <v>58</v>
      </c>
      <c r="E40" s="40">
        <v>0.8</v>
      </c>
      <c r="F40" s="40">
        <v>0.83</v>
      </c>
      <c r="G40" s="40">
        <v>0.69</v>
      </c>
      <c r="H40" s="40">
        <v>0.65</v>
      </c>
      <c r="I40" s="17">
        <v>0.7</v>
      </c>
      <c r="J40" s="40">
        <v>0.71</v>
      </c>
      <c r="K40" s="40">
        <v>0.7</v>
      </c>
      <c r="L40" s="40">
        <v>0.92</v>
      </c>
      <c r="M40" s="40">
        <v>0.97</v>
      </c>
      <c r="N40" s="40">
        <v>1.1399999999999999</v>
      </c>
      <c r="O40" s="40">
        <v>1.24</v>
      </c>
      <c r="P40" s="40">
        <v>1.4</v>
      </c>
      <c r="Q40" s="40">
        <v>1.54</v>
      </c>
      <c r="R40" s="40">
        <v>1.36</v>
      </c>
      <c r="S40" s="40">
        <v>1.51</v>
      </c>
      <c r="T40" s="40">
        <v>1.51</v>
      </c>
      <c r="U40" s="40">
        <v>1.1499999999999999</v>
      </c>
      <c r="V40" s="17">
        <v>0.9</v>
      </c>
      <c r="W40" s="17">
        <v>0.82</v>
      </c>
      <c r="X40" s="17">
        <v>0.85</v>
      </c>
      <c r="Y40" s="17">
        <v>0.49</v>
      </c>
      <c r="Z40" s="17">
        <v>0.48</v>
      </c>
      <c r="AA40" s="17">
        <v>0.41</v>
      </c>
      <c r="AB40" s="17">
        <v>0.78</v>
      </c>
      <c r="AC40" s="17">
        <v>0.65</v>
      </c>
      <c r="AD40" s="17">
        <v>0.63</v>
      </c>
      <c r="AE40" s="40">
        <v>0.55000000000000004</v>
      </c>
      <c r="AF40" s="17">
        <v>0.53</v>
      </c>
      <c r="AG40" s="17">
        <v>0.56999999999999995</v>
      </c>
      <c r="AH40" s="40">
        <v>0.56000000000000005</v>
      </c>
      <c r="AI40" s="40">
        <v>0.52</v>
      </c>
      <c r="AJ40" s="40">
        <v>0.53</v>
      </c>
      <c r="AK40" s="40">
        <v>0.53</v>
      </c>
      <c r="AL40" s="40">
        <v>0.53</v>
      </c>
      <c r="AM40" s="40">
        <v>0.53</v>
      </c>
      <c r="AN40" s="40">
        <v>0.49</v>
      </c>
      <c r="AO40" s="40">
        <v>0.49</v>
      </c>
      <c r="AP40" s="17">
        <v>0.56999999999999995</v>
      </c>
      <c r="AQ40" s="17">
        <v>0.6</v>
      </c>
      <c r="AR40" s="17">
        <v>0.55000000000000004</v>
      </c>
      <c r="AS40" s="17">
        <v>0.56999999999999995</v>
      </c>
      <c r="AT40" s="17">
        <v>0.66</v>
      </c>
      <c r="AU40" s="17">
        <v>0.95</v>
      </c>
      <c r="AV40" s="17">
        <v>0.74</v>
      </c>
      <c r="AW40" s="17">
        <v>0.8</v>
      </c>
      <c r="AX40" s="17">
        <v>0.66</v>
      </c>
      <c r="AY40" s="17">
        <v>0.71</v>
      </c>
      <c r="AZ40" s="40">
        <v>0.79</v>
      </c>
      <c r="BA40" s="17">
        <v>1.17</v>
      </c>
      <c r="BB40" s="17">
        <v>1.39</v>
      </c>
      <c r="BC40" s="17">
        <v>1.33</v>
      </c>
      <c r="BD40" s="17">
        <v>1.33</v>
      </c>
    </row>
    <row r="41" spans="3:56" x14ac:dyDescent="0.2">
      <c r="C41" s="16" t="s">
        <v>104</v>
      </c>
      <c r="D41" s="6" t="s">
        <v>58</v>
      </c>
      <c r="E41" s="40">
        <v>0.64</v>
      </c>
      <c r="F41" s="40">
        <v>0.57999999999999996</v>
      </c>
      <c r="G41" s="40">
        <v>0.38</v>
      </c>
      <c r="H41" s="40">
        <v>0.31</v>
      </c>
      <c r="I41" s="17">
        <v>0.28000000000000003</v>
      </c>
      <c r="J41" s="40">
        <v>0.34</v>
      </c>
      <c r="K41" s="40">
        <v>0.35</v>
      </c>
      <c r="L41" s="40">
        <v>0.39</v>
      </c>
      <c r="M41" s="40">
        <v>0.42</v>
      </c>
      <c r="N41" s="40">
        <v>0.56999999999999995</v>
      </c>
      <c r="O41" s="40">
        <v>0.68</v>
      </c>
      <c r="P41" s="40">
        <v>0.56999999999999995</v>
      </c>
      <c r="Q41" s="40">
        <v>0.46</v>
      </c>
      <c r="R41" s="40">
        <v>0.49</v>
      </c>
      <c r="S41" s="40">
        <v>0.55000000000000004</v>
      </c>
      <c r="T41" s="40">
        <v>0.6</v>
      </c>
      <c r="U41" s="40">
        <v>0.59</v>
      </c>
      <c r="V41" s="17">
        <v>0.46</v>
      </c>
      <c r="W41" s="17">
        <v>0.42</v>
      </c>
      <c r="X41" s="17">
        <v>0.5</v>
      </c>
      <c r="Y41" s="17">
        <v>0.48</v>
      </c>
      <c r="Z41" s="17">
        <v>0.38</v>
      </c>
      <c r="AA41" s="17">
        <v>0.48</v>
      </c>
      <c r="AB41" s="17">
        <v>0.6</v>
      </c>
      <c r="AC41" s="17">
        <v>0.56000000000000005</v>
      </c>
      <c r="AD41" s="17">
        <v>0.47</v>
      </c>
      <c r="AE41" s="40">
        <v>0.54</v>
      </c>
      <c r="AF41" s="17">
        <v>0.49</v>
      </c>
      <c r="AG41" s="17">
        <v>0.5</v>
      </c>
      <c r="AH41" s="40">
        <v>0.57999999999999996</v>
      </c>
      <c r="AI41" s="40">
        <v>0.73</v>
      </c>
      <c r="AJ41" s="40">
        <v>0.67</v>
      </c>
      <c r="AK41" s="40">
        <v>0.63</v>
      </c>
      <c r="AL41" s="40">
        <v>0.47</v>
      </c>
      <c r="AM41" s="40">
        <v>0.43</v>
      </c>
      <c r="AN41" s="40">
        <v>0.47</v>
      </c>
      <c r="AO41" s="40">
        <v>0.46</v>
      </c>
      <c r="AP41" s="17">
        <v>0.5</v>
      </c>
      <c r="AQ41" s="17">
        <v>0.63</v>
      </c>
      <c r="AR41" s="17">
        <v>0.65</v>
      </c>
      <c r="AS41" s="17">
        <v>0.79</v>
      </c>
      <c r="AT41" s="17">
        <v>0.8</v>
      </c>
      <c r="AU41" s="17">
        <v>0.52</v>
      </c>
      <c r="AV41" s="17">
        <v>0.43</v>
      </c>
      <c r="AW41" s="17">
        <v>0.56999999999999995</v>
      </c>
      <c r="AX41" s="17">
        <v>0.57999999999999996</v>
      </c>
      <c r="AY41" s="17">
        <v>0.79</v>
      </c>
      <c r="AZ41" s="40">
        <v>0.75</v>
      </c>
      <c r="BA41" s="17">
        <v>0.75</v>
      </c>
      <c r="BB41" s="17">
        <v>0.77</v>
      </c>
      <c r="BC41" s="17">
        <v>0.72</v>
      </c>
      <c r="BD41" s="17">
        <v>0.63</v>
      </c>
    </row>
    <row r="42" spans="3:56" x14ac:dyDescent="0.2">
      <c r="C42" s="16" t="s">
        <v>87</v>
      </c>
      <c r="D42" s="6" t="s">
        <v>58</v>
      </c>
      <c r="E42" s="40">
        <v>0.11</v>
      </c>
      <c r="F42" s="40">
        <v>0.14000000000000001</v>
      </c>
      <c r="G42" s="40">
        <v>0.14000000000000001</v>
      </c>
      <c r="H42" s="40">
        <v>0.14000000000000001</v>
      </c>
      <c r="I42" s="17">
        <v>0.15</v>
      </c>
      <c r="J42" s="40">
        <v>0.14000000000000001</v>
      </c>
      <c r="K42" s="40">
        <v>0.13</v>
      </c>
      <c r="L42" s="40">
        <v>0.13</v>
      </c>
      <c r="M42" s="40">
        <v>0.13</v>
      </c>
      <c r="N42" s="40">
        <v>0.15</v>
      </c>
      <c r="O42" s="40">
        <v>0.17</v>
      </c>
      <c r="P42" s="40">
        <v>0.19</v>
      </c>
      <c r="Q42" s="40">
        <v>0.2</v>
      </c>
      <c r="R42" s="40">
        <v>0.22</v>
      </c>
      <c r="S42" s="40">
        <v>0.26</v>
      </c>
      <c r="T42" s="40">
        <v>0.31</v>
      </c>
      <c r="U42" s="40">
        <v>0.26</v>
      </c>
      <c r="V42" s="17">
        <v>0.24</v>
      </c>
      <c r="W42" s="17">
        <v>0.26</v>
      </c>
      <c r="X42" s="17">
        <v>0.26</v>
      </c>
      <c r="Y42" s="17">
        <v>0.27</v>
      </c>
      <c r="Z42" s="17">
        <v>0.27</v>
      </c>
      <c r="AA42" s="17">
        <v>0.25</v>
      </c>
      <c r="AB42" s="17">
        <v>0.26</v>
      </c>
      <c r="AC42" s="17">
        <v>0.28999999999999998</v>
      </c>
      <c r="AD42" s="17">
        <v>0.33</v>
      </c>
      <c r="AE42" s="40">
        <v>0.26</v>
      </c>
      <c r="AF42" s="17">
        <v>0.2</v>
      </c>
      <c r="AG42" s="17">
        <v>0.25</v>
      </c>
      <c r="AH42" s="40">
        <v>0.24</v>
      </c>
      <c r="AI42" s="40">
        <v>0.24</v>
      </c>
      <c r="AJ42" s="40">
        <v>0.27</v>
      </c>
      <c r="AK42" s="40">
        <v>0.27</v>
      </c>
      <c r="AL42" s="40">
        <v>0.27</v>
      </c>
      <c r="AM42" s="40">
        <v>0.25</v>
      </c>
      <c r="AN42" s="40">
        <v>0.23</v>
      </c>
      <c r="AO42" s="40">
        <v>0.19</v>
      </c>
      <c r="AP42" s="17">
        <v>0.2</v>
      </c>
      <c r="AQ42" s="17">
        <v>0.2</v>
      </c>
      <c r="AR42" s="17">
        <v>0.19</v>
      </c>
      <c r="AS42" s="17">
        <v>0.19</v>
      </c>
      <c r="AT42" s="17">
        <v>0.19</v>
      </c>
      <c r="AU42" s="17">
        <v>0.16</v>
      </c>
      <c r="AV42" s="17">
        <v>0.18</v>
      </c>
      <c r="AW42" s="17">
        <v>0.16</v>
      </c>
      <c r="AX42" s="17">
        <v>0.22</v>
      </c>
      <c r="AY42" s="17">
        <v>0.22</v>
      </c>
      <c r="AZ42" s="40">
        <v>0.22</v>
      </c>
      <c r="BA42" s="17">
        <v>0.17</v>
      </c>
      <c r="BB42" s="17">
        <v>0.17</v>
      </c>
      <c r="BC42" s="17">
        <v>0.17</v>
      </c>
      <c r="BD42" s="17">
        <v>0.18</v>
      </c>
    </row>
    <row r="43" spans="3:56" x14ac:dyDescent="0.2">
      <c r="C43" s="16" t="s">
        <v>88</v>
      </c>
      <c r="D43" s="6" t="s">
        <v>58</v>
      </c>
      <c r="E43" s="40">
        <v>0.64</v>
      </c>
      <c r="F43" s="40">
        <v>0.65</v>
      </c>
      <c r="G43" s="40">
        <v>0.65</v>
      </c>
      <c r="H43" s="40">
        <v>0.71</v>
      </c>
      <c r="I43" s="17">
        <v>0.66</v>
      </c>
      <c r="J43" s="40">
        <v>0.55000000000000004</v>
      </c>
      <c r="K43" s="40">
        <v>0.54</v>
      </c>
      <c r="L43" s="40">
        <v>0.54</v>
      </c>
      <c r="M43" s="40">
        <v>0.56999999999999995</v>
      </c>
      <c r="N43" s="40">
        <v>0.6</v>
      </c>
      <c r="O43" s="40">
        <v>0.61</v>
      </c>
      <c r="P43" s="40">
        <v>0.6</v>
      </c>
      <c r="Q43" s="40">
        <v>0.6</v>
      </c>
      <c r="R43" s="40">
        <v>0.75</v>
      </c>
      <c r="S43" s="40">
        <v>0.76</v>
      </c>
      <c r="T43" s="40">
        <v>0.73</v>
      </c>
      <c r="U43" s="40">
        <v>0.75</v>
      </c>
      <c r="V43" s="17">
        <v>0.74</v>
      </c>
      <c r="W43" s="17">
        <v>0.75</v>
      </c>
      <c r="X43" s="17">
        <v>0.8</v>
      </c>
      <c r="Y43" s="17">
        <v>0.85</v>
      </c>
      <c r="Z43" s="17">
        <v>0.85</v>
      </c>
      <c r="AA43" s="17">
        <v>0.83</v>
      </c>
      <c r="AB43" s="17">
        <v>0.82</v>
      </c>
      <c r="AC43" s="17">
        <v>0.83</v>
      </c>
      <c r="AD43" s="17">
        <v>0.8</v>
      </c>
      <c r="AE43" s="40">
        <v>0.81</v>
      </c>
      <c r="AF43" s="17">
        <v>0.75</v>
      </c>
      <c r="AG43" s="17">
        <v>0.51</v>
      </c>
      <c r="AH43" s="40">
        <v>0.5</v>
      </c>
      <c r="AI43" s="40">
        <v>0.5</v>
      </c>
      <c r="AJ43" s="40">
        <v>0.47</v>
      </c>
      <c r="AK43" s="40">
        <v>0.47</v>
      </c>
      <c r="AL43" s="40">
        <v>0.47</v>
      </c>
      <c r="AM43" s="40">
        <v>0.35</v>
      </c>
      <c r="AN43" s="40">
        <v>0.35</v>
      </c>
      <c r="AO43" s="62">
        <v>0.3</v>
      </c>
      <c r="AP43" s="17">
        <v>0.28000000000000003</v>
      </c>
      <c r="AQ43" s="17">
        <v>0.28000000000000003</v>
      </c>
      <c r="AR43" s="17">
        <v>0.35</v>
      </c>
      <c r="AS43" s="17">
        <v>0.34</v>
      </c>
      <c r="AT43" s="17">
        <v>0.35</v>
      </c>
      <c r="AU43" s="17">
        <v>0.33</v>
      </c>
      <c r="AV43" s="17">
        <v>0.26</v>
      </c>
      <c r="AW43" s="17">
        <v>0.22</v>
      </c>
      <c r="AX43" s="17">
        <v>0.19</v>
      </c>
      <c r="AY43" s="17">
        <v>0.16</v>
      </c>
      <c r="AZ43" s="40">
        <v>0.13</v>
      </c>
      <c r="BA43" s="17">
        <v>0.13</v>
      </c>
      <c r="BB43" s="17">
        <v>0.12</v>
      </c>
      <c r="BC43" s="17">
        <v>0.08</v>
      </c>
      <c r="BD43" s="17">
        <v>0.1</v>
      </c>
    </row>
    <row r="44" spans="3:56" x14ac:dyDescent="0.2">
      <c r="C44" s="18" t="s">
        <v>91</v>
      </c>
      <c r="D44" s="6" t="s">
        <v>58</v>
      </c>
      <c r="E44" s="40">
        <v>0.3</v>
      </c>
      <c r="F44" s="40">
        <v>0.31</v>
      </c>
      <c r="G44" s="40">
        <v>0.31</v>
      </c>
      <c r="H44" s="40">
        <v>0.3</v>
      </c>
      <c r="I44" s="17">
        <v>0.3</v>
      </c>
      <c r="J44" s="40">
        <v>0.34</v>
      </c>
      <c r="K44" s="40">
        <v>0.34</v>
      </c>
      <c r="L44" s="40">
        <v>0.37</v>
      </c>
      <c r="M44" s="40">
        <v>0.44</v>
      </c>
      <c r="N44" s="40"/>
      <c r="O44" s="40"/>
      <c r="P44" s="40"/>
      <c r="Q44" s="40"/>
      <c r="R44" s="40"/>
      <c r="S44" s="40"/>
      <c r="T44" s="40"/>
      <c r="U44" s="40"/>
      <c r="V44" s="17"/>
      <c r="W44" s="17"/>
      <c r="X44" s="17"/>
      <c r="Y44" s="17"/>
      <c r="Z44" s="17"/>
      <c r="AA44" s="17"/>
      <c r="AB44" s="17"/>
      <c r="AC44" s="17"/>
      <c r="AD44" s="17"/>
      <c r="AE44" s="17"/>
      <c r="AF44" s="17"/>
      <c r="AG44" s="17"/>
      <c r="AH44" s="17"/>
      <c r="AI44" s="17">
        <v>0.28000000000000003</v>
      </c>
      <c r="AJ44" s="17">
        <v>0.3</v>
      </c>
      <c r="AK44" s="17">
        <v>0.3</v>
      </c>
      <c r="AL44" s="17">
        <v>0.28999999999999998</v>
      </c>
      <c r="AM44" s="17">
        <v>0.28999999999999998</v>
      </c>
      <c r="AN44" s="17">
        <v>0.29620000000000002</v>
      </c>
      <c r="AO44" s="40">
        <v>0.28000000000000003</v>
      </c>
      <c r="AP44" s="17">
        <v>0.27</v>
      </c>
      <c r="AQ44" s="17">
        <v>0.23</v>
      </c>
      <c r="AR44" s="17">
        <v>0.25</v>
      </c>
      <c r="AS44" s="17">
        <v>0.23</v>
      </c>
      <c r="AT44" s="17">
        <v>0.25</v>
      </c>
      <c r="AU44" s="17">
        <v>0.22</v>
      </c>
      <c r="AV44" s="17">
        <v>0.17</v>
      </c>
      <c r="AW44" s="17">
        <v>0.19</v>
      </c>
      <c r="AX44" s="17">
        <v>0.17</v>
      </c>
      <c r="AY44" s="17">
        <v>0.15</v>
      </c>
      <c r="AZ44" s="40">
        <v>0.14000000000000001</v>
      </c>
      <c r="BA44" s="17">
        <v>0.14000000000000001</v>
      </c>
      <c r="BB44" s="17">
        <v>0.15</v>
      </c>
      <c r="BC44" s="17">
        <v>0.17</v>
      </c>
      <c r="BD44" s="17">
        <v>0.15</v>
      </c>
    </row>
    <row r="45" spans="3:56" x14ac:dyDescent="0.2">
      <c r="C45" s="18" t="s">
        <v>100</v>
      </c>
      <c r="D45" s="6" t="s">
        <v>58</v>
      </c>
      <c r="E45" s="40"/>
      <c r="F45" s="40"/>
      <c r="G45" s="40"/>
      <c r="H45" s="40"/>
      <c r="I45" s="17"/>
      <c r="J45" s="17"/>
      <c r="K45" s="17"/>
      <c r="L45" s="17"/>
      <c r="M45" s="17"/>
      <c r="N45" s="40">
        <v>0.25</v>
      </c>
      <c r="O45" s="40">
        <v>0.28000000000000003</v>
      </c>
      <c r="P45" s="40">
        <v>0.28999999999999998</v>
      </c>
      <c r="Q45" s="40">
        <v>0.28999999999999998</v>
      </c>
      <c r="R45" s="40">
        <v>0.32</v>
      </c>
      <c r="S45" s="40">
        <v>0.33</v>
      </c>
      <c r="T45" s="34">
        <v>0.36</v>
      </c>
      <c r="U45" s="40">
        <v>0.37</v>
      </c>
      <c r="V45" s="17">
        <v>0.37</v>
      </c>
      <c r="W45" s="17">
        <v>0.37</v>
      </c>
      <c r="X45" s="17">
        <v>0.38</v>
      </c>
      <c r="Y45" s="17">
        <v>0.38</v>
      </c>
      <c r="Z45" s="17">
        <v>0.38</v>
      </c>
      <c r="AA45" s="17">
        <v>0.44</v>
      </c>
      <c r="AB45" s="17">
        <v>0.4</v>
      </c>
      <c r="AC45" s="17">
        <v>0.42</v>
      </c>
      <c r="AD45" s="17">
        <v>0.39</v>
      </c>
      <c r="AE45" s="26"/>
      <c r="AF45" s="17"/>
      <c r="AG45" s="17"/>
      <c r="AH45" s="17"/>
      <c r="AI45" s="17"/>
      <c r="AJ45" s="17"/>
      <c r="AK45" s="17"/>
      <c r="AL45" s="17"/>
      <c r="AM45" s="17"/>
      <c r="AN45" s="17"/>
      <c r="AO45" s="40"/>
      <c r="AP45" s="17"/>
      <c r="AQ45" s="17"/>
      <c r="AR45" s="17"/>
      <c r="AS45" s="17"/>
      <c r="AT45" s="17"/>
      <c r="AU45" s="17"/>
      <c r="AV45" s="17"/>
      <c r="AW45" s="17"/>
      <c r="AX45" s="17"/>
      <c r="AY45" s="17"/>
      <c r="AZ45" s="40"/>
      <c r="BA45" s="17"/>
      <c r="BB45" s="17"/>
      <c r="BC45" s="17"/>
      <c r="BD45" s="17"/>
    </row>
    <row r="46" spans="3:56" x14ac:dyDescent="0.2">
      <c r="C46" s="16" t="s">
        <v>89</v>
      </c>
      <c r="D46" s="6" t="s">
        <v>58</v>
      </c>
      <c r="E46" s="40">
        <v>0.48</v>
      </c>
      <c r="F46" s="40">
        <v>0.48</v>
      </c>
      <c r="G46" s="40">
        <v>0.48</v>
      </c>
      <c r="H46" s="40">
        <v>0.45</v>
      </c>
      <c r="I46" s="17">
        <v>0.45</v>
      </c>
      <c r="J46" s="40">
        <v>0.43</v>
      </c>
      <c r="K46" s="40">
        <v>0.43</v>
      </c>
      <c r="L46" s="40">
        <v>0.43</v>
      </c>
      <c r="M46" s="40">
        <v>0.43</v>
      </c>
      <c r="N46" s="40">
        <v>0.43</v>
      </c>
      <c r="O46" s="40">
        <v>0.43</v>
      </c>
      <c r="P46" s="40">
        <v>0.43</v>
      </c>
      <c r="Q46" s="40">
        <v>0.43</v>
      </c>
      <c r="R46" s="40">
        <v>0.43</v>
      </c>
      <c r="S46" s="40">
        <v>0.43</v>
      </c>
      <c r="T46" s="40">
        <v>0.43</v>
      </c>
      <c r="U46" s="40">
        <v>0.43</v>
      </c>
      <c r="V46" s="17">
        <v>0.45</v>
      </c>
      <c r="W46" s="17">
        <v>0.47</v>
      </c>
      <c r="X46" s="17">
        <v>0.47</v>
      </c>
      <c r="Y46" s="17">
        <v>0.49</v>
      </c>
      <c r="Z46" s="17">
        <v>0.5</v>
      </c>
      <c r="AA46" s="17">
        <v>0.51</v>
      </c>
      <c r="AB46" s="17">
        <v>0.51</v>
      </c>
      <c r="AC46" s="17">
        <v>0.51</v>
      </c>
      <c r="AD46" s="17">
        <v>0.51</v>
      </c>
      <c r="AE46" s="40">
        <v>0.53</v>
      </c>
      <c r="AF46" s="17">
        <v>0.53</v>
      </c>
      <c r="AG46" s="17">
        <v>0.53</v>
      </c>
      <c r="AH46" s="40">
        <v>0.5</v>
      </c>
      <c r="AI46" s="40">
        <v>0.5</v>
      </c>
      <c r="AJ46" s="40">
        <v>0.53</v>
      </c>
      <c r="AK46" s="40">
        <v>0.47</v>
      </c>
      <c r="AL46" s="40">
        <v>0.42</v>
      </c>
      <c r="AM46" s="40">
        <v>0.41</v>
      </c>
      <c r="AN46" s="40">
        <v>0.36</v>
      </c>
      <c r="AO46" s="62">
        <v>0.37</v>
      </c>
      <c r="AP46" s="17">
        <v>0.35</v>
      </c>
      <c r="AQ46" s="17">
        <v>0.34</v>
      </c>
      <c r="AR46" s="17">
        <v>0.36</v>
      </c>
      <c r="AS46" s="17">
        <v>0.38</v>
      </c>
      <c r="AT46" s="17">
        <v>0.38</v>
      </c>
      <c r="AU46" s="17">
        <v>0.39</v>
      </c>
      <c r="AV46" s="17">
        <v>0.38</v>
      </c>
      <c r="AW46" s="17">
        <v>0.39</v>
      </c>
      <c r="AX46" s="17">
        <v>0.39</v>
      </c>
      <c r="AY46" s="17">
        <v>0.39</v>
      </c>
      <c r="AZ46" s="40">
        <v>0.39</v>
      </c>
      <c r="BA46" s="17">
        <v>0.39</v>
      </c>
      <c r="BB46" s="17">
        <v>0.38</v>
      </c>
      <c r="BC46" s="17">
        <v>0.38</v>
      </c>
      <c r="BD46" s="17">
        <v>0.38</v>
      </c>
    </row>
    <row r="47" spans="3:56" x14ac:dyDescent="0.2">
      <c r="C47" s="16" t="s">
        <v>95</v>
      </c>
      <c r="D47" s="6" t="s">
        <v>58</v>
      </c>
      <c r="E47" s="40">
        <v>0.52</v>
      </c>
      <c r="F47" s="40">
        <v>0.52</v>
      </c>
      <c r="G47" s="40">
        <v>0.52</v>
      </c>
      <c r="H47" s="40">
        <v>0.52</v>
      </c>
      <c r="I47" s="17">
        <v>0.52</v>
      </c>
      <c r="J47" s="40">
        <v>0.52</v>
      </c>
      <c r="K47" s="40">
        <v>0.52</v>
      </c>
      <c r="L47" s="40">
        <v>0.52</v>
      </c>
      <c r="M47" s="40">
        <v>0.52</v>
      </c>
      <c r="N47" s="40">
        <v>0.52</v>
      </c>
      <c r="O47" s="40">
        <v>0.52</v>
      </c>
      <c r="P47" s="40">
        <v>0.52</v>
      </c>
      <c r="Q47" s="40">
        <v>0.49</v>
      </c>
      <c r="R47" s="40">
        <v>0.5</v>
      </c>
      <c r="S47" s="40">
        <v>0.48</v>
      </c>
      <c r="T47" s="40">
        <v>0.48</v>
      </c>
      <c r="U47" s="40">
        <v>0.48</v>
      </c>
      <c r="V47" s="17">
        <v>0.45</v>
      </c>
      <c r="W47" s="17">
        <v>0.45</v>
      </c>
      <c r="X47" s="17">
        <v>0.45</v>
      </c>
      <c r="Y47" s="17">
        <v>0.43</v>
      </c>
      <c r="Z47" s="17">
        <v>0.43</v>
      </c>
      <c r="AA47" s="17"/>
      <c r="AB47" s="17"/>
      <c r="AC47" s="17"/>
      <c r="AD47" s="17"/>
      <c r="AE47" s="17"/>
      <c r="AF47" s="17">
        <v>0.27</v>
      </c>
      <c r="AG47" s="17"/>
      <c r="AH47" s="17"/>
      <c r="AI47" s="17"/>
      <c r="AJ47" s="17">
        <v>0.47</v>
      </c>
      <c r="AK47" s="17">
        <v>0.49</v>
      </c>
      <c r="AL47" s="17">
        <v>0.53</v>
      </c>
      <c r="AM47" s="17">
        <v>0.53</v>
      </c>
      <c r="AN47" s="17">
        <v>0.53549999999999998</v>
      </c>
      <c r="AO47" s="62">
        <v>0.54</v>
      </c>
      <c r="AP47" s="17">
        <v>0.54</v>
      </c>
      <c r="AQ47" s="17">
        <v>0.54</v>
      </c>
      <c r="AR47" s="17">
        <v>0.65</v>
      </c>
      <c r="AS47" s="17">
        <v>0.65</v>
      </c>
      <c r="AT47" s="17">
        <v>0.65</v>
      </c>
      <c r="AU47" s="17">
        <v>0.64</v>
      </c>
      <c r="AV47" s="17">
        <v>0.64</v>
      </c>
      <c r="AW47" s="17">
        <v>0.59</v>
      </c>
      <c r="AX47" s="17">
        <v>0.59</v>
      </c>
      <c r="AY47" s="17">
        <v>0.59</v>
      </c>
      <c r="AZ47" s="40">
        <v>0.6</v>
      </c>
      <c r="BA47" s="17">
        <v>0.63</v>
      </c>
      <c r="BB47" s="17">
        <v>0.63</v>
      </c>
      <c r="BC47" s="17">
        <v>0.63</v>
      </c>
      <c r="BD47" s="17">
        <v>0.63</v>
      </c>
    </row>
    <row r="48" spans="3:56" x14ac:dyDescent="0.2">
      <c r="C48" s="23" t="s">
        <v>96</v>
      </c>
      <c r="D48" s="6" t="s">
        <v>58</v>
      </c>
      <c r="E48" s="40">
        <v>0.41</v>
      </c>
      <c r="F48" s="40">
        <v>0.41</v>
      </c>
      <c r="G48" s="40">
        <v>0.41</v>
      </c>
      <c r="H48" s="40">
        <v>0.41</v>
      </c>
      <c r="I48" s="17">
        <v>0.41</v>
      </c>
      <c r="J48" s="40">
        <v>0.51</v>
      </c>
      <c r="K48" s="40">
        <v>0.56000000000000005</v>
      </c>
      <c r="L48" s="40">
        <v>0.56000000000000005</v>
      </c>
      <c r="M48" s="40">
        <v>0.56000000000000005</v>
      </c>
      <c r="N48" s="40">
        <v>0.55000000000000004</v>
      </c>
      <c r="O48" s="40">
        <v>0.56000000000000005</v>
      </c>
      <c r="P48" s="40">
        <v>0.56000000000000005</v>
      </c>
      <c r="Q48" s="40">
        <v>0.59</v>
      </c>
      <c r="R48" s="40">
        <v>0.59</v>
      </c>
      <c r="S48" s="40">
        <v>0.59</v>
      </c>
      <c r="T48" s="40">
        <v>0.46</v>
      </c>
      <c r="U48" s="40">
        <v>0.31</v>
      </c>
      <c r="V48" s="17">
        <v>0.17</v>
      </c>
      <c r="W48" s="17">
        <v>0.12</v>
      </c>
      <c r="X48" s="17">
        <v>0.12</v>
      </c>
      <c r="Y48" s="17">
        <v>0.12</v>
      </c>
      <c r="Z48" s="17">
        <v>0.12</v>
      </c>
      <c r="AA48" s="17">
        <v>0.27</v>
      </c>
      <c r="AB48" s="17">
        <v>0.27</v>
      </c>
      <c r="AC48" s="17">
        <v>0.27</v>
      </c>
      <c r="AD48" s="17">
        <v>0.22</v>
      </c>
      <c r="AE48" s="40">
        <v>0.5</v>
      </c>
      <c r="AF48" s="17">
        <v>0.28346153846153849</v>
      </c>
      <c r="AG48" s="17">
        <v>0.22</v>
      </c>
      <c r="AH48" s="17">
        <v>0.26</v>
      </c>
      <c r="AI48" s="17">
        <v>0.26</v>
      </c>
      <c r="AJ48" s="17">
        <v>0.31</v>
      </c>
      <c r="AK48" s="17">
        <v>0.31</v>
      </c>
      <c r="AL48" s="17">
        <v>0.36</v>
      </c>
      <c r="AM48" s="17">
        <v>0.36</v>
      </c>
      <c r="AN48" s="17">
        <v>0.36230000000000001</v>
      </c>
      <c r="AO48" s="40">
        <v>0.46</v>
      </c>
      <c r="AP48" s="17">
        <v>0.51</v>
      </c>
      <c r="AQ48" s="17">
        <v>0.61</v>
      </c>
      <c r="AR48" s="17">
        <v>0.67</v>
      </c>
      <c r="AS48" s="17">
        <v>0.76</v>
      </c>
      <c r="AT48" s="17">
        <v>0.76</v>
      </c>
      <c r="AU48" s="17">
        <v>0.76</v>
      </c>
      <c r="AV48" s="17">
        <v>0.76</v>
      </c>
      <c r="AW48" s="17">
        <v>0.76</v>
      </c>
      <c r="AX48" s="17">
        <v>0.76</v>
      </c>
      <c r="AY48" s="17">
        <v>0.77</v>
      </c>
      <c r="AZ48" s="40">
        <v>0.67</v>
      </c>
      <c r="BA48" s="17">
        <v>0.62</v>
      </c>
      <c r="BB48" s="17">
        <v>0.56999999999999995</v>
      </c>
      <c r="BC48" s="17">
        <v>0.52</v>
      </c>
      <c r="BD48" s="17">
        <v>0.52</v>
      </c>
    </row>
    <row r="51" spans="3:56" x14ac:dyDescent="0.2">
      <c r="C51" s="1" t="s">
        <v>1</v>
      </c>
    </row>
    <row r="52" spans="3:56" x14ac:dyDescent="0.2">
      <c r="E52" s="2">
        <v>2008</v>
      </c>
      <c r="F52" s="2"/>
      <c r="G52" s="2"/>
      <c r="H52" s="2"/>
      <c r="I52" s="2"/>
      <c r="J52" s="2"/>
      <c r="K52" s="2"/>
      <c r="L52" s="2"/>
      <c r="M52" s="2"/>
    </row>
    <row r="53" spans="3:56" x14ac:dyDescent="0.2">
      <c r="C53" s="3" t="s">
        <v>2</v>
      </c>
      <c r="D53" s="3" t="s">
        <v>3</v>
      </c>
      <c r="E53" s="4" t="s">
        <v>15</v>
      </c>
      <c r="F53" s="4" t="s">
        <v>16</v>
      </c>
      <c r="G53" s="4" t="s">
        <v>17</v>
      </c>
      <c r="H53" s="4" t="s">
        <v>18</v>
      </c>
      <c r="I53" s="4" t="s">
        <v>19</v>
      </c>
      <c r="J53" s="4" t="s">
        <v>20</v>
      </c>
      <c r="K53" s="4" t="s">
        <v>21</v>
      </c>
      <c r="L53" s="4" t="s">
        <v>22</v>
      </c>
      <c r="M53" s="4" t="s">
        <v>23</v>
      </c>
      <c r="N53" s="4" t="s">
        <v>24</v>
      </c>
      <c r="O53" s="4" t="s">
        <v>25</v>
      </c>
      <c r="P53" s="4" t="s">
        <v>26</v>
      </c>
      <c r="Q53" s="4" t="s">
        <v>27</v>
      </c>
      <c r="R53" s="4" t="s">
        <v>28</v>
      </c>
      <c r="S53" s="4" t="s">
        <v>29</v>
      </c>
      <c r="T53" s="4" t="s">
        <v>30</v>
      </c>
      <c r="U53" s="4" t="s">
        <v>31</v>
      </c>
      <c r="V53" s="4" t="s">
        <v>32</v>
      </c>
      <c r="W53" s="4" t="s">
        <v>33</v>
      </c>
      <c r="X53" s="4" t="s">
        <v>34</v>
      </c>
      <c r="Y53" s="4" t="s">
        <v>35</v>
      </c>
      <c r="Z53" s="4" t="s">
        <v>36</v>
      </c>
      <c r="AA53" s="4" t="s">
        <v>37</v>
      </c>
      <c r="AB53" s="4" t="s">
        <v>38</v>
      </c>
      <c r="AC53" s="4" t="s">
        <v>39</v>
      </c>
      <c r="AD53" s="4" t="s">
        <v>40</v>
      </c>
      <c r="AE53" s="4" t="s">
        <v>41</v>
      </c>
      <c r="AF53" s="4" t="s">
        <v>42</v>
      </c>
      <c r="AG53" s="4" t="s">
        <v>43</v>
      </c>
      <c r="AH53" s="4" t="s">
        <v>44</v>
      </c>
      <c r="AI53" s="4" t="s">
        <v>45</v>
      </c>
      <c r="AJ53" s="4" t="s">
        <v>46</v>
      </c>
      <c r="AK53" s="4" t="s">
        <v>47</v>
      </c>
      <c r="AL53" s="4" t="s">
        <v>48</v>
      </c>
      <c r="AM53" s="4" t="s">
        <v>49</v>
      </c>
      <c r="AN53" s="4" t="s">
        <v>50</v>
      </c>
      <c r="AO53" s="4" t="s">
        <v>51</v>
      </c>
      <c r="AP53" s="4" t="s">
        <v>52</v>
      </c>
      <c r="AQ53" s="4" t="s">
        <v>53</v>
      </c>
      <c r="AR53" s="4" t="s">
        <v>54</v>
      </c>
      <c r="AS53" s="4" t="s">
        <v>55</v>
      </c>
      <c r="AT53" s="4" t="s">
        <v>4</v>
      </c>
      <c r="AU53" s="4" t="s">
        <v>5</v>
      </c>
      <c r="AV53" s="4" t="s">
        <v>6</v>
      </c>
      <c r="AW53" s="4" t="s">
        <v>7</v>
      </c>
      <c r="AX53" s="4" t="s">
        <v>8</v>
      </c>
      <c r="AY53" s="4" t="s">
        <v>9</v>
      </c>
      <c r="AZ53" s="4" t="s">
        <v>10</v>
      </c>
      <c r="BA53" s="4" t="s">
        <v>11</v>
      </c>
      <c r="BB53" s="4" t="s">
        <v>12</v>
      </c>
      <c r="BC53" s="4" t="s">
        <v>13</v>
      </c>
      <c r="BD53" s="4" t="s">
        <v>14</v>
      </c>
    </row>
    <row r="54" spans="3:56" x14ac:dyDescent="0.2">
      <c r="C54" s="5" t="s">
        <v>57</v>
      </c>
      <c r="D54" s="6" t="s">
        <v>58</v>
      </c>
      <c r="E54" s="54"/>
      <c r="F54" s="54"/>
      <c r="G54" s="54"/>
      <c r="H54" s="54"/>
      <c r="I54" s="54"/>
      <c r="J54" s="54"/>
      <c r="K54" s="54"/>
      <c r="L54" s="54"/>
      <c r="M54" s="54"/>
      <c r="N54" s="54"/>
      <c r="O54" s="54"/>
      <c r="P54" s="54"/>
      <c r="Q54" s="54"/>
      <c r="R54" s="54"/>
      <c r="S54" s="17"/>
      <c r="T54" s="17"/>
      <c r="U54" s="17"/>
      <c r="V54" s="17"/>
      <c r="W54" s="17"/>
      <c r="X54" s="17"/>
      <c r="Y54" s="17"/>
      <c r="Z54" s="17"/>
      <c r="AA54" s="17"/>
      <c r="AB54" s="17"/>
      <c r="AC54" s="17"/>
      <c r="AD54" s="17"/>
      <c r="AE54" s="17"/>
      <c r="AF54" s="17"/>
      <c r="AG54" s="17"/>
      <c r="AH54" s="17"/>
      <c r="AI54" s="17"/>
      <c r="AJ54" s="17"/>
      <c r="AK54" s="17"/>
      <c r="AL54" s="17"/>
      <c r="AM54" s="17"/>
      <c r="AN54" s="17"/>
      <c r="AO54" s="17"/>
      <c r="AP54" s="17"/>
      <c r="AQ54" s="17"/>
      <c r="AR54" s="17"/>
      <c r="AS54" s="17"/>
      <c r="AT54" s="17"/>
      <c r="AU54" s="17"/>
      <c r="AV54" s="17"/>
      <c r="AW54" s="17"/>
      <c r="AX54" s="17"/>
      <c r="AY54" s="17"/>
      <c r="AZ54" s="54"/>
      <c r="BA54" s="17"/>
      <c r="BB54" s="17"/>
      <c r="BC54" s="17"/>
      <c r="BD54" s="17"/>
    </row>
    <row r="55" spans="3:56" x14ac:dyDescent="0.2">
      <c r="C55" s="5" t="s">
        <v>59</v>
      </c>
      <c r="D55" s="6" t="s">
        <v>58</v>
      </c>
      <c r="E55" s="54"/>
      <c r="F55" s="54"/>
      <c r="G55" s="54"/>
      <c r="H55" s="54"/>
      <c r="I55" s="54"/>
      <c r="J55" s="54"/>
      <c r="K55" s="54"/>
      <c r="L55" s="54"/>
      <c r="M55" s="54"/>
      <c r="N55" s="54"/>
      <c r="O55" s="54"/>
      <c r="P55" s="54"/>
      <c r="Q55" s="54"/>
      <c r="R55" s="54"/>
      <c r="S55" s="17"/>
      <c r="T55" s="17"/>
      <c r="U55" s="17"/>
      <c r="V55" s="17"/>
      <c r="W55" s="17"/>
      <c r="X55" s="17"/>
      <c r="Y55" s="17"/>
      <c r="Z55" s="17"/>
      <c r="AA55" s="17"/>
      <c r="AB55" s="17"/>
      <c r="AC55" s="17"/>
      <c r="AD55" s="17"/>
      <c r="AE55" s="17"/>
      <c r="AF55" s="17"/>
      <c r="AG55" s="17"/>
      <c r="AH55" s="17"/>
      <c r="AI55" s="17"/>
      <c r="AJ55" s="17"/>
      <c r="AK55" s="17"/>
      <c r="AL55" s="17"/>
      <c r="AM55" s="17"/>
      <c r="AN55" s="17"/>
      <c r="AO55" s="17"/>
      <c r="AP55" s="17"/>
      <c r="AQ55" s="17"/>
      <c r="AR55" s="17"/>
      <c r="AS55" s="17"/>
      <c r="AT55" s="17"/>
      <c r="AU55" s="17"/>
      <c r="AV55" s="17"/>
      <c r="AW55" s="17"/>
      <c r="AX55" s="17"/>
      <c r="AY55" s="17"/>
      <c r="AZ55" s="54"/>
      <c r="BA55" s="17"/>
      <c r="BB55" s="17"/>
      <c r="BC55" s="17"/>
      <c r="BD55" s="17"/>
    </row>
    <row r="56" spans="3:56" x14ac:dyDescent="0.2">
      <c r="C56" s="5" t="s">
        <v>60</v>
      </c>
      <c r="D56" s="6" t="s">
        <v>58</v>
      </c>
      <c r="E56" s="54"/>
      <c r="F56" s="54"/>
      <c r="G56" s="54"/>
      <c r="H56" s="54"/>
      <c r="I56" s="54"/>
      <c r="J56" s="54"/>
      <c r="K56" s="54"/>
      <c r="L56" s="54"/>
      <c r="M56" s="54"/>
      <c r="N56" s="54"/>
      <c r="O56" s="54"/>
      <c r="P56" s="54"/>
      <c r="Q56" s="54"/>
      <c r="R56" s="54"/>
      <c r="S56" s="17"/>
      <c r="T56" s="17"/>
      <c r="U56" s="17"/>
      <c r="V56" s="17"/>
      <c r="W56" s="17"/>
      <c r="X56" s="17"/>
      <c r="Y56" s="17"/>
      <c r="Z56" s="17"/>
      <c r="AA56" s="17"/>
      <c r="AB56" s="17"/>
      <c r="AC56" s="17"/>
      <c r="AD56" s="17"/>
      <c r="AE56" s="17"/>
      <c r="AF56" s="17"/>
      <c r="AG56" s="17"/>
      <c r="AH56" s="17"/>
      <c r="AI56" s="17"/>
      <c r="AJ56" s="17"/>
      <c r="AK56" s="17"/>
      <c r="AL56" s="17"/>
      <c r="AM56" s="17"/>
      <c r="AN56" s="17"/>
      <c r="AO56" s="17"/>
      <c r="AP56" s="17"/>
      <c r="AQ56" s="17"/>
      <c r="AR56" s="17"/>
      <c r="AS56" s="17"/>
      <c r="AT56" s="17"/>
      <c r="AU56" s="17"/>
      <c r="AV56" s="17"/>
      <c r="AW56" s="17"/>
      <c r="AX56" s="17"/>
      <c r="AY56" s="17"/>
      <c r="AZ56" s="54"/>
      <c r="BA56" s="17"/>
      <c r="BB56" s="17"/>
      <c r="BC56" s="17"/>
      <c r="BD56" s="17"/>
    </row>
    <row r="57" spans="3:56" x14ac:dyDescent="0.2">
      <c r="C57" s="5" t="s">
        <v>61</v>
      </c>
      <c r="D57" s="6" t="s">
        <v>58</v>
      </c>
      <c r="E57" s="54"/>
      <c r="F57" s="54"/>
      <c r="G57" s="54"/>
      <c r="H57" s="54"/>
      <c r="I57" s="54"/>
      <c r="J57" s="54"/>
      <c r="K57" s="54"/>
      <c r="L57" s="54"/>
      <c r="M57" s="54"/>
      <c r="N57" s="54"/>
      <c r="O57" s="54"/>
      <c r="P57" s="54"/>
      <c r="Q57" s="54"/>
      <c r="R57" s="54"/>
      <c r="S57" s="17"/>
      <c r="T57" s="17"/>
      <c r="U57" s="17"/>
      <c r="V57" s="17"/>
      <c r="W57" s="17"/>
      <c r="X57" s="17"/>
      <c r="Y57" s="17"/>
      <c r="Z57" s="17"/>
      <c r="AA57" s="17"/>
      <c r="AB57" s="17"/>
      <c r="AC57" s="17"/>
      <c r="AD57" s="17"/>
      <c r="AE57" s="17"/>
      <c r="AF57" s="17"/>
      <c r="AG57" s="17"/>
      <c r="AH57" s="17"/>
      <c r="AI57" s="17"/>
      <c r="AJ57" s="17"/>
      <c r="AK57" s="17"/>
      <c r="AL57" s="17"/>
      <c r="AM57" s="17"/>
      <c r="AN57" s="17"/>
      <c r="AO57" s="17"/>
      <c r="AP57" s="17"/>
      <c r="AQ57" s="17"/>
      <c r="AR57" s="17"/>
      <c r="AS57" s="17"/>
      <c r="AT57" s="17"/>
      <c r="AU57" s="17"/>
      <c r="AV57" s="17"/>
      <c r="AW57" s="17"/>
      <c r="AX57" s="17"/>
      <c r="AY57" s="17"/>
      <c r="AZ57" s="54"/>
      <c r="BA57" s="17"/>
      <c r="BB57" s="17"/>
      <c r="BC57" s="17"/>
      <c r="BD57" s="17"/>
    </row>
    <row r="58" spans="3:56" x14ac:dyDescent="0.2">
      <c r="C58" s="5" t="s">
        <v>62</v>
      </c>
      <c r="D58" s="6" t="s">
        <v>58</v>
      </c>
      <c r="E58" s="54"/>
      <c r="F58" s="54"/>
      <c r="G58" s="54"/>
      <c r="H58" s="54"/>
      <c r="I58" s="54"/>
      <c r="J58" s="54"/>
      <c r="K58" s="54"/>
      <c r="L58" s="54"/>
      <c r="M58" s="54"/>
      <c r="N58" s="54"/>
      <c r="O58" s="54"/>
      <c r="P58" s="54"/>
      <c r="Q58" s="54"/>
      <c r="R58" s="54"/>
      <c r="S58" s="17"/>
      <c r="T58" s="17"/>
      <c r="U58" s="17"/>
      <c r="V58" s="17"/>
      <c r="W58" s="17"/>
      <c r="X58" s="17"/>
      <c r="Y58" s="17"/>
      <c r="Z58" s="17"/>
      <c r="AA58" s="17"/>
      <c r="AB58" s="17"/>
      <c r="AC58" s="17"/>
      <c r="AD58" s="17"/>
      <c r="AE58" s="17"/>
      <c r="AF58" s="17"/>
      <c r="AG58" s="17"/>
      <c r="AH58" s="17"/>
      <c r="AI58" s="17"/>
      <c r="AJ58" s="17"/>
      <c r="AK58" s="17"/>
      <c r="AL58" s="17"/>
      <c r="AM58" s="17"/>
      <c r="AN58" s="17"/>
      <c r="AO58" s="17"/>
      <c r="AP58" s="17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</row>
    <row r="59" spans="3:56" x14ac:dyDescent="0.2">
      <c r="C59" s="5" t="s">
        <v>75</v>
      </c>
      <c r="D59" s="15" t="s">
        <v>76</v>
      </c>
      <c r="E59" s="17"/>
      <c r="F59" s="17"/>
      <c r="G59" s="17"/>
      <c r="H59" s="17"/>
      <c r="I59" s="17"/>
      <c r="J59" s="17"/>
      <c r="K59" s="17"/>
      <c r="L59" s="17"/>
      <c r="M59" s="17"/>
      <c r="N59" s="17"/>
      <c r="O59" s="17"/>
      <c r="P59" s="17"/>
      <c r="Q59" s="17"/>
      <c r="R59" s="17"/>
      <c r="S59" s="17"/>
      <c r="T59" s="17"/>
      <c r="U59" s="17"/>
      <c r="V59" s="17"/>
      <c r="W59" s="17"/>
      <c r="X59" s="17"/>
      <c r="Y59" s="17"/>
      <c r="Z59" s="17"/>
      <c r="AA59" s="17"/>
      <c r="AB59" s="17"/>
      <c r="AC59" s="17"/>
      <c r="AD59" s="17"/>
      <c r="AE59" s="17"/>
      <c r="AF59" s="17"/>
      <c r="AG59" s="17"/>
      <c r="AH59" s="17"/>
      <c r="AI59" s="17"/>
      <c r="AJ59" s="17"/>
      <c r="AK59" s="17"/>
      <c r="AL59" s="17"/>
      <c r="AM59" s="17"/>
      <c r="AN59" s="17"/>
      <c r="AO59" s="17"/>
      <c r="AP59" s="17"/>
      <c r="AQ59" s="17"/>
      <c r="AR59" s="17"/>
      <c r="AS59" s="17"/>
      <c r="AT59" s="17"/>
      <c r="AU59" s="17"/>
      <c r="AV59" s="17"/>
      <c r="AW59" s="17"/>
      <c r="AX59" s="17"/>
      <c r="AY59" s="17"/>
      <c r="AZ59" s="17"/>
      <c r="BA59" s="17"/>
      <c r="BB59" s="17"/>
      <c r="BC59" s="17"/>
      <c r="BD59" s="17"/>
    </row>
    <row r="60" spans="3:56" x14ac:dyDescent="0.2">
      <c r="C60" s="5" t="s">
        <v>63</v>
      </c>
      <c r="D60" s="6" t="s">
        <v>58</v>
      </c>
      <c r="E60" s="17">
        <v>13.732329093226248</v>
      </c>
      <c r="F60" s="17">
        <v>12.711373879266768</v>
      </c>
      <c r="G60" s="17">
        <v>13.556136721385204</v>
      </c>
      <c r="H60" s="17">
        <v>9.0789360662765315</v>
      </c>
      <c r="I60" s="17">
        <v>8.7154731446400717</v>
      </c>
      <c r="J60" s="17">
        <v>9.923291652620934</v>
      </c>
      <c r="K60" s="17">
        <v>9.7523418612055419</v>
      </c>
      <c r="L60" s="17">
        <v>9.5975928468644618</v>
      </c>
      <c r="M60" s="17">
        <v>9.4994813159034255</v>
      </c>
      <c r="N60" s="17">
        <v>9.1870492856165171</v>
      </c>
      <c r="O60" s="17">
        <v>9.2306868951021617</v>
      </c>
      <c r="P60" s="17">
        <v>11.141679443676429</v>
      </c>
      <c r="Q60" s="17">
        <v>10.077028518525243</v>
      </c>
      <c r="R60" s="17">
        <v>9.4645231525281197</v>
      </c>
      <c r="S60" s="17">
        <v>9.1245210830219801</v>
      </c>
      <c r="T60" s="17">
        <v>8.630106618210478</v>
      </c>
      <c r="U60" s="17">
        <v>8.3940091133513874</v>
      </c>
      <c r="V60" s="17">
        <v>8.0204004897549144</v>
      </c>
      <c r="W60" s="17">
        <v>7.6249064099699853</v>
      </c>
      <c r="X60" s="17">
        <v>7.0093781381803577</v>
      </c>
      <c r="Y60" s="17">
        <v>5.5311399767079665</v>
      </c>
      <c r="Z60" s="17">
        <v>6.7701854457962591</v>
      </c>
      <c r="AA60" s="17">
        <v>7.736488899975055</v>
      </c>
      <c r="AB60" s="17">
        <v>10.577307308656621</v>
      </c>
      <c r="AC60" s="17">
        <v>10.100836737402485</v>
      </c>
      <c r="AD60" s="17">
        <v>9.894030870877712</v>
      </c>
      <c r="AE60" s="17">
        <v>10.693522242535041</v>
      </c>
      <c r="AF60" s="17">
        <v>7.5692981938219583</v>
      </c>
      <c r="AG60" s="17">
        <v>7.6203742636017093</v>
      </c>
      <c r="AH60" s="17">
        <v>6.8581002626075183</v>
      </c>
      <c r="AI60" s="17">
        <v>7.2808586644752946</v>
      </c>
      <c r="AJ60" s="17">
        <v>7.4993805820721775</v>
      </c>
      <c r="AK60" s="17">
        <v>7.7458914187520129</v>
      </c>
      <c r="AL60" s="17">
        <v>8.3642470255909451</v>
      </c>
      <c r="AM60" s="17">
        <v>8.4900718042579726</v>
      </c>
      <c r="AN60" s="17">
        <v>8.2806629698258494</v>
      </c>
      <c r="AO60" s="17">
        <v>10.11</v>
      </c>
      <c r="AP60" s="17">
        <v>9.9330712692820278</v>
      </c>
      <c r="AQ60" s="17">
        <v>9.3670956927157558</v>
      </c>
      <c r="AR60" s="17">
        <v>8.9612478821902499</v>
      </c>
      <c r="AS60" s="17">
        <v>8.4132957302755162</v>
      </c>
      <c r="AT60" s="17">
        <v>8.2228229129616288</v>
      </c>
      <c r="AU60" s="17">
        <v>7.1290761238261862</v>
      </c>
      <c r="AV60" s="17">
        <v>9.1943063487560295</v>
      </c>
      <c r="AW60" s="17">
        <v>9.7798909456163017</v>
      </c>
      <c r="AX60" s="17">
        <v>7.6282263607041472</v>
      </c>
      <c r="AY60" s="17">
        <v>7.5928098994827078</v>
      </c>
      <c r="AZ60" s="17">
        <v>7.5135887412816356</v>
      </c>
      <c r="BA60" s="17">
        <v>8.1105259427532932</v>
      </c>
      <c r="BB60" s="17">
        <v>7.1756187471013044</v>
      </c>
      <c r="BC60" s="17">
        <v>7.5698752430330529</v>
      </c>
      <c r="BD60" s="17">
        <v>7.9351322499427797</v>
      </c>
    </row>
    <row r="61" spans="3:56" x14ac:dyDescent="0.2">
      <c r="C61" s="5" t="s">
        <v>64</v>
      </c>
      <c r="D61" s="6" t="s">
        <v>58</v>
      </c>
      <c r="E61" s="17">
        <v>7.7810862553082858</v>
      </c>
      <c r="F61" s="17">
        <v>7.235534523342487</v>
      </c>
      <c r="G61" s="17">
        <v>7.3875235995390884</v>
      </c>
      <c r="H61" s="17">
        <v>6.7251833438424606</v>
      </c>
      <c r="I61" s="17">
        <v>4.6629488851426579</v>
      </c>
      <c r="J61" s="17">
        <v>4.7040104426347567</v>
      </c>
      <c r="K61" s="17">
        <v>5.1408163265306124</v>
      </c>
      <c r="L61" s="17">
        <v>5.249771392427939</v>
      </c>
      <c r="M61" s="17">
        <v>5.2083549632686061</v>
      </c>
      <c r="N61" s="17">
        <v>5.072904999301123</v>
      </c>
      <c r="O61" s="17">
        <v>5.7863748572106752</v>
      </c>
      <c r="P61" s="17">
        <v>5.9706988644582664</v>
      </c>
      <c r="Q61" s="17">
        <v>5.3492759002477985</v>
      </c>
      <c r="R61" s="17">
        <v>5.251956183106377</v>
      </c>
      <c r="S61" s="17">
        <v>5.3032563273039246</v>
      </c>
      <c r="T61" s="17">
        <v>5.6017393835065077</v>
      </c>
      <c r="U61" s="17">
        <v>5.1964415581018155</v>
      </c>
      <c r="V61" s="17">
        <v>5.1917135254988915</v>
      </c>
      <c r="W61" s="17">
        <v>4.5103402169529385</v>
      </c>
      <c r="X61" s="17">
        <v>4.7072230976339071</v>
      </c>
      <c r="Y61" s="17">
        <v>4.7104380380456474</v>
      </c>
      <c r="Z61" s="17">
        <v>4.4119020426934439</v>
      </c>
      <c r="AA61" s="17">
        <v>4.9030199421617064</v>
      </c>
      <c r="AB61" s="17">
        <v>6.3957775834463977</v>
      </c>
      <c r="AC61" s="17">
        <v>5.4914303635496902</v>
      </c>
      <c r="AD61" s="17">
        <v>5.5981404589485564</v>
      </c>
      <c r="AE61" s="17">
        <v>4.6778043406411811</v>
      </c>
      <c r="AF61" s="17">
        <v>4.4374627810723988</v>
      </c>
      <c r="AG61" s="17">
        <v>4.064263447525172</v>
      </c>
      <c r="AH61" s="17">
        <v>3.8771113728129207</v>
      </c>
      <c r="AI61" s="17">
        <v>3.8718537477148085</v>
      </c>
      <c r="AJ61" s="17">
        <v>4.0879138147112704</v>
      </c>
      <c r="AK61" s="17">
        <v>4.1749801529928234</v>
      </c>
      <c r="AL61" s="17">
        <v>5.184655606887862</v>
      </c>
      <c r="AM61" s="17">
        <v>5.1907884948319314</v>
      </c>
      <c r="AN61" s="17">
        <v>4.6957127504631</v>
      </c>
      <c r="AO61" s="17">
        <v>4.82</v>
      </c>
      <c r="AP61" s="17">
        <v>4.538440450064444</v>
      </c>
      <c r="AQ61" s="17">
        <v>5.0664395463299812</v>
      </c>
      <c r="AR61" s="17">
        <v>4.6472183645127032</v>
      </c>
      <c r="AS61" s="17">
        <v>4.20392485549133</v>
      </c>
      <c r="AT61" s="17">
        <v>4.5690868244960772</v>
      </c>
      <c r="AU61" s="17">
        <v>4.0201414135589797</v>
      </c>
      <c r="AV61" s="17">
        <v>4.9848240208021943</v>
      </c>
      <c r="AW61" s="17">
        <v>4.8810276702842676</v>
      </c>
      <c r="AX61" s="17">
        <v>4.5596924248301223</v>
      </c>
      <c r="AY61" s="17">
        <v>5.1693359618178043</v>
      </c>
      <c r="AZ61" s="17">
        <v>5.5407125721063144</v>
      </c>
      <c r="BA61" s="17">
        <v>5.6741325375868943</v>
      </c>
      <c r="BB61" s="17">
        <v>5.1722007364077927</v>
      </c>
      <c r="BC61" s="17">
        <v>4.9765383605655638</v>
      </c>
      <c r="BD61" s="17">
        <v>5.4959020653347732</v>
      </c>
    </row>
    <row r="62" spans="3:56" x14ac:dyDescent="0.2">
      <c r="C62" s="5" t="s">
        <v>65</v>
      </c>
      <c r="D62" s="6" t="s">
        <v>58</v>
      </c>
      <c r="E62" s="17">
        <v>2.8671599122807017</v>
      </c>
      <c r="F62" s="17">
        <v>2.0311675177125648</v>
      </c>
      <c r="G62" s="17">
        <v>2.0503286338473052</v>
      </c>
      <c r="H62" s="17">
        <v>1.7591636640392569</v>
      </c>
      <c r="I62" s="17">
        <v>1.6166279673609574</v>
      </c>
      <c r="J62" s="17">
        <v>1.7200694739496034</v>
      </c>
      <c r="K62" s="17">
        <v>1.8465005285910692</v>
      </c>
      <c r="L62" s="17">
        <v>1.946542088772846</v>
      </c>
      <c r="M62" s="17">
        <v>1.6403124842243424</v>
      </c>
      <c r="N62" s="17">
        <v>1.8089631683074483</v>
      </c>
      <c r="O62" s="17">
        <v>1.7612110896023851</v>
      </c>
      <c r="P62" s="17">
        <v>1.9605261627484336</v>
      </c>
      <c r="Q62" s="17">
        <v>2.0110901125130534</v>
      </c>
      <c r="R62" s="17">
        <v>2.0024756297934849</v>
      </c>
      <c r="S62" s="17">
        <v>2.1830045521638284</v>
      </c>
      <c r="T62" s="17">
        <v>2.3793700193468146</v>
      </c>
      <c r="U62" s="17">
        <v>1.9326942552917676</v>
      </c>
      <c r="V62" s="17">
        <v>2.0238171327119399</v>
      </c>
      <c r="W62" s="17">
        <v>1.8127261956286518</v>
      </c>
      <c r="X62" s="17">
        <v>1.7206855242558901</v>
      </c>
      <c r="Y62" s="17">
        <v>1.8058991433862093</v>
      </c>
      <c r="Z62" s="17">
        <v>2.2218141674511593</v>
      </c>
      <c r="AA62" s="17">
        <v>2.2480865774561658</v>
      </c>
      <c r="AB62" s="17">
        <v>2.9630982599290112</v>
      </c>
      <c r="AC62" s="17">
        <v>2.0773836890532631</v>
      </c>
      <c r="AD62" s="17">
        <v>2.0532470800116536</v>
      </c>
      <c r="AE62" s="17">
        <v>2.2260146747365157</v>
      </c>
      <c r="AF62" s="17">
        <v>2.3459349207686748</v>
      </c>
      <c r="AG62" s="17">
        <v>2.4493327228589279</v>
      </c>
      <c r="AH62" s="17">
        <v>2.5642534897646043</v>
      </c>
      <c r="AI62" s="17">
        <v>2.5902147548445829</v>
      </c>
      <c r="AJ62" s="17">
        <v>2.4763639703144777</v>
      </c>
      <c r="AK62" s="17">
        <v>3.0346208426606975</v>
      </c>
      <c r="AL62" s="17">
        <v>2.5514556877560031</v>
      </c>
      <c r="AM62" s="17">
        <v>2.4031677347531866</v>
      </c>
      <c r="AN62" s="17">
        <v>2.4165359389089063</v>
      </c>
      <c r="AO62" s="17">
        <v>2.35</v>
      </c>
      <c r="AP62" s="17">
        <v>2.0351822886897839</v>
      </c>
      <c r="AQ62" s="17">
        <v>1.7541916348488671</v>
      </c>
      <c r="AR62" s="17">
        <v>2.0334226348217834</v>
      </c>
      <c r="AS62" s="17">
        <v>1.997966889404786</v>
      </c>
      <c r="AT62" s="17">
        <v>1.7094767504682324</v>
      </c>
      <c r="AU62" s="17">
        <v>1.7074912433719596</v>
      </c>
      <c r="AV62" s="17">
        <v>1.9423183245515996</v>
      </c>
      <c r="AW62" s="17">
        <v>2.0214291576369208</v>
      </c>
      <c r="AX62" s="17">
        <v>1.8057252562406081</v>
      </c>
      <c r="AY62" s="17">
        <v>1.8078944175283196</v>
      </c>
      <c r="AZ62" s="17">
        <v>2.0163820177268255</v>
      </c>
      <c r="BA62" s="17">
        <v>2.0979268785635266</v>
      </c>
      <c r="BB62" s="17">
        <v>2.0785332232953406</v>
      </c>
      <c r="BC62" s="17">
        <v>2.0466019207568871</v>
      </c>
      <c r="BD62" s="17">
        <v>2.399140255614657</v>
      </c>
    </row>
    <row r="63" spans="3:56" x14ac:dyDescent="0.2">
      <c r="C63" s="5" t="s">
        <v>66</v>
      </c>
      <c r="D63" s="6" t="s">
        <v>58</v>
      </c>
      <c r="E63" s="17">
        <v>7.1377016282695296</v>
      </c>
      <c r="F63" s="17">
        <v>4.0347661517772098</v>
      </c>
      <c r="G63" s="17">
        <v>4.7905494638475243</v>
      </c>
      <c r="H63" s="17">
        <v>3.7615348554807193</v>
      </c>
      <c r="I63" s="17">
        <v>3.1475071815938653</v>
      </c>
      <c r="J63" s="17">
        <v>4.0670155397978318</v>
      </c>
      <c r="K63" s="17">
        <v>4.9384598701350226</v>
      </c>
      <c r="L63" s="17">
        <v>3.7713951163605106</v>
      </c>
      <c r="M63" s="17">
        <v>3.6149359063770898</v>
      </c>
      <c r="N63" s="17">
        <v>3.4870379698587857</v>
      </c>
      <c r="O63" s="17">
        <v>3.5493255663321999</v>
      </c>
      <c r="P63" s="17">
        <v>4.1940156753847617</v>
      </c>
      <c r="Q63" s="17">
        <v>4.1530583233473957</v>
      </c>
      <c r="R63" s="17">
        <v>3.5369258236022962</v>
      </c>
      <c r="S63" s="17">
        <v>4.12257906320741</v>
      </c>
      <c r="T63" s="17">
        <v>4.4869403745340595</v>
      </c>
      <c r="U63" s="17">
        <v>3.9557496599488688</v>
      </c>
      <c r="V63" s="17">
        <v>3.0974828674538206</v>
      </c>
      <c r="W63" s="17">
        <v>3.3380977881626523</v>
      </c>
      <c r="X63" s="17">
        <v>3.243237363547002</v>
      </c>
      <c r="Y63" s="17">
        <v>3.5387301201199053</v>
      </c>
      <c r="Z63" s="17">
        <v>4.3733514939182809</v>
      </c>
      <c r="AA63" s="17">
        <v>4.6498271946389176</v>
      </c>
      <c r="AB63" s="17">
        <v>5.738517927707119</v>
      </c>
      <c r="AC63" s="17">
        <v>5.1800272547919111</v>
      </c>
      <c r="AD63" s="17">
        <v>4.0738002920627938</v>
      </c>
      <c r="AE63" s="17">
        <v>3.5270224392255627</v>
      </c>
      <c r="AF63" s="17">
        <v>3.3650098625946008</v>
      </c>
      <c r="AG63" s="17">
        <v>4.2512916390081523</v>
      </c>
      <c r="AH63" s="17">
        <v>5.4149644405149546</v>
      </c>
      <c r="AI63" s="17">
        <v>4.0480066949329094</v>
      </c>
      <c r="AJ63" s="17">
        <v>4.6171084766560462</v>
      </c>
      <c r="AK63" s="17">
        <v>5.1188787877059605</v>
      </c>
      <c r="AL63" s="17">
        <v>6.1082734138639223</v>
      </c>
      <c r="AM63" s="17">
        <v>4.9253168119487762</v>
      </c>
      <c r="AN63" s="17">
        <v>4.590426482861619</v>
      </c>
      <c r="AO63" s="17">
        <v>3.79</v>
      </c>
      <c r="AP63" s="17">
        <v>4.3687604217383997</v>
      </c>
      <c r="AQ63" s="17">
        <v>3.8611291802797254</v>
      </c>
      <c r="AR63" s="17">
        <v>3.5285168094752142</v>
      </c>
      <c r="AS63" s="17">
        <v>3.5203354598472201</v>
      </c>
      <c r="AT63" s="17">
        <v>3.2913863457700918</v>
      </c>
      <c r="AU63" s="17">
        <v>2.9715134423859566</v>
      </c>
      <c r="AV63" s="17">
        <v>4.0688209637811177</v>
      </c>
      <c r="AW63" s="17">
        <v>4.2463021316033362</v>
      </c>
      <c r="AX63" s="17">
        <v>2.9528290885564608</v>
      </c>
      <c r="AY63" s="17">
        <v>3.9523742106244839</v>
      </c>
      <c r="AZ63" s="17">
        <v>4.6332336003959762</v>
      </c>
      <c r="BA63" s="17">
        <v>3.94062553723673</v>
      </c>
      <c r="BB63" s="17">
        <v>4.1273134625303953</v>
      </c>
      <c r="BC63" s="17">
        <v>5.258869692705928</v>
      </c>
      <c r="BD63" s="17">
        <v>3.3642969776609726</v>
      </c>
    </row>
    <row r="64" spans="3:56" x14ac:dyDescent="0.2">
      <c r="C64" s="5" t="s">
        <v>67</v>
      </c>
      <c r="D64" s="6" t="s">
        <v>58</v>
      </c>
      <c r="E64" s="17">
        <v>6.9241774501052822</v>
      </c>
      <c r="F64" s="17">
        <v>10.795236855095053</v>
      </c>
      <c r="G64" s="17">
        <v>8.8436330608454305</v>
      </c>
      <c r="H64" s="17">
        <v>7.4108007925977732</v>
      </c>
      <c r="I64" s="17">
        <v>7.286375003954384</v>
      </c>
      <c r="J64" s="17">
        <v>7.600020892642692</v>
      </c>
      <c r="K64" s="17">
        <v>8.0918223957219944</v>
      </c>
      <c r="L64" s="17">
        <v>7.3190717266717806</v>
      </c>
      <c r="M64" s="17">
        <v>6.0056215093346736</v>
      </c>
      <c r="N64" s="17">
        <v>6.633452442606063</v>
      </c>
      <c r="O64" s="17">
        <v>7.1316237888463991</v>
      </c>
      <c r="P64" s="17">
        <v>6.8623420519443012</v>
      </c>
      <c r="Q64" s="17">
        <v>6.1765178184438438</v>
      </c>
      <c r="R64" s="17">
        <v>6.6223065231186169</v>
      </c>
      <c r="S64" s="17">
        <v>6.9533158183802017</v>
      </c>
      <c r="T64" s="17">
        <v>6.9669992133944625</v>
      </c>
      <c r="U64" s="17">
        <v>6.1193273223936941</v>
      </c>
      <c r="V64" s="17">
        <v>5.4131851235752046</v>
      </c>
      <c r="W64" s="17">
        <v>5.6830228402448029</v>
      </c>
      <c r="X64" s="17">
        <v>5.7576342425430234</v>
      </c>
      <c r="Y64" s="17">
        <v>5.3209697143409489</v>
      </c>
      <c r="Z64" s="17">
        <v>5.7504005897568868</v>
      </c>
      <c r="AA64" s="17">
        <v>6.8839059479984774</v>
      </c>
      <c r="AB64" s="17">
        <v>7.5491326636775664</v>
      </c>
      <c r="AC64" s="17">
        <v>7.3812560669599652</v>
      </c>
      <c r="AD64" s="17">
        <v>7.8200230976382255</v>
      </c>
      <c r="AE64" s="17">
        <v>7.6623720703473799</v>
      </c>
      <c r="AF64" s="17">
        <v>7.1124917287466145</v>
      </c>
      <c r="AG64" s="17">
        <v>6.7307046545375364</v>
      </c>
      <c r="AH64" s="17">
        <v>5.9109073685949749</v>
      </c>
      <c r="AI64" s="17">
        <v>5.4773231581949409</v>
      </c>
      <c r="AJ64" s="17">
        <v>5.2836269641539317</v>
      </c>
      <c r="AK64" s="17">
        <v>5.2677678067526195</v>
      </c>
      <c r="AL64" s="17">
        <v>6.0283662487103475</v>
      </c>
      <c r="AM64" s="17">
        <v>5.7890455970051633</v>
      </c>
      <c r="AN64" s="17">
        <v>5.8678416432637333</v>
      </c>
      <c r="AO64" s="17">
        <v>5.24</v>
      </c>
      <c r="AP64" s="17">
        <v>5.3891813058468152</v>
      </c>
      <c r="AQ64" s="17">
        <v>5.4066210507462973</v>
      </c>
      <c r="AR64" s="17">
        <v>5.3850962509592506</v>
      </c>
      <c r="AS64" s="17">
        <v>5.7924858877599208</v>
      </c>
      <c r="AT64" s="17">
        <v>6.3664034076344249</v>
      </c>
      <c r="AU64" s="17">
        <v>5.471046979180807</v>
      </c>
      <c r="AV64" s="17">
        <v>6.6822029898739403</v>
      </c>
      <c r="AW64" s="17">
        <v>7.4712120013982348</v>
      </c>
      <c r="AX64" s="17">
        <v>6.0659992079793703</v>
      </c>
      <c r="AY64" s="17">
        <v>6.0812424084701151</v>
      </c>
      <c r="AZ64" s="17">
        <v>6.3409503916145651</v>
      </c>
      <c r="BA64" s="17">
        <v>7.3009450954860542</v>
      </c>
      <c r="BB64" s="17">
        <v>6.5066746306399628</v>
      </c>
      <c r="BC64" s="17">
        <v>5.9455671011233466</v>
      </c>
      <c r="BD64" s="17">
        <v>5.9121237177681891</v>
      </c>
    </row>
    <row r="65" spans="3:56" x14ac:dyDescent="0.2">
      <c r="C65" s="5" t="s">
        <v>68</v>
      </c>
      <c r="D65" s="6" t="s">
        <v>58</v>
      </c>
      <c r="E65" s="17">
        <v>3.2718795362254931</v>
      </c>
      <c r="F65" s="17">
        <v>3.2166500764086532</v>
      </c>
      <c r="G65" s="17">
        <v>3.7671070109374583</v>
      </c>
      <c r="H65" s="17">
        <v>3.7920177421844499</v>
      </c>
      <c r="I65" s="17">
        <v>3.5842171165583507</v>
      </c>
      <c r="J65" s="17">
        <v>3.1450734300110605</v>
      </c>
      <c r="K65" s="17">
        <v>3.2235365563229337</v>
      </c>
      <c r="L65" s="17">
        <v>3.3240680410998427</v>
      </c>
      <c r="M65" s="17">
        <v>2.7881258570955691</v>
      </c>
      <c r="N65" s="17">
        <v>2.8373053774293209</v>
      </c>
      <c r="O65" s="17">
        <v>2.8399995634093367</v>
      </c>
      <c r="P65" s="17">
        <v>2.8141065926570552</v>
      </c>
      <c r="Q65" s="17">
        <v>2.7611439048385651</v>
      </c>
      <c r="R65" s="17">
        <v>2.7527218665502087</v>
      </c>
      <c r="S65" s="17">
        <v>2.5803745241612832</v>
      </c>
      <c r="T65" s="17">
        <v>2.9730197265869953</v>
      </c>
      <c r="U65" s="17">
        <v>3.0971787622047864</v>
      </c>
      <c r="V65" s="17">
        <v>2.8859179767776406</v>
      </c>
      <c r="W65" s="17">
        <v>2.968096147430662</v>
      </c>
      <c r="X65" s="17">
        <v>3.0186063883950554</v>
      </c>
      <c r="Y65" s="17">
        <v>3.0443936016415609</v>
      </c>
      <c r="Z65" s="17">
        <v>2.7273566494673767</v>
      </c>
      <c r="AA65" s="17">
        <v>2.7954302615482294</v>
      </c>
      <c r="AB65" s="17">
        <v>3.599813924014172</v>
      </c>
      <c r="AC65" s="17">
        <v>3.3854274987331667</v>
      </c>
      <c r="AD65" s="17">
        <v>3.0130630854165377</v>
      </c>
      <c r="AE65" s="17">
        <v>2.9494329382407987</v>
      </c>
      <c r="AF65" s="17">
        <v>2.8636147929098241</v>
      </c>
      <c r="AG65" s="17">
        <v>2.6564018600358521</v>
      </c>
      <c r="AH65" s="17">
        <v>2.8604804332009399</v>
      </c>
      <c r="AI65" s="17">
        <v>2.5787166576078597</v>
      </c>
      <c r="AJ65" s="17">
        <v>2.6129350337949369</v>
      </c>
      <c r="AK65" s="17">
        <v>2.6529885538805136</v>
      </c>
      <c r="AL65" s="17">
        <v>2.7421084991851448</v>
      </c>
      <c r="AM65" s="17">
        <v>2.4403817333053759</v>
      </c>
      <c r="AN65" s="17">
        <v>2.2462828750039461</v>
      </c>
      <c r="AO65" s="17">
        <v>2.1800000000000002</v>
      </c>
      <c r="AP65" s="17">
        <v>2.2660586397500602</v>
      </c>
      <c r="AQ65" s="17">
        <v>2.0696585549573299</v>
      </c>
      <c r="AR65" s="17">
        <v>2.2411669292047343</v>
      </c>
      <c r="AS65" s="17">
        <v>2.2767241749658274</v>
      </c>
      <c r="AT65" s="17">
        <v>2.3372000117383518</v>
      </c>
      <c r="AU65" s="17">
        <v>2.4367506253057307</v>
      </c>
      <c r="AV65" s="17">
        <v>2.4700611408241642</v>
      </c>
      <c r="AW65" s="17">
        <v>2.7870215546475663</v>
      </c>
      <c r="AX65" s="17">
        <v>2.5267652856874649</v>
      </c>
      <c r="AY65" s="17">
        <v>2.3195745557303984</v>
      </c>
      <c r="AZ65" s="17">
        <v>2.5479522801747678</v>
      </c>
      <c r="BA65" s="17">
        <v>2.8023543001341715</v>
      </c>
      <c r="BB65" s="17">
        <v>2.9296094967901851</v>
      </c>
      <c r="BC65" s="17">
        <v>3.0715079877279905</v>
      </c>
      <c r="BD65" s="17">
        <v>3.0553539804953687</v>
      </c>
    </row>
    <row r="66" spans="3:56" x14ac:dyDescent="0.2">
      <c r="C66" s="5" t="s">
        <v>69</v>
      </c>
      <c r="D66" s="6" t="s">
        <v>58</v>
      </c>
      <c r="E66" s="17">
        <v>2.6624272874387684</v>
      </c>
      <c r="F66" s="17">
        <v>2.6398131863926833</v>
      </c>
      <c r="G66" s="17">
        <v>3.6705865299307709</v>
      </c>
      <c r="H66" s="17">
        <v>2.6694576631929805</v>
      </c>
      <c r="I66" s="17">
        <v>2.5125017275810695</v>
      </c>
      <c r="J66" s="17">
        <v>2.5485996483539552</v>
      </c>
      <c r="K66" s="17">
        <v>2.2770236531644099</v>
      </c>
      <c r="L66" s="17">
        <v>2.3263273677389114</v>
      </c>
      <c r="M66" s="17">
        <v>1.7677224319815357</v>
      </c>
      <c r="N66" s="17">
        <v>2.0275091326415158</v>
      </c>
      <c r="O66" s="17">
        <v>2.2282908079702821</v>
      </c>
      <c r="P66" s="17">
        <v>2.0097648750705819</v>
      </c>
      <c r="Q66" s="17">
        <v>1.7039864041630131</v>
      </c>
      <c r="R66" s="17">
        <v>1.4175414567590261</v>
      </c>
      <c r="S66" s="17">
        <v>1.4543637105827125</v>
      </c>
      <c r="T66" s="17">
        <v>1.5742272201432752</v>
      </c>
      <c r="U66" s="17">
        <v>1.4488091300367689</v>
      </c>
      <c r="V66" s="17">
        <v>1.2641107262697264</v>
      </c>
      <c r="W66" s="17">
        <v>1.4175059929424729</v>
      </c>
      <c r="X66" s="17">
        <v>1.3725620224330999</v>
      </c>
      <c r="Y66" s="17">
        <v>1.3072199023900439</v>
      </c>
      <c r="Z66" s="17">
        <v>1.5686608058329852</v>
      </c>
      <c r="AA66" s="17">
        <v>2.4086453763937365</v>
      </c>
      <c r="AB66" s="17">
        <v>3.4995664165799676</v>
      </c>
      <c r="AC66" s="17">
        <v>2.8757182554385219</v>
      </c>
      <c r="AD66" s="17">
        <v>2.9761078951039197</v>
      </c>
      <c r="AE66" s="17">
        <v>1.8256089622714617</v>
      </c>
      <c r="AF66" s="17">
        <v>1.8377934710520498</v>
      </c>
      <c r="AG66" s="17">
        <v>1.8359181138489702</v>
      </c>
      <c r="AH66" s="17">
        <v>1.7219889727915618</v>
      </c>
      <c r="AI66" s="17">
        <v>1.6146858029019262</v>
      </c>
      <c r="AJ66" s="17">
        <v>1.7772494662815523</v>
      </c>
      <c r="AK66" s="17">
        <v>1.6816137457496263</v>
      </c>
      <c r="AL66" s="17">
        <v>1.8096866252795196</v>
      </c>
      <c r="AM66" s="17">
        <v>1.4325827076158755</v>
      </c>
      <c r="AN66" s="17">
        <v>1.5592580259375481</v>
      </c>
      <c r="AO66" s="17">
        <v>1.82</v>
      </c>
      <c r="AP66" s="17">
        <v>1.6583402353212595</v>
      </c>
      <c r="AQ66" s="17">
        <v>1.4810219865637666</v>
      </c>
      <c r="AR66" s="17">
        <v>1.5876526189597935</v>
      </c>
      <c r="AS66" s="17">
        <v>1.672238442953309</v>
      </c>
      <c r="AT66" s="17">
        <v>1.2983012182479228</v>
      </c>
      <c r="AU66" s="17">
        <v>1.4153607068396656</v>
      </c>
      <c r="AV66" s="17">
        <v>1.6163278702941748</v>
      </c>
      <c r="AW66" s="17">
        <v>2.3666572532911156</v>
      </c>
      <c r="AX66" s="17">
        <v>1.9735236546336361</v>
      </c>
      <c r="AY66" s="17">
        <v>2.0025029809345702</v>
      </c>
      <c r="AZ66" s="17">
        <v>2.2616851513019003</v>
      </c>
      <c r="BA66" s="17">
        <v>2.3726410624103744</v>
      </c>
      <c r="BB66" s="17">
        <v>2.2447711195234032</v>
      </c>
      <c r="BC66" s="17">
        <v>2.5259344773366186</v>
      </c>
      <c r="BD66" s="17">
        <v>2.146647868496355</v>
      </c>
    </row>
    <row r="67" spans="3:56" x14ac:dyDescent="0.2">
      <c r="C67" s="5" t="s">
        <v>70</v>
      </c>
      <c r="D67" s="6" t="s">
        <v>58</v>
      </c>
      <c r="E67" s="17">
        <v>2.7114439118717986</v>
      </c>
      <c r="F67" s="17">
        <v>1.6270451821115721</v>
      </c>
      <c r="G67" s="17">
        <v>2.3588330119754981</v>
      </c>
      <c r="H67" s="17">
        <v>1.5820754552039364</v>
      </c>
      <c r="I67" s="17">
        <v>1.7143271549125978</v>
      </c>
      <c r="J67" s="17">
        <v>1.9684907670857088</v>
      </c>
      <c r="K67" s="17">
        <v>1.8811858919214828</v>
      </c>
      <c r="L67" s="17">
        <v>1.6319131425418656</v>
      </c>
      <c r="M67" s="17">
        <v>1.2460540177122454</v>
      </c>
      <c r="N67" s="17">
        <v>1.5987329278776092</v>
      </c>
      <c r="O67" s="17">
        <v>1.5818383188283618</v>
      </c>
      <c r="P67" s="17">
        <v>1.2160475234270416</v>
      </c>
      <c r="Q67" s="17">
        <v>1.2759968763311089</v>
      </c>
      <c r="R67" s="17">
        <v>1.2659519891956668</v>
      </c>
      <c r="S67" s="17">
        <v>1.3922389963966368</v>
      </c>
      <c r="T67" s="17">
        <v>1.3453329261216138</v>
      </c>
      <c r="U67" s="17">
        <v>1.4659945548776487</v>
      </c>
      <c r="V67" s="17">
        <v>1.7552974133125208</v>
      </c>
      <c r="W67" s="17">
        <v>2.0986591503925909</v>
      </c>
      <c r="X67" s="17">
        <v>2.6770085110701909</v>
      </c>
      <c r="Y67" s="17">
        <v>2.4673483146067414</v>
      </c>
      <c r="Z67" s="17">
        <v>2.32608246628131</v>
      </c>
      <c r="AA67" s="17">
        <v>2.322980282570887</v>
      </c>
      <c r="AB67" s="17">
        <v>2.8089907449317311</v>
      </c>
      <c r="AC67" s="17">
        <v>3.0503853697719165</v>
      </c>
      <c r="AD67" s="17">
        <v>3.0858859809968329</v>
      </c>
      <c r="AE67" s="17">
        <v>2.8926624070188818</v>
      </c>
      <c r="AF67" s="17">
        <v>2.6832162385002603</v>
      </c>
      <c r="AG67" s="17">
        <v>2.6570189092235661</v>
      </c>
      <c r="AH67" s="17">
        <v>2.7922589777976454</v>
      </c>
      <c r="AI67" s="17">
        <v>2.3619067764741275</v>
      </c>
      <c r="AJ67" s="17">
        <v>2.4125565424610054</v>
      </c>
      <c r="AK67" s="17">
        <v>2.3412958318404398</v>
      </c>
      <c r="AL67" s="17">
        <v>2.5478967836614892</v>
      </c>
      <c r="AM67" s="17">
        <v>2.087951309985296</v>
      </c>
      <c r="AN67" s="17">
        <v>2.0572585141195008</v>
      </c>
      <c r="AO67" s="17">
        <v>2.67</v>
      </c>
      <c r="AP67" s="17">
        <v>2.6896154601796782</v>
      </c>
      <c r="AQ67" s="17">
        <v>2.2764412238325282</v>
      </c>
      <c r="AR67" s="17">
        <v>1.8669097835176101</v>
      </c>
      <c r="AS67" s="17">
        <v>2.0767148210605209</v>
      </c>
      <c r="AT67" s="17">
        <v>2.130475571846147</v>
      </c>
      <c r="AU67" s="17">
        <v>1.9768088586888135</v>
      </c>
      <c r="AV67" s="17">
        <v>2.0184649453448928</v>
      </c>
      <c r="AW67" s="17">
        <v>2.4921122590299114</v>
      </c>
      <c r="AX67" s="17">
        <v>2.4042220207356011</v>
      </c>
      <c r="AY67" s="17">
        <v>2.3160987988496027</v>
      </c>
      <c r="AZ67" s="17">
        <v>2.5750617426873501</v>
      </c>
      <c r="BA67" s="17">
        <v>2.8359880814100298</v>
      </c>
      <c r="BB67" s="17">
        <v>2.5218229401678549</v>
      </c>
      <c r="BC67" s="17">
        <v>2.542119979288409</v>
      </c>
      <c r="BD67" s="17">
        <v>2.6444113633544224</v>
      </c>
    </row>
    <row r="68" spans="3:56" x14ac:dyDescent="0.2">
      <c r="C68" s="5" t="s">
        <v>103</v>
      </c>
      <c r="D68" s="6" t="s">
        <v>58</v>
      </c>
      <c r="E68" s="17"/>
      <c r="F68" s="17"/>
      <c r="G68" s="17"/>
      <c r="H68" s="17"/>
      <c r="I68" s="17"/>
      <c r="J68" s="17"/>
      <c r="K68" s="17"/>
      <c r="L68" s="17"/>
      <c r="M68" s="17"/>
      <c r="N68" s="17"/>
      <c r="O68" s="17"/>
      <c r="P68" s="17"/>
      <c r="Q68" s="17"/>
      <c r="R68" s="17"/>
      <c r="S68" s="17"/>
      <c r="T68" s="17"/>
      <c r="U68" s="17"/>
      <c r="V68" s="17"/>
      <c r="W68" s="17"/>
      <c r="X68" s="17"/>
      <c r="Y68" s="17"/>
      <c r="Z68" s="17"/>
      <c r="AA68" s="17"/>
      <c r="AB68" s="17"/>
      <c r="AC68" s="17"/>
      <c r="AD68" s="17"/>
      <c r="AE68" s="17"/>
      <c r="AF68" s="17"/>
      <c r="AG68" s="17"/>
      <c r="AH68" s="17"/>
      <c r="AI68" s="17"/>
      <c r="AJ68" s="17"/>
      <c r="AK68" s="17"/>
      <c r="AL68" s="17"/>
      <c r="AM68" s="17"/>
      <c r="AN68" s="17"/>
      <c r="AO68" s="17"/>
      <c r="AP68" s="17"/>
      <c r="AQ68" s="17"/>
      <c r="AR68" s="17"/>
      <c r="AS68" s="17"/>
      <c r="AT68" s="17"/>
      <c r="AU68" s="17"/>
      <c r="AV68" s="17"/>
      <c r="AW68" s="17"/>
      <c r="AX68" s="17"/>
      <c r="AY68" s="17"/>
      <c r="AZ68" s="17"/>
      <c r="BA68" s="17"/>
      <c r="BB68" s="17"/>
      <c r="BC68" s="17"/>
      <c r="BD68" s="17"/>
    </row>
    <row r="69" spans="3:56" x14ac:dyDescent="0.2">
      <c r="C69" s="5" t="s">
        <v>71</v>
      </c>
      <c r="D69" s="6" t="s">
        <v>58</v>
      </c>
      <c r="E69" s="17">
        <v>2.6674969647915825</v>
      </c>
      <c r="F69" s="17">
        <v>2.8102260608998373</v>
      </c>
      <c r="G69" s="17">
        <v>2.7506398306809396</v>
      </c>
      <c r="H69" s="17">
        <v>2.7090920633680384</v>
      </c>
      <c r="I69" s="17">
        <v>2.7516622705791844</v>
      </c>
      <c r="J69" s="17">
        <v>2.601620010563646</v>
      </c>
      <c r="K69" s="17">
        <v>2.7669104291484805</v>
      </c>
      <c r="L69" s="17">
        <v>2.7349441902658356</v>
      </c>
      <c r="M69" s="17">
        <v>2.7289865883983531</v>
      </c>
      <c r="N69" s="17">
        <v>2.6826564453868316</v>
      </c>
      <c r="O69" s="17">
        <v>2.7069126217042143</v>
      </c>
      <c r="P69" s="17">
        <v>2.5906196746707981</v>
      </c>
      <c r="Q69" s="17">
        <v>2.7213158586832646</v>
      </c>
      <c r="R69" s="17">
        <v>2.711364385046807</v>
      </c>
      <c r="S69" s="17">
        <v>2.7031841196777906</v>
      </c>
      <c r="T69" s="17">
        <v>2.7306142450657149</v>
      </c>
      <c r="U69" s="17">
        <v>2.7199956266721546</v>
      </c>
      <c r="V69" s="17">
        <v>2.7860360838418678</v>
      </c>
      <c r="W69" s="17">
        <v>2.7861284993914106</v>
      </c>
      <c r="X69" s="17">
        <v>2.8529572814453452</v>
      </c>
      <c r="Y69" s="17">
        <v>2.719564016571316</v>
      </c>
      <c r="Z69" s="17">
        <v>2.8462894975394977</v>
      </c>
      <c r="AA69" s="17">
        <v>2.8713455869870521</v>
      </c>
      <c r="AB69" s="17">
        <v>3.0840014472535375</v>
      </c>
      <c r="AC69" s="17">
        <v>2.9651173679215437</v>
      </c>
      <c r="AD69" s="17">
        <v>2.7484592578648912</v>
      </c>
      <c r="AE69" s="17">
        <v>2.7709335294619257</v>
      </c>
      <c r="AF69" s="17">
        <v>2.7677656813431635</v>
      </c>
      <c r="AG69" s="17">
        <v>2.8045926768860028</v>
      </c>
      <c r="AH69" s="17">
        <v>2.915183714902025</v>
      </c>
      <c r="AI69" s="17">
        <v>2.9421123514701799</v>
      </c>
      <c r="AJ69" s="17">
        <v>2.76288099003439</v>
      </c>
      <c r="AK69" s="17">
        <v>2.7242471119184808</v>
      </c>
      <c r="AL69" s="17">
        <v>2.8208345233335237</v>
      </c>
      <c r="AM69" s="17">
        <v>2.7952988329313158</v>
      </c>
      <c r="AN69" s="17">
        <v>2.7902508029927109</v>
      </c>
      <c r="AO69" s="17">
        <v>2.81</v>
      </c>
      <c r="AP69" s="17">
        <v>2.7637071522742254</v>
      </c>
      <c r="AQ69" s="17">
        <v>2.7369092313855661</v>
      </c>
      <c r="AR69" s="17">
        <v>2.8261022592738754</v>
      </c>
      <c r="AS69" s="17">
        <v>2.7884319050758073</v>
      </c>
      <c r="AT69" s="17">
        <v>2.8387538048747492</v>
      </c>
      <c r="AU69" s="17">
        <v>2.7704506074130646</v>
      </c>
      <c r="AV69" s="17">
        <v>2.8501549996637752</v>
      </c>
      <c r="AW69" s="17">
        <v>2.8003058478592657</v>
      </c>
      <c r="AX69" s="17">
        <v>2.7944560267179437</v>
      </c>
      <c r="AY69" s="17">
        <v>2.7972798295454542</v>
      </c>
      <c r="AZ69" s="17">
        <v>2.8172204096238449</v>
      </c>
      <c r="BA69" s="17">
        <v>2.8230070683271626</v>
      </c>
      <c r="BB69" s="17">
        <v>2.7377720921600339</v>
      </c>
      <c r="BC69" s="17">
        <v>2.8387566911318363</v>
      </c>
      <c r="BD69" s="17">
        <v>2.8284747352162398</v>
      </c>
    </row>
    <row r="70" spans="3:56" x14ac:dyDescent="0.2">
      <c r="C70" s="5" t="s">
        <v>102</v>
      </c>
      <c r="D70" s="6" t="s">
        <v>58</v>
      </c>
      <c r="E70" s="17"/>
      <c r="F70" s="17"/>
      <c r="G70" s="17"/>
      <c r="H70" s="17"/>
      <c r="I70" s="17"/>
      <c r="J70" s="17"/>
      <c r="K70" s="17"/>
      <c r="L70" s="17"/>
      <c r="M70" s="17"/>
      <c r="N70" s="17"/>
      <c r="O70" s="17"/>
      <c r="P70" s="17"/>
      <c r="Q70" s="17"/>
      <c r="R70" s="17"/>
      <c r="S70" s="17"/>
      <c r="T70" s="17"/>
      <c r="U70" s="17"/>
      <c r="V70" s="17"/>
      <c r="W70" s="17"/>
      <c r="X70" s="17"/>
      <c r="Y70" s="17"/>
      <c r="Z70" s="17"/>
      <c r="AA70" s="17"/>
      <c r="AB70" s="17"/>
      <c r="AC70" s="17"/>
      <c r="AD70" s="17"/>
      <c r="AE70" s="17"/>
      <c r="AF70" s="17"/>
      <c r="AG70" s="17"/>
      <c r="AH70" s="17"/>
      <c r="AI70" s="17"/>
      <c r="AJ70" s="17"/>
      <c r="AK70" s="17"/>
      <c r="AL70" s="17"/>
      <c r="AM70" s="17"/>
      <c r="AN70" s="17"/>
      <c r="AO70" s="17"/>
      <c r="AP70" s="17"/>
      <c r="AQ70" s="17"/>
      <c r="AR70" s="17"/>
      <c r="AS70" s="17"/>
      <c r="AT70" s="17"/>
      <c r="AU70" s="17"/>
      <c r="AV70" s="17"/>
      <c r="AW70" s="17"/>
      <c r="AX70" s="17"/>
      <c r="AY70" s="17"/>
      <c r="AZ70" s="17"/>
      <c r="BA70" s="17"/>
      <c r="BB70" s="17"/>
      <c r="BC70" s="17"/>
      <c r="BD70" s="17"/>
    </row>
    <row r="71" spans="3:56" x14ac:dyDescent="0.2">
      <c r="C71" s="5" t="s">
        <v>72</v>
      </c>
      <c r="D71" s="6" t="s">
        <v>58</v>
      </c>
      <c r="E71" s="17">
        <v>4.5521240316604921</v>
      </c>
      <c r="F71" s="17">
        <v>4.7907209443099266</v>
      </c>
      <c r="G71" s="17">
        <v>4.683069520458174</v>
      </c>
      <c r="H71" s="17">
        <v>3.8515686669820028</v>
      </c>
      <c r="I71" s="17">
        <v>3.9184035323901987</v>
      </c>
      <c r="J71" s="17">
        <v>3.7700182025476998</v>
      </c>
      <c r="K71" s="17">
        <v>3.7845014339289653</v>
      </c>
      <c r="L71" s="17">
        <v>3.7151855247075258</v>
      </c>
      <c r="M71" s="17">
        <v>3.6705478233028539</v>
      </c>
      <c r="N71" s="17">
        <v>3.678637918026892</v>
      </c>
      <c r="O71" s="17">
        <v>3.9526451593093359</v>
      </c>
      <c r="P71" s="17">
        <v>4.0617773023132813</v>
      </c>
      <c r="Q71" s="17">
        <v>4.0722224132261049</v>
      </c>
      <c r="R71" s="17">
        <v>4.0207274557712314</v>
      </c>
      <c r="S71" s="17">
        <v>3.6458789512081604</v>
      </c>
      <c r="T71" s="17">
        <v>3.7123822430993485</v>
      </c>
      <c r="U71" s="17">
        <v>3.7021646202114886</v>
      </c>
      <c r="V71" s="17">
        <v>3.6889821987423068</v>
      </c>
      <c r="W71" s="17">
        <v>4.1564243000487471</v>
      </c>
      <c r="X71" s="17">
        <v>5.0616090621435585</v>
      </c>
      <c r="Y71" s="17">
        <v>4.9448024586742889</v>
      </c>
      <c r="Z71" s="17">
        <v>4.6286063389627632</v>
      </c>
      <c r="AA71" s="17">
        <v>4.0988294693647198</v>
      </c>
      <c r="AB71" s="17">
        <v>4.2300996532547215</v>
      </c>
      <c r="AC71" s="17">
        <v>4.1498665704606044</v>
      </c>
      <c r="AD71" s="17">
        <v>3.9505322627927435</v>
      </c>
      <c r="AE71" s="17">
        <v>3.9167504137376072</v>
      </c>
      <c r="AF71" s="17">
        <v>4.0800228387418569</v>
      </c>
      <c r="AG71" s="17">
        <v>4.3892634100891783</v>
      </c>
      <c r="AH71" s="17">
        <v>4.9895657675425209</v>
      </c>
      <c r="AI71" s="17">
        <v>4.7652598813752052</v>
      </c>
      <c r="AJ71" s="17">
        <v>4.7960818338545765</v>
      </c>
      <c r="AK71" s="17">
        <v>5.0372729461198409</v>
      </c>
      <c r="AL71" s="17">
        <v>5.0657844674259405</v>
      </c>
      <c r="AM71" s="17">
        <v>4.5516260492203777</v>
      </c>
      <c r="AN71" s="17">
        <v>4.3385501103752766</v>
      </c>
      <c r="AO71" s="17">
        <v>4.5199999999999996</v>
      </c>
      <c r="AP71" s="17">
        <v>4.7583091466017224</v>
      </c>
      <c r="AQ71" s="17">
        <v>4.6406536598202477</v>
      </c>
      <c r="AR71" s="17">
        <v>4.6747220054404606</v>
      </c>
      <c r="AS71" s="17">
        <v>4.3645577849630648</v>
      </c>
      <c r="AT71" s="17">
        <v>4.0733341692309049</v>
      </c>
      <c r="AU71" s="17">
        <v>3.6155939517160975</v>
      </c>
      <c r="AV71" s="17">
        <v>3.6473132710404683</v>
      </c>
      <c r="AW71" s="17">
        <v>3.8481367531510684</v>
      </c>
      <c r="AX71" s="17">
        <v>3.9115486626087708</v>
      </c>
      <c r="AY71" s="17">
        <v>3.7443352947618904</v>
      </c>
      <c r="AZ71" s="17">
        <v>3.6342389000079001</v>
      </c>
      <c r="BA71" s="17">
        <v>3.864262140975093</v>
      </c>
      <c r="BB71" s="17">
        <v>3.7064430692742008</v>
      </c>
      <c r="BC71" s="17">
        <v>3.3983082790958079</v>
      </c>
      <c r="BD71" s="17">
        <v>3.4769589333996698</v>
      </c>
    </row>
    <row r="72" spans="3:56" x14ac:dyDescent="0.2">
      <c r="C72" s="5" t="s">
        <v>73</v>
      </c>
      <c r="D72" s="6" t="s">
        <v>58</v>
      </c>
      <c r="E72" s="17">
        <v>3.3409329088616588</v>
      </c>
      <c r="F72" s="17">
        <v>2.7854698801372062</v>
      </c>
      <c r="G72" s="17">
        <v>3.1661700365304561</v>
      </c>
      <c r="H72" s="17">
        <v>3.2124830291251194</v>
      </c>
      <c r="I72" s="17">
        <v>3.0450298950794008</v>
      </c>
      <c r="J72" s="17">
        <v>3.3634778354046384</v>
      </c>
      <c r="K72" s="17">
        <v>3.5480438402486616</v>
      </c>
      <c r="L72" s="17">
        <v>3.2850984214400611</v>
      </c>
      <c r="M72" s="17">
        <v>3.1122671745418109</v>
      </c>
      <c r="N72" s="17">
        <v>3.455303443804469</v>
      </c>
      <c r="O72" s="17">
        <v>3.6914305526909095</v>
      </c>
      <c r="P72" s="17">
        <v>3.1843507722451894</v>
      </c>
      <c r="Q72" s="17">
        <v>3.1665791306285604</v>
      </c>
      <c r="R72" s="17">
        <v>3.5670492085340681</v>
      </c>
      <c r="S72" s="17">
        <v>3.4959564351664856</v>
      </c>
      <c r="T72" s="17">
        <v>3.8435431177446109</v>
      </c>
      <c r="U72" s="17">
        <v>3.6271138753038334</v>
      </c>
      <c r="V72" s="17">
        <v>3.6241383077948033</v>
      </c>
      <c r="W72" s="17">
        <v>4.7049507023891008</v>
      </c>
      <c r="X72" s="17">
        <v>5.1357584013941642</v>
      </c>
      <c r="Y72" s="17">
        <v>4.6023440479433404</v>
      </c>
      <c r="Z72" s="17">
        <v>4.7016787817979546</v>
      </c>
      <c r="AA72" s="17">
        <v>5.1925872870708298</v>
      </c>
      <c r="AB72" s="17">
        <v>6.658576853420576</v>
      </c>
      <c r="AC72" s="17">
        <v>5.0100770830375563</v>
      </c>
      <c r="AD72" s="17">
        <v>3.7301226612970888</v>
      </c>
      <c r="AE72" s="17">
        <v>3.4400551975323452</v>
      </c>
      <c r="AF72" s="17">
        <v>3.3179041068942556</v>
      </c>
      <c r="AG72" s="17">
        <v>4.5862421586175746</v>
      </c>
      <c r="AH72" s="17">
        <v>4.7466698206528752</v>
      </c>
      <c r="AI72" s="17">
        <v>3.7945649845187606</v>
      </c>
      <c r="AJ72" s="17">
        <v>3.6416109069353881</v>
      </c>
      <c r="AK72" s="17">
        <v>4.0800796167053264</v>
      </c>
      <c r="AL72" s="17">
        <v>3.9763665518212745</v>
      </c>
      <c r="AM72" s="17">
        <v>4.4419415247551584</v>
      </c>
      <c r="AN72" s="17">
        <v>4.1960583899943638</v>
      </c>
      <c r="AO72" s="17">
        <v>4.18</v>
      </c>
      <c r="AP72" s="17">
        <v>3.9274669895407723</v>
      </c>
      <c r="AQ72" s="17">
        <v>3.722677127441123</v>
      </c>
      <c r="AR72" s="17">
        <v>3.5895929141820972</v>
      </c>
      <c r="AS72" s="17">
        <v>4.0022174570406763</v>
      </c>
      <c r="AT72" s="17">
        <v>3.6472866421028241</v>
      </c>
      <c r="AU72" s="17">
        <v>3.5464402093994472</v>
      </c>
      <c r="AV72" s="17">
        <v>3.5880338933433085</v>
      </c>
      <c r="AW72" s="17">
        <v>4.0129609971920646</v>
      </c>
      <c r="AX72" s="17">
        <v>3.6869321092349843</v>
      </c>
      <c r="AY72" s="17">
        <v>3.1774749410377359</v>
      </c>
      <c r="AZ72" s="17">
        <v>3.2729501775182657</v>
      </c>
      <c r="BA72" s="17">
        <v>3.8524026616233473</v>
      </c>
      <c r="BB72" s="17">
        <v>3.8580189037137478</v>
      </c>
      <c r="BC72" s="17">
        <v>4.8890031559673552</v>
      </c>
      <c r="BD72" s="17">
        <v>5.4113786812268208</v>
      </c>
    </row>
    <row r="73" spans="3:56" x14ac:dyDescent="0.2">
      <c r="C73" s="5" t="s">
        <v>74</v>
      </c>
      <c r="D73" s="6" t="s">
        <v>58</v>
      </c>
      <c r="E73" s="17">
        <v>1.557303068286138</v>
      </c>
      <c r="F73" s="17">
        <v>1.5285469689301743</v>
      </c>
      <c r="G73" s="17">
        <v>1.5209093797787618</v>
      </c>
      <c r="H73" s="17">
        <v>1.5193393661939625</v>
      </c>
      <c r="I73" s="17">
        <v>1.5648142463884624</v>
      </c>
      <c r="J73" s="17">
        <v>1.5752628077825093</v>
      </c>
      <c r="K73" s="17">
        <v>1.5730440740776483</v>
      </c>
      <c r="L73" s="17">
        <v>1.5690990846936947</v>
      </c>
      <c r="M73" s="17">
        <v>1.565785254492809</v>
      </c>
      <c r="N73" s="17">
        <v>1.5740994778731641</v>
      </c>
      <c r="O73" s="17">
        <v>1.5593061340996723</v>
      </c>
      <c r="P73" s="17">
        <v>1.5304710880793839</v>
      </c>
      <c r="Q73" s="17">
        <v>1.560837883537386</v>
      </c>
      <c r="R73" s="17">
        <v>1.56187750590175</v>
      </c>
      <c r="S73" s="17">
        <v>1.5624827840804214</v>
      </c>
      <c r="T73" s="17">
        <v>1.5438665413998565</v>
      </c>
      <c r="U73" s="17">
        <v>1.5656159779274772</v>
      </c>
      <c r="V73" s="17">
        <v>1.5386453565055473</v>
      </c>
      <c r="W73" s="17">
        <v>1.5628626559477867</v>
      </c>
      <c r="X73" s="17">
        <v>1.5633200092913417</v>
      </c>
      <c r="Y73" s="17">
        <v>1.5626412023274625</v>
      </c>
      <c r="Z73" s="17">
        <v>1.5624062948588442</v>
      </c>
      <c r="AA73" s="17">
        <v>1.5667051132405385</v>
      </c>
      <c r="AB73" s="17">
        <v>1.5918575317415786</v>
      </c>
      <c r="AC73" s="17">
        <v>1.5348521314757653</v>
      </c>
      <c r="AD73" s="17">
        <v>1.5223487938985454</v>
      </c>
      <c r="AE73" s="17">
        <v>1.5144555709293872</v>
      </c>
      <c r="AF73" s="17">
        <v>1.5171853991787492</v>
      </c>
      <c r="AG73" s="17">
        <v>1.5124910421607927</v>
      </c>
      <c r="AH73" s="17">
        <v>1.5125562073023775</v>
      </c>
      <c r="AI73" s="17">
        <v>1.6093874412488682</v>
      </c>
      <c r="AJ73" s="17">
        <v>1.5857239753389027</v>
      </c>
      <c r="AK73" s="17">
        <v>1.5901563258835714</v>
      </c>
      <c r="AL73" s="17">
        <v>1.5871991208479563</v>
      </c>
      <c r="AM73" s="17">
        <v>1.5841752182986064</v>
      </c>
      <c r="AN73" s="17">
        <v>1.5812936975458867</v>
      </c>
      <c r="AO73" s="17">
        <v>1.58</v>
      </c>
      <c r="AP73" s="17">
        <v>1.5806836244263431</v>
      </c>
      <c r="AQ73" s="17">
        <v>1.6106956441406071</v>
      </c>
      <c r="AR73" s="17">
        <v>1.655321054457813</v>
      </c>
      <c r="AS73" s="17">
        <v>1.6585076447312821</v>
      </c>
      <c r="AT73" s="17">
        <v>1.6487819293704928</v>
      </c>
      <c r="AU73" s="17">
        <v>1.6659151139000645</v>
      </c>
      <c r="AV73" s="17">
        <v>1.6317736580110125</v>
      </c>
      <c r="AW73" s="17">
        <v>1.6466678096451053</v>
      </c>
      <c r="AX73" s="17">
        <v>1.6910754315797882</v>
      </c>
      <c r="AY73" s="17">
        <v>1.6562024945042662</v>
      </c>
      <c r="AZ73" s="17">
        <v>1.6737596333622142</v>
      </c>
      <c r="BA73" s="17">
        <v>1.6878364121021991</v>
      </c>
      <c r="BB73" s="17">
        <v>1.6708743468078993</v>
      </c>
      <c r="BC73" s="17">
        <v>1.7002047199671453</v>
      </c>
      <c r="BD73" s="17">
        <v>1.7557202329378545</v>
      </c>
    </row>
    <row r="74" spans="3:56" x14ac:dyDescent="0.2">
      <c r="C74" s="16" t="s">
        <v>78</v>
      </c>
      <c r="D74" s="6" t="s">
        <v>58</v>
      </c>
      <c r="E74" s="17">
        <v>0.2594779297309317</v>
      </c>
      <c r="F74" s="17">
        <v>0.26563362413345992</v>
      </c>
      <c r="G74" s="17">
        <v>0.25988621533962974</v>
      </c>
      <c r="H74" s="17">
        <v>0.25665452743121042</v>
      </c>
      <c r="I74" s="17">
        <v>0.24867144278395908</v>
      </c>
      <c r="J74" s="17">
        <v>0.24654783366848246</v>
      </c>
      <c r="K74" s="17">
        <v>0.24859091412407766</v>
      </c>
      <c r="L74" s="17">
        <v>0.23952017636255643</v>
      </c>
      <c r="M74" s="17">
        <v>0.22670258336378193</v>
      </c>
      <c r="N74" s="17">
        <v>0.22746512915056796</v>
      </c>
      <c r="O74" s="17">
        <v>0.22739039045828813</v>
      </c>
      <c r="P74" s="17">
        <v>0.23651782901869076</v>
      </c>
      <c r="Q74" s="17">
        <v>0.23724778051143497</v>
      </c>
      <c r="R74" s="17">
        <v>0.23632177317287745</v>
      </c>
      <c r="S74" s="17">
        <v>0.25439064440164683</v>
      </c>
      <c r="T74" s="17">
        <v>0.30004571545224301</v>
      </c>
      <c r="U74" s="17">
        <v>0.29996526517219313</v>
      </c>
      <c r="V74" s="17">
        <v>0.29395041711962744</v>
      </c>
      <c r="W74" s="17">
        <v>0.31829771184719435</v>
      </c>
      <c r="X74" s="17">
        <v>0.32531687866627346</v>
      </c>
      <c r="Y74" s="17">
        <v>0.37</v>
      </c>
      <c r="Z74" s="17">
        <v>0.36657554915184148</v>
      </c>
      <c r="AA74" s="17">
        <v>0.42425734680970911</v>
      </c>
      <c r="AB74" s="17">
        <v>0.53392471858188706</v>
      </c>
      <c r="AC74" s="17">
        <v>0.42327812624934902</v>
      </c>
      <c r="AD74" s="17">
        <v>0.34612931230780353</v>
      </c>
      <c r="AE74" s="17">
        <v>0.34240897156935335</v>
      </c>
      <c r="AF74" s="17">
        <v>0.32534808428005374</v>
      </c>
      <c r="AG74" s="17">
        <v>0.28404214245469589</v>
      </c>
      <c r="AH74" s="17">
        <v>0.30615499294951753</v>
      </c>
      <c r="AI74" s="17">
        <v>0.27012556825262879</v>
      </c>
      <c r="AJ74" s="17">
        <v>0.26268525521832387</v>
      </c>
      <c r="AK74" s="17">
        <v>0.26348819713500948</v>
      </c>
      <c r="AL74" s="17">
        <v>0.2557203269789709</v>
      </c>
      <c r="AM74" s="17">
        <v>0.26668760228013172</v>
      </c>
      <c r="AN74" s="17">
        <v>0.26691888708730643</v>
      </c>
      <c r="AO74" s="17">
        <v>0.26</v>
      </c>
      <c r="AP74" s="17">
        <v>0.26144781109797327</v>
      </c>
      <c r="AQ74" s="17">
        <v>0.26316265911525799</v>
      </c>
      <c r="AR74" s="17">
        <v>0.25496494953530974</v>
      </c>
      <c r="AS74" s="17">
        <v>0.27276420947490143</v>
      </c>
      <c r="AT74" s="17">
        <v>0.27243462351187503</v>
      </c>
      <c r="AU74" s="17">
        <v>0.27535316438374263</v>
      </c>
      <c r="AV74" s="17">
        <v>0.27232941945461209</v>
      </c>
      <c r="AW74" s="17">
        <v>0.2718423856420536</v>
      </c>
      <c r="AX74" s="17">
        <v>0.28647484484036051</v>
      </c>
      <c r="AY74" s="17">
        <v>0.27886783405340582</v>
      </c>
      <c r="AZ74" s="17">
        <v>0.26920503393355455</v>
      </c>
      <c r="BA74" s="17">
        <v>0.26881044169283336</v>
      </c>
      <c r="BB74" s="17">
        <v>0.2671942099723299</v>
      </c>
      <c r="BC74" s="17">
        <v>0.27289649950103956</v>
      </c>
      <c r="BD74" s="17">
        <v>0.27448368559471015</v>
      </c>
    </row>
    <row r="75" spans="3:56" x14ac:dyDescent="0.2">
      <c r="C75" s="16" t="s">
        <v>79</v>
      </c>
      <c r="D75" s="6" t="s">
        <v>58</v>
      </c>
      <c r="E75" s="17">
        <v>0.78471338659341228</v>
      </c>
      <c r="F75" s="17">
        <v>0.79433600661079973</v>
      </c>
      <c r="G75" s="17">
        <v>0.72806049865310996</v>
      </c>
      <c r="H75" s="17">
        <v>0.60334957044740822</v>
      </c>
      <c r="I75" s="17">
        <v>0.57914480624900921</v>
      </c>
      <c r="J75" s="17">
        <v>0.56749612340318767</v>
      </c>
      <c r="K75" s="17">
        <v>0.56419008827147954</v>
      </c>
      <c r="L75" s="17">
        <v>0.54842322723609993</v>
      </c>
      <c r="M75" s="17">
        <v>0.50025324433554308</v>
      </c>
      <c r="N75" s="17">
        <v>0.4900366725911306</v>
      </c>
      <c r="O75" s="17">
        <v>0.46800997397132671</v>
      </c>
      <c r="P75" s="17">
        <v>0.47410378952213533</v>
      </c>
      <c r="Q75" s="17">
        <v>0.49720473617597449</v>
      </c>
      <c r="R75" s="17">
        <v>0.50430470773426561</v>
      </c>
      <c r="S75" s="17">
        <v>0.55971048608079788</v>
      </c>
      <c r="T75" s="17">
        <v>0.57135755243681019</v>
      </c>
      <c r="U75" s="17">
        <v>0.56895727722014777</v>
      </c>
      <c r="V75" s="17">
        <v>0.55958015993210564</v>
      </c>
      <c r="W75" s="17">
        <v>0.68495602952865386</v>
      </c>
      <c r="X75" s="17">
        <v>0.72747010160480996</v>
      </c>
      <c r="Y75" s="17">
        <v>0.67616439442628784</v>
      </c>
      <c r="Z75" s="17">
        <v>0.65697906718786148</v>
      </c>
      <c r="AA75" s="17">
        <v>0.68289418885342157</v>
      </c>
      <c r="AB75" s="17">
        <v>0.93798516222667894</v>
      </c>
      <c r="AC75" s="17">
        <v>0.75661771224428087</v>
      </c>
      <c r="AD75" s="17">
        <v>0.60547683024720744</v>
      </c>
      <c r="AE75" s="17">
        <v>0.58195938320097429</v>
      </c>
      <c r="AF75" s="17">
        <v>0.56387242424991268</v>
      </c>
      <c r="AG75" s="17">
        <v>0.54744968171745534</v>
      </c>
      <c r="AH75" s="17">
        <v>0.52186235739713238</v>
      </c>
      <c r="AI75" s="17">
        <v>0.52737278511206898</v>
      </c>
      <c r="AJ75" s="17">
        <v>0.50245967155651095</v>
      </c>
      <c r="AK75" s="17">
        <v>0.51943358498265657</v>
      </c>
      <c r="AL75" s="17">
        <v>0.48503997167197815</v>
      </c>
      <c r="AM75" s="17">
        <v>0.47802683146243208</v>
      </c>
      <c r="AN75" s="17">
        <v>0.47146793388486746</v>
      </c>
      <c r="AO75" s="17">
        <v>0.48</v>
      </c>
      <c r="AP75" s="17">
        <v>0.48994950921897173</v>
      </c>
      <c r="AQ75" s="17">
        <v>0.47678164203527179</v>
      </c>
      <c r="AR75" s="17">
        <v>0.47453414649212955</v>
      </c>
      <c r="AS75" s="17">
        <v>0.59052373432419869</v>
      </c>
      <c r="AT75" s="17">
        <v>0.58655516040186007</v>
      </c>
      <c r="AU75" s="17">
        <v>0.57205896716060578</v>
      </c>
      <c r="AV75" s="17">
        <v>0.57553559444244151</v>
      </c>
      <c r="AW75" s="17">
        <v>0.58590711941871598</v>
      </c>
      <c r="AX75" s="17">
        <v>0.57394195496457923</v>
      </c>
      <c r="AY75" s="17">
        <v>0.57900375999576337</v>
      </c>
      <c r="AZ75" s="17">
        <v>0.57923868015097513</v>
      </c>
      <c r="BA75" s="17">
        <v>0.57769296052090047</v>
      </c>
      <c r="BB75" s="17">
        <v>0.69496485709759914</v>
      </c>
      <c r="BC75" s="17">
        <v>0.88274120137817724</v>
      </c>
      <c r="BD75" s="17">
        <v>0.94592335559531604</v>
      </c>
    </row>
    <row r="76" spans="3:56" x14ac:dyDescent="0.2">
      <c r="C76" s="16" t="s">
        <v>80</v>
      </c>
      <c r="D76" s="6" t="s">
        <v>58</v>
      </c>
      <c r="E76" s="17">
        <v>0.93176263179515273</v>
      </c>
      <c r="F76" s="17">
        <v>1.1554927028715289</v>
      </c>
      <c r="G76" s="17">
        <v>1.3627842233332479</v>
      </c>
      <c r="H76" s="17">
        <v>0.99293025986444294</v>
      </c>
      <c r="I76" s="17">
        <v>0.83725154613781261</v>
      </c>
      <c r="J76" s="17">
        <v>0.78790025706327205</v>
      </c>
      <c r="K76" s="17">
        <v>0.7418795569306208</v>
      </c>
      <c r="L76" s="17">
        <v>0.7426423741848297</v>
      </c>
      <c r="M76" s="17">
        <v>0.98489438829753151</v>
      </c>
      <c r="N76" s="17">
        <v>1.1128161196839323</v>
      </c>
      <c r="O76" s="17">
        <v>1.1144632933280723</v>
      </c>
      <c r="P76" s="17">
        <v>0.75399339571392821</v>
      </c>
      <c r="Q76" s="17">
        <v>0.68379471375633361</v>
      </c>
      <c r="R76" s="17">
        <v>0.63738331051405606</v>
      </c>
      <c r="S76" s="17">
        <v>0.6010628438480855</v>
      </c>
      <c r="T76" s="17">
        <v>0.59890487273385329</v>
      </c>
      <c r="U76" s="17">
        <v>0.73205142370235365</v>
      </c>
      <c r="V76" s="17">
        <v>0.70374452324420511</v>
      </c>
      <c r="W76" s="17">
        <v>0.58059198520192168</v>
      </c>
      <c r="X76" s="17">
        <v>0.55874403272577333</v>
      </c>
      <c r="Y76" s="17">
        <v>0.56816981358103191</v>
      </c>
      <c r="Z76" s="17">
        <v>0.53303237049508978</v>
      </c>
      <c r="AA76" s="17">
        <v>0.52476474835964237</v>
      </c>
      <c r="AB76" s="17">
        <v>1.3295117596376025</v>
      </c>
      <c r="AC76" s="17">
        <v>0.63837721419446103</v>
      </c>
      <c r="AD76" s="17">
        <v>0.54193327080110054</v>
      </c>
      <c r="AE76" s="17">
        <v>0.48873870510624867</v>
      </c>
      <c r="AF76" s="17">
        <v>0.42648315999613612</v>
      </c>
      <c r="AG76" s="17">
        <v>0.48975365947065325</v>
      </c>
      <c r="AH76" s="17">
        <v>0.4888588190172044</v>
      </c>
      <c r="AI76" s="17">
        <v>0.46760936095701489</v>
      </c>
      <c r="AJ76" s="17">
        <v>0.4399462385179968</v>
      </c>
      <c r="AK76" s="17">
        <v>0.41272730061663382</v>
      </c>
      <c r="AL76" s="17">
        <v>0.41998511354411627</v>
      </c>
      <c r="AM76" s="17">
        <v>0.63907381222688475</v>
      </c>
      <c r="AN76" s="17">
        <v>0.80522825497663997</v>
      </c>
      <c r="AO76" s="17">
        <v>0.57999999999999996</v>
      </c>
      <c r="AP76" s="17">
        <v>0.56575014868843121</v>
      </c>
      <c r="AQ76" s="17">
        <v>0.64302666579022327</v>
      </c>
      <c r="AR76" s="17">
        <v>0.68545862024545623</v>
      </c>
      <c r="AS76" s="17">
        <v>1.0045940100257005</v>
      </c>
      <c r="AT76" s="17">
        <v>0.82063396899332053</v>
      </c>
      <c r="AU76" s="17">
        <v>0.62883174199801095</v>
      </c>
      <c r="AV76" s="17">
        <v>0.63666441793864947</v>
      </c>
      <c r="AW76" s="17">
        <v>0.80234267884513533</v>
      </c>
      <c r="AX76" s="17">
        <v>0.6879207017848612</v>
      </c>
      <c r="AY76" s="17">
        <v>0.85959547828596594</v>
      </c>
      <c r="AZ76" s="17">
        <v>0.87541761452227351</v>
      </c>
      <c r="BA76" s="17">
        <v>1.0638322542622607</v>
      </c>
      <c r="BB76" s="17">
        <v>1.23652511673052</v>
      </c>
      <c r="BC76" s="17">
        <v>1.6802551798589653</v>
      </c>
      <c r="BD76" s="17">
        <v>1.6270842295054961</v>
      </c>
    </row>
    <row r="77" spans="3:56" x14ac:dyDescent="0.2">
      <c r="C77" s="16" t="s">
        <v>81</v>
      </c>
      <c r="D77" s="6" t="s">
        <v>58</v>
      </c>
      <c r="E77" s="17">
        <v>0.23084520312059534</v>
      </c>
      <c r="F77" s="17">
        <v>0.22125314968083024</v>
      </c>
      <c r="G77" s="17">
        <v>0.21926325804652444</v>
      </c>
      <c r="H77" s="17">
        <v>0.21604213379478435</v>
      </c>
      <c r="I77" s="17">
        <v>0.21105809626427147</v>
      </c>
      <c r="J77" s="17">
        <v>0.20465025446364779</v>
      </c>
      <c r="K77" s="17">
        <v>0.21504818942385012</v>
      </c>
      <c r="L77" s="17">
        <v>0.19354668157332072</v>
      </c>
      <c r="M77" s="17">
        <v>0.20776093292097988</v>
      </c>
      <c r="N77" s="17">
        <v>0.18642673375611882</v>
      </c>
      <c r="O77" s="17">
        <v>0.20120556553405919</v>
      </c>
      <c r="P77" s="17">
        <v>0.19637168938982855</v>
      </c>
      <c r="Q77" s="17">
        <v>0.19006971777608242</v>
      </c>
      <c r="R77" s="17">
        <v>0.19317901463291562</v>
      </c>
      <c r="S77" s="17">
        <v>0.24387283656112008</v>
      </c>
      <c r="T77" s="17">
        <v>0.31444298477126925</v>
      </c>
      <c r="U77" s="17">
        <v>0.32391695769530904</v>
      </c>
      <c r="V77" s="17">
        <v>0.33952331917206752</v>
      </c>
      <c r="W77" s="17">
        <v>0.33097652429157381</v>
      </c>
      <c r="X77" s="17">
        <v>0.32711419098211042</v>
      </c>
      <c r="Y77" s="17">
        <v>0.31596162429179103</v>
      </c>
      <c r="Z77" s="17">
        <v>0.32737729467305648</v>
      </c>
      <c r="AA77" s="17">
        <v>0.31466439198134027</v>
      </c>
      <c r="AB77" s="17">
        <v>0.3650567097904997</v>
      </c>
      <c r="AC77" s="17">
        <v>0.30500728748845729</v>
      </c>
      <c r="AD77" s="17">
        <v>0.29469840104233114</v>
      </c>
      <c r="AE77" s="17">
        <v>0.27304136873062484</v>
      </c>
      <c r="AF77" s="17">
        <v>0.2782864517984755</v>
      </c>
      <c r="AG77" s="17">
        <v>0.25133473705040088</v>
      </c>
      <c r="AH77" s="17">
        <v>0.25392097539252528</v>
      </c>
      <c r="AI77" s="17">
        <v>0.25863986149600054</v>
      </c>
      <c r="AJ77" s="17">
        <v>0.24367117214412756</v>
      </c>
      <c r="AK77" s="17">
        <v>0.2560237414461406</v>
      </c>
      <c r="AL77" s="17">
        <v>0.28211037509683429</v>
      </c>
      <c r="AM77" s="17">
        <v>0.28260302814334448</v>
      </c>
      <c r="AN77" s="17">
        <v>0.28466599481881338</v>
      </c>
      <c r="AO77" s="17">
        <v>0.28999999999999998</v>
      </c>
      <c r="AP77" s="17">
        <v>0.28224752584197027</v>
      </c>
      <c r="AQ77" s="17">
        <v>0.2777083477505059</v>
      </c>
      <c r="AR77" s="17">
        <v>0.27779831048495812</v>
      </c>
      <c r="AS77" s="17">
        <v>0.26498088938355296</v>
      </c>
      <c r="AT77" s="17">
        <v>0.26549178304727056</v>
      </c>
      <c r="AU77" s="17">
        <v>0.27973288479401504</v>
      </c>
      <c r="AV77" s="17">
        <v>0.27317104505408252</v>
      </c>
      <c r="AW77" s="17">
        <v>0.27093943232534501</v>
      </c>
      <c r="AX77" s="17">
        <v>0.25407137787142253</v>
      </c>
      <c r="AY77" s="17">
        <v>0.25704388138964024</v>
      </c>
      <c r="AZ77" s="17">
        <v>0.23307254659154233</v>
      </c>
      <c r="BA77" s="17">
        <v>0.24315281079104403</v>
      </c>
      <c r="BB77" s="17">
        <v>0.23625572444764317</v>
      </c>
      <c r="BC77" s="17">
        <v>0.2254516025069353</v>
      </c>
      <c r="BD77" s="17">
        <v>0.22572017034530495</v>
      </c>
    </row>
    <row r="78" spans="3:56" x14ac:dyDescent="0.2">
      <c r="C78" s="16" t="s">
        <v>82</v>
      </c>
      <c r="D78" s="6" t="s">
        <v>58</v>
      </c>
      <c r="E78" s="17">
        <v>2.0027347343954287</v>
      </c>
      <c r="F78" s="17">
        <v>2.1880290829761071</v>
      </c>
      <c r="G78" s="17">
        <v>2.4989060134465335</v>
      </c>
      <c r="H78" s="17">
        <v>2.1263530767800707</v>
      </c>
      <c r="I78" s="17">
        <v>1.8722918348307798</v>
      </c>
      <c r="J78" s="17">
        <v>1.9124685886382313</v>
      </c>
      <c r="K78" s="17">
        <v>1.9708606154399679</v>
      </c>
      <c r="L78" s="17">
        <v>2.1253318965296848</v>
      </c>
      <c r="M78" s="17">
        <v>1.97839939760087</v>
      </c>
      <c r="N78" s="17">
        <v>1.8891378884859162</v>
      </c>
      <c r="O78" s="17">
        <v>2.3648798085187979</v>
      </c>
      <c r="P78" s="17">
        <v>2.3606429369408275</v>
      </c>
      <c r="Q78" s="17">
        <v>2.011367308842972</v>
      </c>
      <c r="R78" s="17">
        <v>2.1372883330592587</v>
      </c>
      <c r="S78" s="17">
        <v>2.3630133886229787</v>
      </c>
      <c r="T78" s="17">
        <v>2.4925750983394521</v>
      </c>
      <c r="U78" s="17">
        <v>2.471625298768156</v>
      </c>
      <c r="V78" s="17">
        <v>2.2985868093311872</v>
      </c>
      <c r="W78" s="17">
        <v>2.0130528333904061</v>
      </c>
      <c r="X78" s="17">
        <v>1.9573206567347936</v>
      </c>
      <c r="Y78" s="17">
        <v>1.9421301916058982</v>
      </c>
      <c r="Z78" s="17">
        <v>1.7994215636280011</v>
      </c>
      <c r="AA78" s="17">
        <v>1.911770429766517</v>
      </c>
      <c r="AB78" s="17">
        <v>2.034843584543256</v>
      </c>
      <c r="AC78" s="17">
        <v>1.7225020724968294</v>
      </c>
      <c r="AD78" s="17">
        <v>1.5672838403141434</v>
      </c>
      <c r="AE78" s="17">
        <v>1.5858708744561179</v>
      </c>
      <c r="AF78" s="17">
        <v>2.2042501974929571</v>
      </c>
      <c r="AG78" s="17">
        <v>2.7936156945849189</v>
      </c>
      <c r="AH78" s="17">
        <v>2.6720763611527669</v>
      </c>
      <c r="AI78" s="17">
        <v>2.8174674820690377</v>
      </c>
      <c r="AJ78" s="17">
        <v>2.5100565457897974</v>
      </c>
      <c r="AK78" s="17">
        <v>2.0971336836328542</v>
      </c>
      <c r="AL78" s="17">
        <v>1.8773033861832358</v>
      </c>
      <c r="AM78" s="17">
        <v>1.9235558003035471</v>
      </c>
      <c r="AN78" s="17">
        <v>1.8518444536656793</v>
      </c>
      <c r="AO78" s="17">
        <v>1.9</v>
      </c>
      <c r="AP78" s="17">
        <v>1.9188491163308656</v>
      </c>
      <c r="AQ78" s="17">
        <v>1.8419982089733471</v>
      </c>
      <c r="AR78" s="17">
        <v>1.6544519795871415</v>
      </c>
      <c r="AS78" s="17">
        <v>1.8781929549913077</v>
      </c>
      <c r="AT78" s="17">
        <v>1.987852900559657</v>
      </c>
      <c r="AU78" s="17">
        <v>1.9922620075965278</v>
      </c>
      <c r="AV78" s="17">
        <v>1.8361292666028393</v>
      </c>
      <c r="AW78" s="17">
        <v>1.7347731876562367</v>
      </c>
      <c r="AX78" s="17">
        <v>2.0426026176702869</v>
      </c>
      <c r="AY78" s="17">
        <v>1.8520490927568205</v>
      </c>
      <c r="AZ78" s="17">
        <v>1.7771835760924157</v>
      </c>
      <c r="BA78" s="17">
        <v>1.736771388812709</v>
      </c>
      <c r="BB78" s="17">
        <v>1.761733051724055</v>
      </c>
      <c r="BC78" s="17">
        <v>2.2424035962012399</v>
      </c>
      <c r="BD78" s="17">
        <v>2.3187712442533002</v>
      </c>
    </row>
    <row r="79" spans="3:56" x14ac:dyDescent="0.2">
      <c r="C79" s="16" t="s">
        <v>84</v>
      </c>
      <c r="D79" s="6" t="s">
        <v>85</v>
      </c>
      <c r="E79" s="17">
        <v>0.5609991518507258</v>
      </c>
      <c r="F79" s="17">
        <v>0.49443999822201762</v>
      </c>
      <c r="G79" s="17">
        <v>0.46760131016591228</v>
      </c>
      <c r="H79" s="17">
        <v>0.42234915304189513</v>
      </c>
      <c r="I79" s="17">
        <v>0.39727758759645387</v>
      </c>
      <c r="J79" s="17">
        <v>0.39611456643675796</v>
      </c>
      <c r="K79" s="17">
        <v>0.39907238523498212</v>
      </c>
      <c r="L79" s="17">
        <v>0.40943166660541375</v>
      </c>
      <c r="M79" s="17">
        <v>0.39571838474466881</v>
      </c>
      <c r="N79" s="17">
        <v>0.39726306305973208</v>
      </c>
      <c r="O79" s="17">
        <v>0.35250812958864747</v>
      </c>
      <c r="P79" s="17">
        <v>0.36434545662750101</v>
      </c>
      <c r="Q79" s="17">
        <v>0.40766482529156717</v>
      </c>
      <c r="R79" s="17">
        <v>0.40419269611648001</v>
      </c>
      <c r="S79" s="17">
        <v>0.38899998127890073</v>
      </c>
      <c r="T79" s="17">
        <v>0.39329987837668767</v>
      </c>
      <c r="U79" s="17">
        <v>0.37852432554429166</v>
      </c>
      <c r="V79" s="17">
        <v>0.39776812082388369</v>
      </c>
      <c r="W79" s="17">
        <v>0.41295126347938294</v>
      </c>
      <c r="X79" s="17">
        <v>0.40137012968051933</v>
      </c>
      <c r="Y79" s="17">
        <v>0.41387705166467192</v>
      </c>
      <c r="Z79" s="17">
        <v>0.42151686232289592</v>
      </c>
      <c r="AA79" s="17">
        <v>0.43057423047797638</v>
      </c>
      <c r="AB79" s="17">
        <v>0.56351857951425322</v>
      </c>
      <c r="AC79" s="17">
        <v>0.50659489077637387</v>
      </c>
      <c r="AD79" s="17">
        <v>0.49690065138577033</v>
      </c>
      <c r="AE79" s="17">
        <v>0.42710562217569964</v>
      </c>
      <c r="AF79" s="17">
        <v>0.43867783781666853</v>
      </c>
      <c r="AG79" s="17">
        <v>0.41591626470744825</v>
      </c>
      <c r="AH79" s="17">
        <v>0.41279727227360929</v>
      </c>
      <c r="AI79" s="17">
        <v>0.40209563422533295</v>
      </c>
      <c r="AJ79" s="17">
        <v>0.41064547106210891</v>
      </c>
      <c r="AK79" s="17">
        <v>0.4010064722843284</v>
      </c>
      <c r="AL79" s="17">
        <v>0.38998900966614358</v>
      </c>
      <c r="AM79" s="17">
        <v>0.41082594822952273</v>
      </c>
      <c r="AN79" s="17">
        <v>0.41656786497999232</v>
      </c>
      <c r="AO79" s="17">
        <v>0.43</v>
      </c>
      <c r="AP79" s="17">
        <v>0.43985457250423093</v>
      </c>
      <c r="AQ79" s="17">
        <v>0.43177963555689081</v>
      </c>
      <c r="AR79" s="17">
        <v>0.42504774561277175</v>
      </c>
      <c r="AS79" s="17">
        <v>0.43175497128703094</v>
      </c>
      <c r="AT79" s="17">
        <v>0.44487363240504224</v>
      </c>
      <c r="AU79" s="17">
        <v>0.43903169631246258</v>
      </c>
      <c r="AV79" s="17">
        <v>0.45915373604881449</v>
      </c>
      <c r="AW79" s="17">
        <v>0.45550399246922041</v>
      </c>
      <c r="AX79" s="17">
        <v>0.47621874620602134</v>
      </c>
      <c r="AY79" s="17">
        <v>0.48573023730698062</v>
      </c>
      <c r="AZ79" s="17">
        <v>0.50954146472281026</v>
      </c>
      <c r="BA79" s="17">
        <v>0.51830499725242696</v>
      </c>
      <c r="BB79" s="17">
        <v>0.55419485854465755</v>
      </c>
      <c r="BC79" s="17">
        <v>0.5318886496568479</v>
      </c>
      <c r="BD79" s="17">
        <v>0.54137682382695063</v>
      </c>
    </row>
    <row r="80" spans="3:56" x14ac:dyDescent="0.2">
      <c r="C80" s="16" t="s">
        <v>86</v>
      </c>
      <c r="D80" s="6" t="s">
        <v>58</v>
      </c>
      <c r="E80" s="17">
        <v>1.1575082165983641</v>
      </c>
      <c r="F80" s="17">
        <v>0.98444227081257174</v>
      </c>
      <c r="G80" s="17">
        <v>1.0118576973194775</v>
      </c>
      <c r="H80" s="17">
        <v>1.0227738977286531</v>
      </c>
      <c r="I80" s="17">
        <v>0.94941491489644014</v>
      </c>
      <c r="J80" s="17">
        <v>0.94818314984541208</v>
      </c>
      <c r="K80" s="17">
        <v>0.98481707278106889</v>
      </c>
      <c r="L80" s="17">
        <v>1.245654848076585</v>
      </c>
      <c r="M80" s="17">
        <v>1.4700987466160318</v>
      </c>
      <c r="N80" s="17">
        <v>1.5591436403436909</v>
      </c>
      <c r="O80" s="17">
        <v>1.7227939540526913</v>
      </c>
      <c r="P80" s="17">
        <v>1.777722200977268</v>
      </c>
      <c r="Q80" s="17">
        <v>1.8119445758472654</v>
      </c>
      <c r="R80" s="17">
        <v>1.7485870016261986</v>
      </c>
      <c r="S80" s="17">
        <v>1.9626302662132229</v>
      </c>
      <c r="T80" s="17">
        <v>1.9624995517080612</v>
      </c>
      <c r="U80" s="17">
        <v>1.528984375843305</v>
      </c>
      <c r="V80" s="17">
        <v>1.3916476487403402</v>
      </c>
      <c r="W80" s="17">
        <v>1.1695014815112048</v>
      </c>
      <c r="X80" s="17">
        <v>1.0227071424701684</v>
      </c>
      <c r="Y80" s="17">
        <v>0.88260629671718349</v>
      </c>
      <c r="Z80" s="17">
        <v>0.82112425722846882</v>
      </c>
      <c r="AA80" s="17">
        <v>0.78844933984005838</v>
      </c>
      <c r="AB80" s="17">
        <v>0.95033515447989392</v>
      </c>
      <c r="AC80" s="17">
        <v>1.0503092628772401</v>
      </c>
      <c r="AD80" s="17">
        <v>0.83200024975308506</v>
      </c>
      <c r="AE80" s="17">
        <v>1.0028109224712645</v>
      </c>
      <c r="AF80" s="17">
        <v>1.0047944857157103</v>
      </c>
      <c r="AG80" s="17">
        <v>0.89562076015584835</v>
      </c>
      <c r="AH80" s="17">
        <v>0.86841677083395052</v>
      </c>
      <c r="AI80" s="17">
        <v>0.79390948773132375</v>
      </c>
      <c r="AJ80" s="17">
        <v>0.82271267213452981</v>
      </c>
      <c r="AK80" s="17">
        <v>0.8292703918994937</v>
      </c>
      <c r="AL80" s="17">
        <v>0.87164399677209203</v>
      </c>
      <c r="AM80" s="17">
        <v>0.76530242433219764</v>
      </c>
      <c r="AN80" s="17">
        <v>0.77558741096248018</v>
      </c>
      <c r="AO80" s="17">
        <v>0.69</v>
      </c>
      <c r="AP80" s="17">
        <v>0.71777443933240614</v>
      </c>
      <c r="AQ80" s="17">
        <v>0.73700279436957328</v>
      </c>
      <c r="AR80" s="17">
        <v>0.73845521647253054</v>
      </c>
      <c r="AS80" s="17">
        <v>1.0799428173122847</v>
      </c>
      <c r="AT80" s="17">
        <v>1.133347173029768</v>
      </c>
      <c r="AU80" s="17">
        <v>1.101934824827977</v>
      </c>
      <c r="AV80" s="17">
        <v>1.0507030944075113</v>
      </c>
      <c r="AW80" s="17">
        <v>1.0781795461842061</v>
      </c>
      <c r="AX80" s="17">
        <v>1.0104967596204488</v>
      </c>
      <c r="AY80" s="17">
        <v>0.93653181433939103</v>
      </c>
      <c r="AZ80" s="17">
        <v>1.1238614016544577</v>
      </c>
      <c r="BA80" s="17">
        <v>1.4452175520194082</v>
      </c>
      <c r="BB80" s="17">
        <v>1.7744652285288327</v>
      </c>
      <c r="BC80" s="17">
        <v>1.7161774495766129</v>
      </c>
      <c r="BD80" s="17">
        <v>1.5822997254804092</v>
      </c>
    </row>
    <row r="81" spans="3:56" x14ac:dyDescent="0.2">
      <c r="C81" s="16" t="s">
        <v>104</v>
      </c>
      <c r="D81" s="6" t="s">
        <v>58</v>
      </c>
      <c r="E81" s="17">
        <v>1.0098319452027382</v>
      </c>
      <c r="F81" s="17">
        <v>0.8382866438143155</v>
      </c>
      <c r="G81" s="17">
        <v>0.91160957564731127</v>
      </c>
      <c r="H81" s="17">
        <v>0.78676390813568697</v>
      </c>
      <c r="I81" s="17">
        <v>0.73094621249592839</v>
      </c>
      <c r="J81" s="17">
        <v>0.74852032514523048</v>
      </c>
      <c r="K81" s="17">
        <v>0.75491718693309418</v>
      </c>
      <c r="L81" s="17">
        <v>0.89287664046489146</v>
      </c>
      <c r="M81" s="17">
        <v>0.87684794333302762</v>
      </c>
      <c r="N81" s="17">
        <v>0.97551415011425546</v>
      </c>
      <c r="O81" s="17">
        <v>0.89676187158264076</v>
      </c>
      <c r="P81" s="17">
        <v>0.83277379485707603</v>
      </c>
      <c r="Q81" s="17">
        <v>0.78695192529513835</v>
      </c>
      <c r="R81" s="17">
        <v>0.78492956355265409</v>
      </c>
      <c r="S81" s="17">
        <v>0.87444455303119917</v>
      </c>
      <c r="T81" s="17">
        <v>1.081462003270244</v>
      </c>
      <c r="U81" s="17">
        <v>1.0624399562722717</v>
      </c>
      <c r="V81" s="17">
        <v>1.0409480244804636</v>
      </c>
      <c r="W81" s="17">
        <v>0.88100348202248291</v>
      </c>
      <c r="X81" s="17">
        <v>0.96656123626471224</v>
      </c>
      <c r="Y81" s="17">
        <v>0.90773630885184542</v>
      </c>
      <c r="Z81" s="17">
        <v>0.86293268313775973</v>
      </c>
      <c r="AA81" s="17">
        <v>0.86521576732912808</v>
      </c>
      <c r="AB81" s="17">
        <v>1.1182191094790237</v>
      </c>
      <c r="AC81" s="17">
        <v>0.91903398069399866</v>
      </c>
      <c r="AD81" s="17">
        <v>0.79291355273527719</v>
      </c>
      <c r="AE81" s="17">
        <v>0.80326070937381133</v>
      </c>
      <c r="AF81" s="17">
        <v>0.93379548676659208</v>
      </c>
      <c r="AG81" s="17">
        <v>0.95604515008819024</v>
      </c>
      <c r="AH81" s="17">
        <v>0.93947350112859851</v>
      </c>
      <c r="AI81" s="17">
        <v>0.93467586016000448</v>
      </c>
      <c r="AJ81" s="17">
        <v>0.96227838671548416</v>
      </c>
      <c r="AK81" s="17">
        <v>0.92286429848735674</v>
      </c>
      <c r="AL81" s="17">
        <v>0.79147983531445054</v>
      </c>
      <c r="AM81" s="17">
        <v>0.76334543288274526</v>
      </c>
      <c r="AN81" s="17">
        <v>0.79386250821167592</v>
      </c>
      <c r="AO81" s="17">
        <v>0.8</v>
      </c>
      <c r="AP81" s="17">
        <v>0.94610433095912605</v>
      </c>
      <c r="AQ81" s="17">
        <v>0.98041306770546133</v>
      </c>
      <c r="AR81" s="17">
        <v>0.98975949406255792</v>
      </c>
      <c r="AS81" s="17">
        <v>1.2697459837163387</v>
      </c>
      <c r="AT81" s="17">
        <v>1.3075529995073811</v>
      </c>
      <c r="AU81" s="17">
        <v>0.95394008884836956</v>
      </c>
      <c r="AV81" s="17">
        <v>0.87717307965355662</v>
      </c>
      <c r="AW81" s="17">
        <v>0.89849694964917404</v>
      </c>
      <c r="AX81" s="17">
        <v>1.1467686567940445</v>
      </c>
      <c r="AY81" s="17">
        <v>1.2100692200670853</v>
      </c>
      <c r="AZ81" s="17">
        <v>1.2048732447341195</v>
      </c>
      <c r="BA81" s="17">
        <v>1.2399455556666585</v>
      </c>
      <c r="BB81" s="17">
        <v>1.2751079733532513</v>
      </c>
      <c r="BC81" s="17">
        <v>1.2113573559801489</v>
      </c>
      <c r="BD81" s="17">
        <v>1.187672886960685</v>
      </c>
    </row>
    <row r="82" spans="3:56" x14ac:dyDescent="0.2">
      <c r="C82" s="16" t="s">
        <v>87</v>
      </c>
      <c r="D82" s="6" t="s">
        <v>58</v>
      </c>
      <c r="E82" s="17">
        <v>0.39783635623251679</v>
      </c>
      <c r="F82" s="17">
        <v>0.39991271597341327</v>
      </c>
      <c r="G82" s="17">
        <v>0.40622021132230413</v>
      </c>
      <c r="H82" s="17">
        <v>0.40332895290020815</v>
      </c>
      <c r="I82" s="17">
        <v>0.39605117742435914</v>
      </c>
      <c r="J82" s="17">
        <v>0.39682300513862928</v>
      </c>
      <c r="K82" s="17">
        <v>0.39599081702999189</v>
      </c>
      <c r="L82" s="17">
        <v>0.39603006354352277</v>
      </c>
      <c r="M82" s="17">
        <v>0.40096158160943124</v>
      </c>
      <c r="N82" s="17">
        <v>0.39387127275233796</v>
      </c>
      <c r="O82" s="17">
        <v>0.39636443327607412</v>
      </c>
      <c r="P82" s="17">
        <v>0.38882798663886836</v>
      </c>
      <c r="Q82" s="17">
        <v>0.39328537891386844</v>
      </c>
      <c r="R82" s="17">
        <v>0.39270337994081023</v>
      </c>
      <c r="S82" s="17">
        <v>0.39425082059137817</v>
      </c>
      <c r="T82" s="17">
        <v>0.40532692998876219</v>
      </c>
      <c r="U82" s="17">
        <v>0.40579683027254165</v>
      </c>
      <c r="V82" s="17">
        <v>0.40449042415697334</v>
      </c>
      <c r="W82" s="17">
        <v>0.40571729861497868</v>
      </c>
      <c r="X82" s="17">
        <v>0.40301201846057366</v>
      </c>
      <c r="Y82" s="17">
        <v>0.40927836935749179</v>
      </c>
      <c r="Z82" s="17">
        <v>0.40593112724788716</v>
      </c>
      <c r="AA82" s="17">
        <v>0.5299200218136253</v>
      </c>
      <c r="AB82" s="17">
        <v>0.58315546240885296</v>
      </c>
      <c r="AC82" s="17">
        <v>0.58067954053687065</v>
      </c>
      <c r="AD82" s="17">
        <v>0.56049058849463562</v>
      </c>
      <c r="AE82" s="17">
        <v>0.56394729783950059</v>
      </c>
      <c r="AF82" s="17">
        <v>0.55862742200383553</v>
      </c>
      <c r="AG82" s="17">
        <v>0.55860899779622941</v>
      </c>
      <c r="AH82" s="17">
        <v>0.55410702969184822</v>
      </c>
      <c r="AI82" s="17">
        <v>0.56939625362550317</v>
      </c>
      <c r="AJ82" s="17">
        <v>0.55968885999563722</v>
      </c>
      <c r="AK82" s="17">
        <v>0.55136873163556965</v>
      </c>
      <c r="AL82" s="17">
        <v>0.56235494867899349</v>
      </c>
      <c r="AM82" s="17">
        <v>0.57396631640987672</v>
      </c>
      <c r="AN82" s="17">
        <v>0.56931931297219274</v>
      </c>
      <c r="AO82" s="17">
        <v>0.57999999999999996</v>
      </c>
      <c r="AP82" s="17">
        <v>0.56693543569560301</v>
      </c>
      <c r="AQ82" s="17">
        <v>0.58442039343076058</v>
      </c>
      <c r="AR82" s="17">
        <v>0.55543895704161572</v>
      </c>
      <c r="AS82" s="17">
        <v>0.56479357847953149</v>
      </c>
      <c r="AT82" s="17">
        <v>0.55587108421834353</v>
      </c>
      <c r="AU82" s="17">
        <v>0.55427738830240003</v>
      </c>
      <c r="AV82" s="17">
        <v>0.55865659647509425</v>
      </c>
      <c r="AW82" s="17">
        <v>0.56504597606136753</v>
      </c>
      <c r="AX82" s="17">
        <v>0.55959163024871617</v>
      </c>
      <c r="AY82" s="17">
        <v>0.55782912333192558</v>
      </c>
      <c r="AZ82" s="17">
        <v>0.55826235473211294</v>
      </c>
      <c r="BA82" s="17">
        <v>0.56524352706334191</v>
      </c>
      <c r="BB82" s="17">
        <v>0.56160817149073528</v>
      </c>
      <c r="BC82" s="17">
        <v>0.54994193998629526</v>
      </c>
      <c r="BD82" s="17">
        <v>0.56068988858673185</v>
      </c>
    </row>
    <row r="83" spans="3:56" x14ac:dyDescent="0.2">
      <c r="C83" s="16" t="s">
        <v>88</v>
      </c>
      <c r="D83" s="6" t="s">
        <v>58</v>
      </c>
      <c r="E83" s="17">
        <v>1.0714767343581939</v>
      </c>
      <c r="F83" s="17">
        <v>1.0988199871528903</v>
      </c>
      <c r="G83" s="17">
        <v>1.0932850283435038</v>
      </c>
      <c r="H83" s="17">
        <v>1.1971880337000433</v>
      </c>
      <c r="I83" s="17">
        <v>1.1924724589989444</v>
      </c>
      <c r="J83" s="17">
        <v>1.2652478884663534</v>
      </c>
      <c r="K83" s="17">
        <v>1.1911714482401008</v>
      </c>
      <c r="L83" s="17">
        <v>1.0057294282325537</v>
      </c>
      <c r="M83" s="17">
        <v>1.0074361938733805</v>
      </c>
      <c r="N83" s="17">
        <v>0.99932871064432316</v>
      </c>
      <c r="O83" s="17">
        <v>0.97896518917469222</v>
      </c>
      <c r="P83" s="17">
        <v>0.98136545051822122</v>
      </c>
      <c r="Q83" s="17">
        <v>1.00364512790086</v>
      </c>
      <c r="R83" s="17">
        <v>0.99516010694522172</v>
      </c>
      <c r="S83" s="17">
        <v>0.8694161501649964</v>
      </c>
      <c r="T83" s="17">
        <v>0.89786295086283663</v>
      </c>
      <c r="U83" s="17">
        <v>1.195358780499026</v>
      </c>
      <c r="V83" s="17">
        <v>1.2502975460767785</v>
      </c>
      <c r="W83" s="17">
        <v>1.3176758989224344</v>
      </c>
      <c r="X83" s="17">
        <v>1.3765877228242591</v>
      </c>
      <c r="Y83" s="17">
        <v>1.3753411897393755</v>
      </c>
      <c r="Z83" s="17">
        <v>1.3945438730042325</v>
      </c>
      <c r="AA83" s="17">
        <v>1.4262529661868277</v>
      </c>
      <c r="AB83" s="17">
        <v>1.4451173131745096</v>
      </c>
      <c r="AC83" s="17">
        <v>1.5130437796984937</v>
      </c>
      <c r="AD83" s="17">
        <v>1.4294046024920264</v>
      </c>
      <c r="AE83" s="17">
        <v>1.3605220631159411</v>
      </c>
      <c r="AF83" s="17">
        <v>1.3847229976392488</v>
      </c>
      <c r="AG83" s="17">
        <v>1.205381851451385</v>
      </c>
      <c r="AH83" s="17">
        <v>1.2090077519379847</v>
      </c>
      <c r="AI83" s="17">
        <v>1.1322647562502579</v>
      </c>
      <c r="AJ83" s="17">
        <v>0.96690199440610547</v>
      </c>
      <c r="AK83" s="17">
        <v>0.95095906402251273</v>
      </c>
      <c r="AL83" s="17">
        <v>0.9301433005267471</v>
      </c>
      <c r="AM83" s="17">
        <v>0.9240291624735899</v>
      </c>
      <c r="AN83" s="17">
        <v>0.90726962650391152</v>
      </c>
      <c r="AO83" s="17">
        <v>0.92</v>
      </c>
      <c r="AP83" s="17">
        <v>0.89593810357655501</v>
      </c>
      <c r="AQ83" s="17">
        <v>0.90643477361046176</v>
      </c>
      <c r="AR83" s="17">
        <v>0.87035644571879101</v>
      </c>
      <c r="AS83" s="17">
        <v>0.9645433954591095</v>
      </c>
      <c r="AT83" s="17">
        <v>0.94803084824293526</v>
      </c>
      <c r="AU83" s="17">
        <v>0.96117679715597071</v>
      </c>
      <c r="AV83" s="17">
        <v>0.98230789392236839</v>
      </c>
      <c r="AW83" s="17">
        <v>0.89061980326631918</v>
      </c>
      <c r="AX83" s="17">
        <v>0.84737357235188426</v>
      </c>
      <c r="AY83" s="17">
        <v>0.83710634929917915</v>
      </c>
      <c r="AZ83" s="17">
        <v>0.82515041866873562</v>
      </c>
      <c r="BA83" s="17">
        <v>0.83486542890433968</v>
      </c>
      <c r="BB83" s="17">
        <v>0.7883401358300558</v>
      </c>
      <c r="BC83" s="17">
        <v>0.80683790777546716</v>
      </c>
      <c r="BD83" s="17">
        <v>0.78030443765700319</v>
      </c>
    </row>
    <row r="84" spans="3:56" x14ac:dyDescent="0.2">
      <c r="C84" s="18" t="s">
        <v>91</v>
      </c>
      <c r="D84" s="6" t="s">
        <v>58</v>
      </c>
      <c r="E84" s="17">
        <v>0.81</v>
      </c>
      <c r="F84" s="17">
        <v>0.81</v>
      </c>
      <c r="G84" s="17">
        <v>0.83</v>
      </c>
      <c r="H84" s="17">
        <v>0.9</v>
      </c>
      <c r="I84" s="17">
        <v>0.92</v>
      </c>
      <c r="J84" s="17">
        <v>0.88</v>
      </c>
      <c r="K84" s="17">
        <v>0.88</v>
      </c>
      <c r="L84" s="17">
        <v>0.87398277590010442</v>
      </c>
      <c r="M84" s="17">
        <v>0.85</v>
      </c>
      <c r="N84" s="17"/>
      <c r="O84" s="17"/>
      <c r="P84" s="17"/>
      <c r="Q84" s="17"/>
      <c r="R84" s="17"/>
      <c r="S84" s="17"/>
      <c r="T84" s="17"/>
      <c r="U84" s="17"/>
      <c r="V84" s="17"/>
      <c r="W84" s="17"/>
      <c r="X84" s="17"/>
      <c r="Y84" s="17"/>
      <c r="Z84" s="17"/>
      <c r="AA84" s="17"/>
      <c r="AB84" s="17"/>
      <c r="AC84" s="17"/>
      <c r="AD84" s="17"/>
      <c r="AE84" s="17"/>
      <c r="AF84" s="17"/>
      <c r="AG84" s="17"/>
      <c r="AH84" s="17"/>
      <c r="AI84" s="17"/>
      <c r="AJ84" s="17"/>
      <c r="AK84" s="17"/>
      <c r="AL84" s="17"/>
      <c r="AM84" s="17"/>
      <c r="AN84" s="17"/>
      <c r="AO84" s="17"/>
      <c r="AP84" s="17"/>
      <c r="AQ84" s="17"/>
      <c r="AR84" s="17">
        <v>1.1747889231060493</v>
      </c>
      <c r="AS84" s="17">
        <v>0.87905431664953926</v>
      </c>
      <c r="AT84" s="17">
        <v>0.85196978843732096</v>
      </c>
      <c r="AU84" s="17">
        <v>0.84413994606019505</v>
      </c>
      <c r="AV84" s="17">
        <v>0.82226233819205963</v>
      </c>
      <c r="AW84" s="17">
        <v>0.86846968633170241</v>
      </c>
      <c r="AX84" s="17">
        <v>0.79428470260314066</v>
      </c>
      <c r="AY84" s="17">
        <v>0.77124980851575309</v>
      </c>
      <c r="AZ84" s="17">
        <v>0.73016221579768481</v>
      </c>
      <c r="BA84" s="17">
        <v>0.68426343430846948</v>
      </c>
      <c r="BB84" s="17">
        <v>0.66910397216397566</v>
      </c>
      <c r="BC84" s="17">
        <v>0.6420437860824989</v>
      </c>
      <c r="BD84" s="17">
        <v>0.63241886765326849</v>
      </c>
    </row>
    <row r="85" spans="3:56" x14ac:dyDescent="0.2">
      <c r="C85" s="18" t="s">
        <v>100</v>
      </c>
      <c r="D85" s="6" t="s">
        <v>58</v>
      </c>
      <c r="E85" s="17"/>
      <c r="F85" s="17"/>
      <c r="G85" s="17"/>
      <c r="H85" s="17"/>
      <c r="I85" s="17"/>
      <c r="J85" s="17"/>
      <c r="K85" s="17"/>
      <c r="L85" s="17"/>
      <c r="M85" s="17"/>
      <c r="N85" s="17">
        <v>0.69</v>
      </c>
      <c r="O85" s="17">
        <v>0.7</v>
      </c>
      <c r="P85" s="17">
        <v>0.7</v>
      </c>
      <c r="Q85" s="17">
        <v>0.71810602799641776</v>
      </c>
      <c r="R85" s="17">
        <v>0.65</v>
      </c>
      <c r="S85" s="17">
        <v>0.64</v>
      </c>
      <c r="T85" s="17">
        <v>0.66</v>
      </c>
      <c r="U85" s="17">
        <v>0.66</v>
      </c>
      <c r="V85" s="17">
        <v>0.68</v>
      </c>
      <c r="W85" s="17">
        <v>0.69</v>
      </c>
      <c r="X85" s="17">
        <v>0.78</v>
      </c>
      <c r="Y85" s="17">
        <v>0.79</v>
      </c>
      <c r="Z85" s="17">
        <v>0.79</v>
      </c>
      <c r="AA85" s="17">
        <v>0.8</v>
      </c>
      <c r="AB85" s="17">
        <v>0.79</v>
      </c>
      <c r="AC85" s="17">
        <v>0.81404451566448788</v>
      </c>
      <c r="AD85" s="17">
        <v>0.81296826096461938</v>
      </c>
      <c r="AE85" s="17">
        <v>0.86992063181664836</v>
      </c>
      <c r="AF85" s="17">
        <v>0.89</v>
      </c>
      <c r="AG85" s="17">
        <v>0.91</v>
      </c>
      <c r="AH85" s="17">
        <v>0.91</v>
      </c>
      <c r="AI85" s="17">
        <v>0.93</v>
      </c>
      <c r="AJ85" s="17">
        <v>0.93</v>
      </c>
      <c r="AK85" s="17">
        <v>0.84</v>
      </c>
      <c r="AL85" s="17">
        <v>0.84</v>
      </c>
      <c r="AM85" s="17">
        <v>0.84</v>
      </c>
      <c r="AN85" s="17">
        <v>0.89</v>
      </c>
      <c r="AO85" s="17">
        <v>0.89</v>
      </c>
      <c r="AP85" s="17">
        <v>0.89</v>
      </c>
      <c r="AQ85" s="17">
        <v>0.89</v>
      </c>
      <c r="AR85" s="17"/>
      <c r="AS85" s="17"/>
      <c r="AT85" s="17"/>
      <c r="AU85" s="17"/>
      <c r="AV85" s="17"/>
      <c r="AW85" s="17"/>
      <c r="AX85" s="17"/>
      <c r="AY85" s="17"/>
      <c r="AZ85" s="17"/>
      <c r="BA85" s="17"/>
      <c r="BB85" s="17"/>
      <c r="BC85" s="17"/>
      <c r="BD85" s="17"/>
    </row>
    <row r="86" spans="3:56" x14ac:dyDescent="0.2">
      <c r="C86" s="16" t="s">
        <v>89</v>
      </c>
      <c r="D86" s="6" t="s">
        <v>58</v>
      </c>
      <c r="E86" s="17">
        <v>0.66830731733331228</v>
      </c>
      <c r="F86" s="17">
        <v>0.704828265033416</v>
      </c>
      <c r="G86" s="17">
        <v>0.70777289505588914</v>
      </c>
      <c r="H86" s="17">
        <v>0.71679337815291455</v>
      </c>
      <c r="I86" s="17">
        <v>0.70854718363105329</v>
      </c>
      <c r="J86" s="17">
        <v>0.70562834969366195</v>
      </c>
      <c r="K86" s="17">
        <v>0.69968004270938322</v>
      </c>
      <c r="L86" s="17">
        <v>0.71000582739527873</v>
      </c>
      <c r="M86" s="17">
        <v>0.72167805184047351</v>
      </c>
      <c r="N86" s="17">
        <v>0.71872528085480969</v>
      </c>
      <c r="O86" s="17">
        <v>0.68878446753932376</v>
      </c>
      <c r="P86" s="17">
        <v>0.7017287795000805</v>
      </c>
      <c r="Q86" s="17">
        <v>0.68865851751114082</v>
      </c>
      <c r="R86" s="17">
        <v>0.70951390782749557</v>
      </c>
      <c r="S86" s="17">
        <v>0.73960787990934196</v>
      </c>
      <c r="T86" s="17">
        <v>0.79234726896430219</v>
      </c>
      <c r="U86" s="17">
        <v>0.77048839445463946</v>
      </c>
      <c r="V86" s="17">
        <v>0.807670679741463</v>
      </c>
      <c r="W86" s="17">
        <v>0.79526348364724309</v>
      </c>
      <c r="X86" s="17">
        <v>0.80754476369067629</v>
      </c>
      <c r="Y86" s="17">
        <v>0.80333896205801136</v>
      </c>
      <c r="Z86" s="17">
        <v>0.80400126236760372</v>
      </c>
      <c r="AA86" s="17">
        <v>0.83471573872997951</v>
      </c>
      <c r="AB86" s="17">
        <v>0.8618987405684474</v>
      </c>
      <c r="AC86" s="17">
        <v>0.88505063720977073</v>
      </c>
      <c r="AD86" s="17">
        <v>0.87749147408660744</v>
      </c>
      <c r="AE86" s="17">
        <v>0.88425532885110336</v>
      </c>
      <c r="AF86" s="17">
        <v>0.87707053714258743</v>
      </c>
      <c r="AG86" s="17">
        <v>0.88897381152340282</v>
      </c>
      <c r="AH86" s="17">
        <v>0.87374205517342984</v>
      </c>
      <c r="AI86" s="17">
        <v>0.85786751807119122</v>
      </c>
      <c r="AJ86" s="17">
        <v>0.84604813800171197</v>
      </c>
      <c r="AK86" s="17">
        <v>0.86120524413278887</v>
      </c>
      <c r="AL86" s="17">
        <v>0.86758408638703055</v>
      </c>
      <c r="AM86" s="17">
        <v>0.86224096769235348</v>
      </c>
      <c r="AN86" s="17">
        <v>0.83369785397799834</v>
      </c>
      <c r="AO86" s="17">
        <v>0.8</v>
      </c>
      <c r="AP86" s="17">
        <v>0.82827469132939391</v>
      </c>
      <c r="AQ86" s="17">
        <v>0.79849557340608013</v>
      </c>
      <c r="AR86" s="17">
        <v>0.77861602344274128</v>
      </c>
      <c r="AS86" s="17">
        <v>0.7729422271631905</v>
      </c>
      <c r="AT86" s="17">
        <v>0.82900786900236667</v>
      </c>
      <c r="AU86" s="17">
        <v>0.85187497238107723</v>
      </c>
      <c r="AV86" s="17">
        <v>0.8434313625364358</v>
      </c>
      <c r="AW86" s="17">
        <v>0.86201808795971246</v>
      </c>
      <c r="AX86" s="17">
        <v>0.85770273484101378</v>
      </c>
      <c r="AY86" s="17">
        <v>0.8630384324206164</v>
      </c>
      <c r="AZ86" s="17">
        <v>0.85413701281979593</v>
      </c>
      <c r="BA86" s="17">
        <v>0.85519837813935717</v>
      </c>
      <c r="BB86" s="17">
        <v>0.82002307914842454</v>
      </c>
      <c r="BC86" s="17">
        <v>0.83623775602367889</v>
      </c>
      <c r="BD86" s="17">
        <v>0.81430844508501488</v>
      </c>
    </row>
    <row r="87" spans="3:56" x14ac:dyDescent="0.2">
      <c r="C87" s="16" t="s">
        <v>95</v>
      </c>
      <c r="D87" s="6" t="s">
        <v>58</v>
      </c>
      <c r="E87" s="17">
        <v>0.81089219838542548</v>
      </c>
      <c r="F87" s="17">
        <v>0.78771008803186204</v>
      </c>
      <c r="G87" s="17">
        <v>0.79090535276043317</v>
      </c>
      <c r="H87" s="17">
        <v>0.78088081774684648</v>
      </c>
      <c r="I87" s="17">
        <v>0.78114106960424468</v>
      </c>
      <c r="J87" s="17">
        <v>0.77617351277038737</v>
      </c>
      <c r="K87" s="17">
        <v>0.76968164410231454</v>
      </c>
      <c r="L87" s="17">
        <v>0.87224270921657809</v>
      </c>
      <c r="M87" s="17">
        <v>0.9454409142283059</v>
      </c>
      <c r="N87" s="17">
        <v>1.0111333259734969</v>
      </c>
      <c r="O87" s="17">
        <v>1.0807425515140858</v>
      </c>
      <c r="P87" s="17">
        <v>1.0548956961343017</v>
      </c>
      <c r="Q87" s="17">
        <v>1.1000603930066837</v>
      </c>
      <c r="R87" s="17">
        <v>1.1364429082895859</v>
      </c>
      <c r="S87" s="17">
        <v>1.1442671760059044</v>
      </c>
      <c r="T87" s="17">
        <v>1.1546492125498884</v>
      </c>
      <c r="U87" s="17">
        <v>1.1479546860426109</v>
      </c>
      <c r="V87" s="17">
        <v>1.1301770640423789</v>
      </c>
      <c r="W87" s="17">
        <v>1.1488643517282429</v>
      </c>
      <c r="X87" s="17">
        <v>1.1360605916387345</v>
      </c>
      <c r="Y87" s="17">
        <v>1.1409151240785949</v>
      </c>
      <c r="Z87" s="17">
        <v>1.120175271116542</v>
      </c>
      <c r="AA87" s="17">
        <v>1.1121553393668568</v>
      </c>
      <c r="AB87" s="17">
        <v>1.076887890512007</v>
      </c>
      <c r="AC87" s="17">
        <v>1.0305216368152699</v>
      </c>
      <c r="AD87" s="17">
        <v>1.1188736181055758</v>
      </c>
      <c r="AE87" s="17">
        <v>1.1313994709865771</v>
      </c>
      <c r="AF87" s="17">
        <v>1.0894792632834238</v>
      </c>
      <c r="AG87" s="17">
        <v>1.1608996136747491</v>
      </c>
      <c r="AH87" s="17">
        <v>1.1299999999999999</v>
      </c>
      <c r="AI87" s="17">
        <v>1.1440732293657154</v>
      </c>
      <c r="AJ87" s="17">
        <v>1.064460531811221</v>
      </c>
      <c r="AK87" s="17">
        <v>0.9810209601402079</v>
      </c>
      <c r="AL87" s="17">
        <v>1.0248188267252376</v>
      </c>
      <c r="AM87" s="17">
        <v>0.97850416234786419</v>
      </c>
      <c r="AN87" s="17">
        <v>1.0888449015648662</v>
      </c>
      <c r="AO87" s="17">
        <v>1.1100000000000001</v>
      </c>
      <c r="AP87" s="17">
        <v>1.1154133459336182</v>
      </c>
      <c r="AQ87" s="17">
        <v>1.0889133216915206</v>
      </c>
      <c r="AR87" s="17">
        <v>1.0841328964667065</v>
      </c>
      <c r="AS87" s="17">
        <v>0.96579618438203585</v>
      </c>
      <c r="AT87" s="17">
        <v>0.94601919105354115</v>
      </c>
      <c r="AU87" s="17">
        <v>0.970792183972912</v>
      </c>
      <c r="AV87" s="17">
        <v>0.98091702112668588</v>
      </c>
      <c r="AW87" s="17">
        <v>0.97244492955725248</v>
      </c>
      <c r="AX87" s="17">
        <v>1.0295886538498269</v>
      </c>
      <c r="AY87" s="17">
        <v>1.0341647539961407</v>
      </c>
      <c r="AZ87" s="17">
        <v>1.0152159345225422</v>
      </c>
      <c r="BA87" s="17">
        <v>1.0211688628599316</v>
      </c>
      <c r="BB87" s="17">
        <v>0.98927048125994432</v>
      </c>
      <c r="BC87" s="17">
        <v>1.0230217409106257</v>
      </c>
      <c r="BD87" s="17">
        <v>1.0032198106178001</v>
      </c>
    </row>
    <row r="88" spans="3:56" x14ac:dyDescent="0.2">
      <c r="C88" s="23" t="s">
        <v>96</v>
      </c>
      <c r="D88" s="6" t="s">
        <v>58</v>
      </c>
      <c r="E88" s="17">
        <v>1.1284243494737887</v>
      </c>
      <c r="F88" s="17">
        <v>1.0604668222898321</v>
      </c>
      <c r="G88" s="17">
        <v>1.0342870140531053</v>
      </c>
      <c r="H88" s="17">
        <v>0.99501330395912457</v>
      </c>
      <c r="I88" s="17">
        <v>1.0115687888258806</v>
      </c>
      <c r="J88" s="17">
        <v>1.0156397409852342</v>
      </c>
      <c r="K88" s="17">
        <v>1.0143766770297815</v>
      </c>
      <c r="L88" s="17">
        <v>1.049573451936429</v>
      </c>
      <c r="M88" s="17">
        <v>1.0581498898022645</v>
      </c>
      <c r="N88" s="17">
        <v>1.0505759131975863</v>
      </c>
      <c r="O88" s="17">
        <v>1.0638981567656478</v>
      </c>
      <c r="P88" s="17">
        <v>1.0498174997550038</v>
      </c>
      <c r="Q88" s="17">
        <v>1.0264747861134638</v>
      </c>
      <c r="R88" s="17">
        <v>1.0848742416679489</v>
      </c>
      <c r="S88" s="17">
        <v>1.0894163923750428</v>
      </c>
      <c r="T88" s="17">
        <v>1.063407719225566</v>
      </c>
      <c r="U88" s="17">
        <v>1.0309323057340309</v>
      </c>
      <c r="V88" s="17">
        <v>1.0812213067347975</v>
      </c>
      <c r="W88" s="17">
        <v>0.99762757348379627</v>
      </c>
      <c r="X88" s="17">
        <v>0.91972260803820416</v>
      </c>
      <c r="Y88" s="17">
        <v>0.86389431936353833</v>
      </c>
      <c r="Z88" s="17">
        <v>0.86086153084573025</v>
      </c>
      <c r="AA88" s="17">
        <v>0.85909649665079602</v>
      </c>
      <c r="AB88" s="17">
        <v>0.87999880166849309</v>
      </c>
      <c r="AC88" s="17">
        <v>0.87900245532155152</v>
      </c>
      <c r="AD88" s="17">
        <v>0.85785161105971997</v>
      </c>
      <c r="AE88" s="17">
        <v>0.85574493834290177</v>
      </c>
      <c r="AF88" s="17">
        <v>0.83817023459325501</v>
      </c>
      <c r="AG88" s="17">
        <v>0.83861877348991998</v>
      </c>
      <c r="AH88" s="17">
        <v>0.82</v>
      </c>
      <c r="AI88" s="17">
        <v>0.83215296800070404</v>
      </c>
      <c r="AJ88" s="17">
        <v>0.82569740441266126</v>
      </c>
      <c r="AK88" s="17">
        <v>0.8157403873118183</v>
      </c>
      <c r="AL88" s="17">
        <v>0.82860827629167555</v>
      </c>
      <c r="AM88" s="17">
        <v>0.8194239900911926</v>
      </c>
      <c r="AN88" s="17">
        <v>0.8327460138056999</v>
      </c>
      <c r="AO88" s="17">
        <v>0.86</v>
      </c>
      <c r="AP88" s="17">
        <v>0.89474821224743395</v>
      </c>
      <c r="AQ88" s="17">
        <v>0.90953712594342517</v>
      </c>
      <c r="AR88" s="17">
        <v>0.94900074398785605</v>
      </c>
      <c r="AS88" s="17">
        <v>1.280590749731493</v>
      </c>
      <c r="AT88" s="17">
        <v>1.3835348486356882</v>
      </c>
      <c r="AU88" s="17">
        <v>1.3714682919723311</v>
      </c>
      <c r="AV88" s="17">
        <v>1.3583507753092001</v>
      </c>
      <c r="AW88" s="17">
        <v>1.3632524408489881</v>
      </c>
      <c r="AX88" s="17">
        <v>1.3301952453972328</v>
      </c>
      <c r="AY88" s="17">
        <v>1.3297155563356204</v>
      </c>
      <c r="AZ88" s="17">
        <v>1.3245932583464257</v>
      </c>
      <c r="BA88" s="17">
        <v>1.3072392813435934</v>
      </c>
      <c r="BB88" s="17">
        <v>1.2209217331716256</v>
      </c>
      <c r="BC88" s="17">
        <v>1.1715017523450302</v>
      </c>
      <c r="BD88" s="17">
        <v>1.1209887106144716</v>
      </c>
    </row>
    <row r="91" spans="3:56" x14ac:dyDescent="0.2">
      <c r="C91" s="1" t="s">
        <v>97</v>
      </c>
    </row>
    <row r="92" spans="3:56" x14ac:dyDescent="0.2">
      <c r="E92" s="2">
        <v>2008</v>
      </c>
      <c r="F92" s="1"/>
      <c r="G92" s="1"/>
      <c r="H92" s="1"/>
      <c r="I92" s="1"/>
      <c r="J92" s="1"/>
      <c r="K92" s="1"/>
      <c r="L92" s="1"/>
      <c r="M92" s="1"/>
    </row>
    <row r="93" spans="3:56" x14ac:dyDescent="0.2">
      <c r="C93" s="3" t="s">
        <v>2</v>
      </c>
      <c r="D93" s="3" t="s">
        <v>3</v>
      </c>
      <c r="E93" s="4" t="s">
        <v>15</v>
      </c>
      <c r="F93" s="4" t="s">
        <v>16</v>
      </c>
      <c r="G93" s="4" t="s">
        <v>17</v>
      </c>
      <c r="H93" s="4" t="s">
        <v>18</v>
      </c>
      <c r="I93" s="4" t="s">
        <v>19</v>
      </c>
      <c r="J93" s="4" t="s">
        <v>20</v>
      </c>
      <c r="K93" s="4" t="s">
        <v>21</v>
      </c>
      <c r="L93" s="4" t="s">
        <v>22</v>
      </c>
      <c r="M93" s="4" t="s">
        <v>23</v>
      </c>
      <c r="N93" s="4" t="s">
        <v>24</v>
      </c>
      <c r="O93" s="4" t="s">
        <v>25</v>
      </c>
      <c r="P93" s="4" t="s">
        <v>26</v>
      </c>
      <c r="Q93" s="4" t="s">
        <v>27</v>
      </c>
      <c r="R93" s="4" t="s">
        <v>28</v>
      </c>
      <c r="S93" s="4" t="s">
        <v>29</v>
      </c>
      <c r="T93" s="4" t="s">
        <v>30</v>
      </c>
      <c r="U93" s="4" t="s">
        <v>31</v>
      </c>
      <c r="V93" s="4" t="s">
        <v>32</v>
      </c>
      <c r="W93" s="4" t="s">
        <v>33</v>
      </c>
      <c r="X93" s="4" t="s">
        <v>34</v>
      </c>
      <c r="Y93" s="4" t="s">
        <v>35</v>
      </c>
      <c r="Z93" s="4" t="s">
        <v>36</v>
      </c>
      <c r="AA93" s="4" t="s">
        <v>37</v>
      </c>
      <c r="AB93" s="4" t="s">
        <v>38</v>
      </c>
      <c r="AC93" s="4" t="s">
        <v>39</v>
      </c>
      <c r="AD93" s="4" t="s">
        <v>40</v>
      </c>
      <c r="AE93" s="4" t="s">
        <v>41</v>
      </c>
      <c r="AF93" s="4" t="s">
        <v>42</v>
      </c>
      <c r="AG93" s="4" t="s">
        <v>43</v>
      </c>
      <c r="AH93" s="4" t="s">
        <v>44</v>
      </c>
      <c r="AI93" s="4" t="s">
        <v>45</v>
      </c>
      <c r="AJ93" s="4" t="s">
        <v>46</v>
      </c>
      <c r="AK93" s="4" t="s">
        <v>47</v>
      </c>
      <c r="AL93" s="4" t="s">
        <v>48</v>
      </c>
      <c r="AM93" s="4" t="s">
        <v>49</v>
      </c>
      <c r="AN93" s="4" t="s">
        <v>50</v>
      </c>
      <c r="AO93" s="4" t="s">
        <v>51</v>
      </c>
      <c r="AP93" s="4" t="s">
        <v>52</v>
      </c>
      <c r="AQ93" s="4" t="s">
        <v>53</v>
      </c>
      <c r="AR93" s="4" t="s">
        <v>54</v>
      </c>
      <c r="AS93" s="4" t="s">
        <v>55</v>
      </c>
      <c r="AT93" s="4" t="s">
        <v>4</v>
      </c>
      <c r="AU93" s="4" t="s">
        <v>5</v>
      </c>
      <c r="AV93" s="4" t="s">
        <v>6</v>
      </c>
      <c r="AW93" s="4" t="s">
        <v>7</v>
      </c>
      <c r="AX93" s="4" t="s">
        <v>8</v>
      </c>
      <c r="AY93" s="4" t="s">
        <v>9</v>
      </c>
      <c r="AZ93" s="4" t="s">
        <v>10</v>
      </c>
      <c r="BA93" s="4" t="s">
        <v>11</v>
      </c>
      <c r="BB93" s="4" t="s">
        <v>12</v>
      </c>
      <c r="BC93" s="4" t="s">
        <v>13</v>
      </c>
      <c r="BD93" s="4" t="s">
        <v>14</v>
      </c>
    </row>
    <row r="94" spans="3:56" x14ac:dyDescent="0.2">
      <c r="C94" s="5" t="s">
        <v>57</v>
      </c>
      <c r="D94" s="6" t="s">
        <v>58</v>
      </c>
      <c r="E94" s="17">
        <v>14.87</v>
      </c>
      <c r="F94" s="17">
        <v>14.93</v>
      </c>
      <c r="G94" s="17">
        <v>14.94</v>
      </c>
      <c r="H94" s="17">
        <v>14.94</v>
      </c>
      <c r="I94" s="17">
        <v>15.07</v>
      </c>
      <c r="J94" s="17">
        <v>15.06</v>
      </c>
      <c r="K94" s="17">
        <v>15</v>
      </c>
      <c r="L94" s="17">
        <v>15.2</v>
      </c>
      <c r="M94" s="17">
        <v>15.05</v>
      </c>
      <c r="N94" s="17">
        <v>15.05</v>
      </c>
      <c r="O94" s="17">
        <v>15.08</v>
      </c>
      <c r="P94" s="17">
        <v>15.0715694943281</v>
      </c>
      <c r="Q94" s="17">
        <v>15.06</v>
      </c>
      <c r="R94" s="17">
        <v>15.05</v>
      </c>
      <c r="S94" s="17">
        <v>15.05</v>
      </c>
      <c r="T94" s="17">
        <v>14.97</v>
      </c>
      <c r="U94" s="17">
        <v>15.02</v>
      </c>
      <c r="V94" s="17">
        <v>15.02</v>
      </c>
      <c r="W94" s="17">
        <v>15.01</v>
      </c>
      <c r="X94" s="17">
        <v>15.02</v>
      </c>
      <c r="Y94" s="17">
        <v>15.04</v>
      </c>
      <c r="Z94" s="17">
        <v>15.06</v>
      </c>
      <c r="AA94" s="17">
        <v>15.09</v>
      </c>
      <c r="AB94" s="17">
        <v>15.12</v>
      </c>
      <c r="AC94" s="17">
        <v>15.12</v>
      </c>
      <c r="AD94" s="17">
        <v>15.13</v>
      </c>
      <c r="AE94" s="17">
        <v>15.13</v>
      </c>
      <c r="AF94" s="17">
        <v>15.12</v>
      </c>
      <c r="AG94" s="17">
        <v>15.12</v>
      </c>
      <c r="AH94" s="17">
        <v>15.13</v>
      </c>
      <c r="AI94" s="14">
        <v>15.15</v>
      </c>
      <c r="AJ94" s="56">
        <v>15.1982538714465</v>
      </c>
      <c r="AK94" s="56">
        <v>15.1995386979694</v>
      </c>
      <c r="AL94" s="56">
        <v>15.264895886840099</v>
      </c>
      <c r="AM94" s="56">
        <v>15.29</v>
      </c>
      <c r="AN94" s="17">
        <v>15.25</v>
      </c>
      <c r="AO94" s="17">
        <v>15.21</v>
      </c>
      <c r="AP94" s="17">
        <v>15.25</v>
      </c>
      <c r="AQ94" s="17">
        <v>15.26</v>
      </c>
      <c r="AR94" s="17">
        <v>15.23</v>
      </c>
      <c r="AS94" s="17">
        <v>15.22</v>
      </c>
      <c r="AT94" s="17">
        <v>15.25</v>
      </c>
      <c r="AU94" s="17">
        <v>15.33</v>
      </c>
      <c r="AV94" s="17">
        <v>15.25</v>
      </c>
      <c r="AW94" s="17">
        <v>15.25</v>
      </c>
      <c r="AX94" s="17">
        <v>15.23</v>
      </c>
      <c r="AY94" s="17">
        <v>15.31</v>
      </c>
      <c r="AZ94" s="17">
        <v>15.23</v>
      </c>
      <c r="BA94" s="17">
        <v>15.18</v>
      </c>
      <c r="BB94" s="17">
        <v>15.18</v>
      </c>
      <c r="BC94" s="17">
        <v>15.19</v>
      </c>
      <c r="BD94" s="17">
        <v>15.23</v>
      </c>
    </row>
    <row r="95" spans="3:56" x14ac:dyDescent="0.2">
      <c r="C95" s="5" t="s">
        <v>59</v>
      </c>
      <c r="D95" s="6" t="s">
        <v>58</v>
      </c>
      <c r="E95" s="17">
        <v>10.4</v>
      </c>
      <c r="F95" s="17">
        <v>10.44</v>
      </c>
      <c r="G95" s="17">
        <v>10.36</v>
      </c>
      <c r="H95" s="17">
        <v>10.37</v>
      </c>
      <c r="I95" s="17">
        <v>10.24</v>
      </c>
      <c r="J95" s="17">
        <v>10.16</v>
      </c>
      <c r="K95" s="17">
        <v>10.029999999999999</v>
      </c>
      <c r="L95" s="17">
        <v>10.07</v>
      </c>
      <c r="M95" s="17">
        <v>10.050000000000001</v>
      </c>
      <c r="N95" s="17">
        <v>10.07</v>
      </c>
      <c r="O95" s="17">
        <v>10.119999999999999</v>
      </c>
      <c r="P95" s="17">
        <v>10.121749768742101</v>
      </c>
      <c r="Q95" s="17">
        <v>10.1</v>
      </c>
      <c r="R95" s="17">
        <v>10.050000000000001</v>
      </c>
      <c r="S95" s="17">
        <v>10.050000000000001</v>
      </c>
      <c r="T95" s="17">
        <v>10.02</v>
      </c>
      <c r="U95" s="17">
        <v>10.09</v>
      </c>
      <c r="V95" s="17">
        <v>10.07</v>
      </c>
      <c r="W95" s="17">
        <v>10.039999999999999</v>
      </c>
      <c r="X95" s="17">
        <v>10.039999999999999</v>
      </c>
      <c r="Y95" s="17">
        <v>10.050000000000001</v>
      </c>
      <c r="Z95" s="17">
        <v>10</v>
      </c>
      <c r="AA95" s="17">
        <v>9.9700000000000006</v>
      </c>
      <c r="AB95" s="17">
        <v>9.98</v>
      </c>
      <c r="AC95" s="17">
        <v>9.9700000000000006</v>
      </c>
      <c r="AD95" s="17">
        <v>10.01</v>
      </c>
      <c r="AE95" s="17">
        <v>10.039999999999999</v>
      </c>
      <c r="AF95" s="17">
        <v>10.050000000000001</v>
      </c>
      <c r="AG95" s="17">
        <v>10.050000000000001</v>
      </c>
      <c r="AH95" s="17">
        <v>10.07</v>
      </c>
      <c r="AI95" s="14">
        <v>10.09</v>
      </c>
      <c r="AJ95" s="56">
        <v>10.111191942394701</v>
      </c>
      <c r="AK95" s="56">
        <v>10.114489447530101</v>
      </c>
      <c r="AL95" s="56">
        <v>10.1408280877928</v>
      </c>
      <c r="AM95" s="56">
        <v>10.17</v>
      </c>
      <c r="AN95" s="17">
        <v>10.28</v>
      </c>
      <c r="AO95" s="17">
        <v>10.29</v>
      </c>
      <c r="AP95" s="17">
        <v>10.29</v>
      </c>
      <c r="AQ95" s="17">
        <v>10.29</v>
      </c>
      <c r="AR95" s="17">
        <v>10.39</v>
      </c>
      <c r="AS95" s="17">
        <v>10.44</v>
      </c>
      <c r="AT95" s="17">
        <v>10.47</v>
      </c>
      <c r="AU95" s="17">
        <v>10.48</v>
      </c>
      <c r="AV95" s="17">
        <v>10.72</v>
      </c>
      <c r="AW95" s="17">
        <v>10.75</v>
      </c>
      <c r="AX95" s="17">
        <v>10.78</v>
      </c>
      <c r="AY95" s="17">
        <v>10.82</v>
      </c>
      <c r="AZ95" s="17">
        <v>10.92</v>
      </c>
      <c r="BA95" s="17">
        <v>10.96</v>
      </c>
      <c r="BB95" s="17">
        <v>10.98</v>
      </c>
      <c r="BC95" s="17">
        <v>11.2</v>
      </c>
      <c r="BD95" s="17">
        <v>11.25</v>
      </c>
    </row>
    <row r="96" spans="3:56" x14ac:dyDescent="0.2">
      <c r="C96" s="5" t="s">
        <v>60</v>
      </c>
      <c r="D96" s="6" t="s">
        <v>58</v>
      </c>
      <c r="E96" s="17">
        <v>5.89</v>
      </c>
      <c r="F96" s="17">
        <v>5.89</v>
      </c>
      <c r="G96" s="17">
        <v>5.9</v>
      </c>
      <c r="H96" s="17">
        <v>5.83</v>
      </c>
      <c r="I96" s="17">
        <v>5.83</v>
      </c>
      <c r="J96" s="17">
        <v>5.81</v>
      </c>
      <c r="K96" s="17">
        <v>5.82</v>
      </c>
      <c r="L96" s="17">
        <v>5.82</v>
      </c>
      <c r="M96" s="17">
        <v>5.85</v>
      </c>
      <c r="N96" s="17">
        <v>5.83</v>
      </c>
      <c r="O96" s="17">
        <v>5.81</v>
      </c>
      <c r="P96" s="17">
        <v>5.8010309968496907</v>
      </c>
      <c r="Q96" s="17">
        <v>5.85</v>
      </c>
      <c r="R96" s="17">
        <v>5.87</v>
      </c>
      <c r="S96" s="17">
        <v>5.87</v>
      </c>
      <c r="T96" s="17">
        <v>5.86</v>
      </c>
      <c r="U96" s="17">
        <v>5.86</v>
      </c>
      <c r="V96" s="17">
        <v>5.86</v>
      </c>
      <c r="W96" s="17">
        <v>5.87</v>
      </c>
      <c r="X96" s="17">
        <v>5.88</v>
      </c>
      <c r="Y96" s="17">
        <v>5.89</v>
      </c>
      <c r="Z96" s="17">
        <v>5.87</v>
      </c>
      <c r="AA96" s="17">
        <v>5.88</v>
      </c>
      <c r="AB96" s="17">
        <v>5.9</v>
      </c>
      <c r="AC96" s="17">
        <v>5.92</v>
      </c>
      <c r="AD96" s="17">
        <v>5.94</v>
      </c>
      <c r="AE96" s="17">
        <v>5.94</v>
      </c>
      <c r="AF96" s="17">
        <v>5.93</v>
      </c>
      <c r="AG96" s="17">
        <v>5.94</v>
      </c>
      <c r="AH96" s="17">
        <v>5.94</v>
      </c>
      <c r="AI96" s="14">
        <v>5.95</v>
      </c>
      <c r="AJ96" s="56">
        <v>5.9579975205478899</v>
      </c>
      <c r="AK96" s="56">
        <v>5.9591352094335397</v>
      </c>
      <c r="AL96" s="56">
        <v>5.9376915876823002</v>
      </c>
      <c r="AM96" s="56">
        <v>5.93</v>
      </c>
      <c r="AN96" s="17">
        <v>5.96</v>
      </c>
      <c r="AO96" s="17">
        <v>5.97</v>
      </c>
      <c r="AP96" s="17">
        <v>5.97</v>
      </c>
      <c r="AQ96" s="17">
        <v>6.02</v>
      </c>
      <c r="AR96" s="17">
        <v>6.01</v>
      </c>
      <c r="AS96" s="17">
        <v>5.99</v>
      </c>
      <c r="AT96" s="17">
        <v>5.99</v>
      </c>
      <c r="AU96" s="17">
        <v>5.97</v>
      </c>
      <c r="AV96" s="17">
        <v>5.88</v>
      </c>
      <c r="AW96" s="17">
        <v>5.87</v>
      </c>
      <c r="AX96" s="17">
        <v>5.88</v>
      </c>
      <c r="AY96" s="17">
        <v>5.83</v>
      </c>
      <c r="AZ96" s="17">
        <v>5.83</v>
      </c>
      <c r="BA96" s="17">
        <v>5.81</v>
      </c>
      <c r="BB96" s="17">
        <v>5.81</v>
      </c>
      <c r="BC96" s="17">
        <v>5.81</v>
      </c>
      <c r="BD96" s="17">
        <v>5.82</v>
      </c>
    </row>
    <row r="97" spans="3:56" x14ac:dyDescent="0.2">
      <c r="C97" s="5" t="s">
        <v>61</v>
      </c>
      <c r="D97" s="6" t="s">
        <v>58</v>
      </c>
      <c r="E97" s="17">
        <v>3.03</v>
      </c>
      <c r="F97" s="17">
        <v>3.02</v>
      </c>
      <c r="G97" s="17">
        <v>3</v>
      </c>
      <c r="H97" s="17">
        <v>2.97</v>
      </c>
      <c r="I97" s="17">
        <v>2.97</v>
      </c>
      <c r="J97" s="17">
        <v>2.94</v>
      </c>
      <c r="K97" s="17">
        <v>2.94</v>
      </c>
      <c r="L97" s="17">
        <v>2.94</v>
      </c>
      <c r="M97" s="17">
        <v>2.94</v>
      </c>
      <c r="N97" s="17">
        <v>2.93</v>
      </c>
      <c r="O97" s="17">
        <v>2.95</v>
      </c>
      <c r="P97" s="17">
        <v>2.9532267771574898</v>
      </c>
      <c r="Q97" s="17">
        <v>2.94</v>
      </c>
      <c r="R97" s="17">
        <v>2.97</v>
      </c>
      <c r="S97" s="17">
        <v>2.97</v>
      </c>
      <c r="T97" s="17">
        <v>3.01</v>
      </c>
      <c r="U97" s="17">
        <v>3.03</v>
      </c>
      <c r="V97" s="17">
        <v>3.04</v>
      </c>
      <c r="W97" s="17">
        <v>3.1</v>
      </c>
      <c r="X97" s="17">
        <v>3.1</v>
      </c>
      <c r="Y97" s="17">
        <v>3.09</v>
      </c>
      <c r="Z97" s="17">
        <v>3.08</v>
      </c>
      <c r="AA97" s="17">
        <v>3.09</v>
      </c>
      <c r="AB97" s="17">
        <v>3.09</v>
      </c>
      <c r="AC97" s="17">
        <v>3.09</v>
      </c>
      <c r="AD97" s="17">
        <v>3.1</v>
      </c>
      <c r="AE97" s="17">
        <v>3.1</v>
      </c>
      <c r="AF97" s="17">
        <v>3.08</v>
      </c>
      <c r="AG97" s="17">
        <v>3.08</v>
      </c>
      <c r="AH97" s="17">
        <v>3.08</v>
      </c>
      <c r="AI97" s="14">
        <v>3.07</v>
      </c>
      <c r="AJ97" s="56">
        <v>3.0751017451952301</v>
      </c>
      <c r="AK97" s="56">
        <v>3.0848269312675001</v>
      </c>
      <c r="AL97" s="56">
        <v>3.09312165094825</v>
      </c>
      <c r="AM97" s="56">
        <v>3.1</v>
      </c>
      <c r="AN97" s="17">
        <v>3.11</v>
      </c>
      <c r="AO97" s="17">
        <v>3.09</v>
      </c>
      <c r="AP97" s="17">
        <v>3.11</v>
      </c>
      <c r="AQ97" s="17">
        <v>3.09</v>
      </c>
      <c r="AR97" s="17">
        <v>3.07</v>
      </c>
      <c r="AS97" s="17">
        <v>3.05</v>
      </c>
      <c r="AT97" s="17">
        <v>3.04</v>
      </c>
      <c r="AU97" s="17">
        <v>3.03</v>
      </c>
      <c r="AV97" s="17">
        <v>3.06</v>
      </c>
      <c r="AW97" s="17">
        <v>3.07</v>
      </c>
      <c r="AX97" s="17">
        <v>3.06</v>
      </c>
      <c r="AY97" s="17">
        <v>3.07</v>
      </c>
      <c r="AZ97" s="17">
        <v>3.07</v>
      </c>
      <c r="BA97" s="17">
        <v>3.07</v>
      </c>
      <c r="BB97" s="17">
        <v>3.08</v>
      </c>
      <c r="BC97" s="17">
        <v>3.08</v>
      </c>
      <c r="BD97" s="17">
        <v>3.08</v>
      </c>
    </row>
    <row r="98" spans="3:56" x14ac:dyDescent="0.2">
      <c r="C98" s="5" t="s">
        <v>62</v>
      </c>
      <c r="D98" s="6" t="s">
        <v>58</v>
      </c>
      <c r="E98" s="17">
        <v>6.04</v>
      </c>
      <c r="F98" s="17">
        <v>6.06</v>
      </c>
      <c r="G98" s="17">
        <v>6.01</v>
      </c>
      <c r="H98" s="17">
        <v>5.88</v>
      </c>
      <c r="I98" s="17">
        <v>5.89</v>
      </c>
      <c r="J98" s="17">
        <v>5.89</v>
      </c>
      <c r="K98" s="17">
        <v>5.93</v>
      </c>
      <c r="L98" s="17">
        <v>5.9</v>
      </c>
      <c r="M98" s="17">
        <v>5.9</v>
      </c>
      <c r="N98" s="17">
        <v>5.9</v>
      </c>
      <c r="O98" s="17">
        <v>5.88</v>
      </c>
      <c r="P98" s="17">
        <v>5.92024103488591</v>
      </c>
      <c r="Q98" s="17">
        <v>6.03</v>
      </c>
      <c r="R98" s="17">
        <v>6.04</v>
      </c>
      <c r="S98" s="17">
        <v>6.04</v>
      </c>
      <c r="T98" s="17">
        <v>6.07</v>
      </c>
      <c r="U98" s="17">
        <v>6.1</v>
      </c>
      <c r="V98" s="17">
        <v>6.12</v>
      </c>
      <c r="W98" s="17">
        <v>6.13</v>
      </c>
      <c r="X98" s="17">
        <v>6.11</v>
      </c>
      <c r="Y98" s="17">
        <v>6.11</v>
      </c>
      <c r="Z98" s="17">
        <v>6.11</v>
      </c>
      <c r="AA98" s="17">
        <v>6.1</v>
      </c>
      <c r="AB98" s="17">
        <v>6.09</v>
      </c>
      <c r="AC98" s="17">
        <v>6.03</v>
      </c>
      <c r="AD98" s="17">
        <v>6.06</v>
      </c>
      <c r="AE98" s="17">
        <v>6.05</v>
      </c>
      <c r="AF98" s="17">
        <v>6.04</v>
      </c>
      <c r="AG98" s="17">
        <v>6.01</v>
      </c>
      <c r="AH98" s="17">
        <v>6.02</v>
      </c>
      <c r="AI98" s="14">
        <v>6.02</v>
      </c>
      <c r="AJ98" s="56">
        <v>5.9980467123132808</v>
      </c>
      <c r="AK98" s="56">
        <v>5.9970376253199502</v>
      </c>
      <c r="AL98" s="56">
        <v>5.964987469577391</v>
      </c>
      <c r="AM98" s="56">
        <v>5.98</v>
      </c>
      <c r="AN98" s="17">
        <v>6.09</v>
      </c>
      <c r="AO98" s="17">
        <v>6.13</v>
      </c>
      <c r="AP98" s="17">
        <v>6.21</v>
      </c>
      <c r="AQ98" s="17">
        <v>6.3</v>
      </c>
      <c r="AR98" s="17">
        <v>6.36</v>
      </c>
      <c r="AS98" s="17">
        <v>6.36</v>
      </c>
      <c r="AT98" s="17">
        <v>6.38</v>
      </c>
      <c r="AU98" s="17">
        <v>6.37</v>
      </c>
      <c r="AV98" s="17">
        <v>6.42</v>
      </c>
      <c r="AW98" s="17">
        <v>6.38</v>
      </c>
      <c r="AX98" s="17">
        <v>6.41</v>
      </c>
      <c r="AY98" s="17">
        <v>6.31</v>
      </c>
      <c r="AZ98" s="17">
        <v>6.39</v>
      </c>
      <c r="BA98" s="17">
        <v>6.38</v>
      </c>
      <c r="BB98" s="17">
        <v>6.39</v>
      </c>
      <c r="BC98" s="17">
        <v>6.4</v>
      </c>
      <c r="BD98" s="17">
        <v>6.4</v>
      </c>
    </row>
    <row r="99" spans="3:56" x14ac:dyDescent="0.2">
      <c r="C99" s="5" t="s">
        <v>75</v>
      </c>
      <c r="D99" s="20" t="s">
        <v>76</v>
      </c>
      <c r="E99" s="17">
        <v>1.3</v>
      </c>
      <c r="F99" s="17">
        <v>1.31</v>
      </c>
      <c r="G99" s="17">
        <v>1.31</v>
      </c>
      <c r="H99" s="17">
        <v>1.32</v>
      </c>
      <c r="I99" s="17">
        <v>1.32</v>
      </c>
      <c r="J99" s="17">
        <v>1.32</v>
      </c>
      <c r="K99" s="17">
        <v>1.32</v>
      </c>
      <c r="L99" s="17">
        <v>1.32</v>
      </c>
      <c r="M99" s="17">
        <v>1.32</v>
      </c>
      <c r="N99" s="17">
        <v>1.34</v>
      </c>
      <c r="O99" s="17">
        <v>1.35</v>
      </c>
      <c r="P99" s="17">
        <v>1.3477103703703699</v>
      </c>
      <c r="Q99" s="17">
        <v>1.35</v>
      </c>
      <c r="R99" s="17">
        <v>1.35</v>
      </c>
      <c r="S99" s="17">
        <v>1.35</v>
      </c>
      <c r="T99" s="17">
        <v>1.35</v>
      </c>
      <c r="U99" s="17">
        <v>1.35</v>
      </c>
      <c r="V99" s="17">
        <v>1.35</v>
      </c>
      <c r="W99" s="17">
        <v>1.36</v>
      </c>
      <c r="X99" s="17">
        <v>1.35</v>
      </c>
      <c r="Y99" s="17">
        <v>1.35</v>
      </c>
      <c r="Z99" s="17">
        <v>1.35</v>
      </c>
      <c r="AA99" s="17">
        <v>1.35</v>
      </c>
      <c r="AB99" s="17">
        <v>1.35</v>
      </c>
      <c r="AC99" s="17">
        <v>1.34</v>
      </c>
      <c r="AD99" s="17">
        <v>1.34</v>
      </c>
      <c r="AE99" s="17">
        <v>1.33</v>
      </c>
      <c r="AF99" s="17">
        <v>1.33</v>
      </c>
      <c r="AG99" s="17">
        <v>1.33</v>
      </c>
      <c r="AH99" s="17">
        <v>1.33</v>
      </c>
      <c r="AI99" s="14">
        <v>1.33</v>
      </c>
      <c r="AJ99" s="56">
        <v>1.33203148148148</v>
      </c>
      <c r="AK99" s="56">
        <v>1.3346203703703703</v>
      </c>
      <c r="AL99" s="56">
        <v>1.33548481481481</v>
      </c>
      <c r="AM99" s="56">
        <v>1.33</v>
      </c>
      <c r="AN99" s="17">
        <v>1.33</v>
      </c>
      <c r="AO99" s="17">
        <v>1.33</v>
      </c>
      <c r="AP99" s="17">
        <v>1.33</v>
      </c>
      <c r="AQ99" s="17">
        <v>1.33</v>
      </c>
      <c r="AR99" s="17">
        <v>1.34</v>
      </c>
      <c r="AS99" s="17">
        <v>1.33</v>
      </c>
      <c r="AT99" s="17">
        <v>1.33</v>
      </c>
      <c r="AU99" s="17">
        <v>1.33</v>
      </c>
      <c r="AV99" s="17">
        <v>1.33</v>
      </c>
      <c r="AW99" s="17">
        <v>1.33</v>
      </c>
      <c r="AX99" s="17">
        <v>1.33</v>
      </c>
      <c r="AY99" s="17">
        <v>1.33</v>
      </c>
      <c r="AZ99" s="17">
        <v>1.34</v>
      </c>
      <c r="BA99" s="17">
        <v>1.34</v>
      </c>
      <c r="BB99" s="17">
        <v>1.34</v>
      </c>
      <c r="BC99" s="17">
        <v>1.34</v>
      </c>
      <c r="BD99" s="17">
        <v>1.34</v>
      </c>
    </row>
    <row r="100" spans="3:56" x14ac:dyDescent="0.2">
      <c r="C100" s="5" t="s">
        <v>63</v>
      </c>
      <c r="D100" s="6" t="s">
        <v>58</v>
      </c>
      <c r="E100" s="17">
        <v>19.77</v>
      </c>
      <c r="F100" s="17">
        <v>19.809999999999999</v>
      </c>
      <c r="G100" s="17">
        <v>19.190000000000001</v>
      </c>
      <c r="H100" s="17">
        <v>18.93</v>
      </c>
      <c r="I100" s="17">
        <v>18.420000000000002</v>
      </c>
      <c r="J100" s="17">
        <v>18.75</v>
      </c>
      <c r="K100" s="17">
        <v>18.91</v>
      </c>
      <c r="L100" s="17">
        <v>18.7</v>
      </c>
      <c r="M100" s="17">
        <v>18.71</v>
      </c>
      <c r="N100" s="17">
        <v>18.579999999999998</v>
      </c>
      <c r="O100" s="17">
        <v>18.32</v>
      </c>
      <c r="P100" s="17">
        <v>18.142584631944999</v>
      </c>
      <c r="Q100" s="17">
        <v>18.46</v>
      </c>
      <c r="R100" s="17">
        <v>18.57</v>
      </c>
      <c r="S100" s="17">
        <v>18.57</v>
      </c>
      <c r="T100" s="17">
        <v>18.559999999999999</v>
      </c>
      <c r="U100" s="17">
        <v>18.440000000000001</v>
      </c>
      <c r="V100" s="17">
        <v>18.43</v>
      </c>
      <c r="W100" s="17">
        <v>18.38</v>
      </c>
      <c r="X100" s="17">
        <v>18.239999999999998</v>
      </c>
      <c r="Y100" s="17">
        <v>18.46</v>
      </c>
      <c r="Z100" s="17">
        <v>18.39</v>
      </c>
      <c r="AA100" s="17">
        <v>18.649999999999999</v>
      </c>
      <c r="AB100" s="17">
        <v>19</v>
      </c>
      <c r="AC100" s="17">
        <v>18.850000000000001</v>
      </c>
      <c r="AD100" s="17">
        <v>18.809999999999999</v>
      </c>
      <c r="AE100" s="17">
        <v>18.82</v>
      </c>
      <c r="AF100" s="17">
        <v>18.829999999999998</v>
      </c>
      <c r="AG100" s="17">
        <v>18.809999999999999</v>
      </c>
      <c r="AH100" s="17">
        <v>18.72</v>
      </c>
      <c r="AI100" s="14">
        <v>18.850000000000001</v>
      </c>
      <c r="AJ100" s="57">
        <v>18.544394025821099</v>
      </c>
      <c r="AK100" s="58">
        <v>18.5322415345134</v>
      </c>
      <c r="AL100" s="58">
        <v>18.506865287862901</v>
      </c>
      <c r="AM100" s="57">
        <v>18.420000000000002</v>
      </c>
      <c r="AN100" s="17">
        <v>18.489999999999998</v>
      </c>
      <c r="AO100" s="17">
        <v>18.48</v>
      </c>
      <c r="AP100" s="17">
        <v>18.489999999999998</v>
      </c>
      <c r="AQ100" s="17">
        <v>18.46</v>
      </c>
      <c r="AR100" s="17">
        <v>18.670000000000002</v>
      </c>
      <c r="AS100" s="17">
        <v>18.95</v>
      </c>
      <c r="AT100" s="17">
        <v>18.72</v>
      </c>
      <c r="AU100" s="17">
        <v>18.61</v>
      </c>
      <c r="AV100" s="17">
        <v>18.57</v>
      </c>
      <c r="AW100" s="17">
        <v>18.41</v>
      </c>
      <c r="AX100" s="17">
        <v>18.34</v>
      </c>
      <c r="AY100" s="17">
        <v>18.39</v>
      </c>
      <c r="AZ100" s="17">
        <v>18.350000000000001</v>
      </c>
      <c r="BA100" s="17">
        <v>18.46</v>
      </c>
      <c r="BB100" s="17">
        <v>18.47</v>
      </c>
      <c r="BC100" s="17">
        <v>18.5</v>
      </c>
      <c r="BD100" s="17">
        <v>18.7</v>
      </c>
    </row>
    <row r="101" spans="3:56" x14ac:dyDescent="0.2">
      <c r="C101" s="5" t="s">
        <v>64</v>
      </c>
      <c r="D101" s="6" t="s">
        <v>58</v>
      </c>
      <c r="E101" s="17">
        <v>12.04</v>
      </c>
      <c r="F101" s="17">
        <v>12.13</v>
      </c>
      <c r="G101" s="17">
        <v>12.44</v>
      </c>
      <c r="H101" s="17">
        <v>11.79</v>
      </c>
      <c r="I101" s="17">
        <v>11.39</v>
      </c>
      <c r="J101" s="17">
        <v>11.45</v>
      </c>
      <c r="K101" s="17">
        <v>11.32</v>
      </c>
      <c r="L101" s="17">
        <v>11.32</v>
      </c>
      <c r="M101" s="17">
        <v>11.23</v>
      </c>
      <c r="N101" s="17">
        <v>11.31</v>
      </c>
      <c r="O101" s="17">
        <v>11.03</v>
      </c>
      <c r="P101" s="17">
        <v>11.1967954566279</v>
      </c>
      <c r="Q101" s="17">
        <v>11.26</v>
      </c>
      <c r="R101" s="17">
        <v>11.45</v>
      </c>
      <c r="S101" s="17">
        <v>11.45</v>
      </c>
      <c r="T101" s="17">
        <v>11.44</v>
      </c>
      <c r="U101" s="17">
        <v>11.15</v>
      </c>
      <c r="V101" s="17">
        <v>11.07</v>
      </c>
      <c r="W101" s="17">
        <v>10.85</v>
      </c>
      <c r="X101" s="17">
        <v>10.82</v>
      </c>
      <c r="Y101" s="17">
        <v>10.69</v>
      </c>
      <c r="Z101" s="17">
        <v>10.7</v>
      </c>
      <c r="AA101" s="17">
        <v>10.65</v>
      </c>
      <c r="AB101" s="17">
        <v>10.99</v>
      </c>
      <c r="AC101" s="17">
        <v>11.04</v>
      </c>
      <c r="AD101" s="17">
        <v>11.17</v>
      </c>
      <c r="AE101" s="17">
        <v>11.08</v>
      </c>
      <c r="AF101" s="17">
        <v>11.09</v>
      </c>
      <c r="AG101" s="17">
        <v>10.98</v>
      </c>
      <c r="AH101" s="17">
        <v>11.02</v>
      </c>
      <c r="AI101" s="14">
        <v>11.02</v>
      </c>
      <c r="AJ101" s="59">
        <v>10.961517300297899</v>
      </c>
      <c r="AK101" s="58">
        <v>10.9527836358409</v>
      </c>
      <c r="AL101" s="58">
        <v>10.801638208781799</v>
      </c>
      <c r="AM101" s="57">
        <v>10.87</v>
      </c>
      <c r="AN101" s="17">
        <v>10.94</v>
      </c>
      <c r="AO101" s="17">
        <v>10.84</v>
      </c>
      <c r="AP101" s="17">
        <v>10.84</v>
      </c>
      <c r="AQ101" s="17">
        <v>10.88</v>
      </c>
      <c r="AR101" s="17">
        <v>10.89</v>
      </c>
      <c r="AS101" s="17">
        <v>10.93</v>
      </c>
      <c r="AT101" s="17">
        <v>10.89</v>
      </c>
      <c r="AU101" s="17">
        <v>10.8</v>
      </c>
      <c r="AV101" s="17">
        <v>10.73</v>
      </c>
      <c r="AW101" s="17">
        <v>10.97</v>
      </c>
      <c r="AX101" s="17">
        <v>10.93</v>
      </c>
      <c r="AY101" s="17">
        <v>10.78</v>
      </c>
      <c r="AZ101" s="17">
        <v>10.86</v>
      </c>
      <c r="BA101" s="17">
        <v>10.91</v>
      </c>
      <c r="BB101" s="17">
        <v>10.9</v>
      </c>
      <c r="BC101" s="17">
        <v>11.02</v>
      </c>
      <c r="BD101" s="17">
        <v>11.2</v>
      </c>
    </row>
    <row r="102" spans="3:56" x14ac:dyDescent="0.2">
      <c r="C102" s="5" t="s">
        <v>65</v>
      </c>
      <c r="D102" s="6" t="s">
        <v>58</v>
      </c>
      <c r="E102" s="17">
        <v>3.84</v>
      </c>
      <c r="F102" s="17">
        <v>3.79</v>
      </c>
      <c r="G102" s="17">
        <v>3.92</v>
      </c>
      <c r="H102" s="17">
        <v>3.85</v>
      </c>
      <c r="I102" s="17">
        <v>3.83</v>
      </c>
      <c r="J102" s="17">
        <v>3.81</v>
      </c>
      <c r="K102" s="17">
        <v>3.83</v>
      </c>
      <c r="L102" s="17">
        <v>3.85</v>
      </c>
      <c r="M102" s="17">
        <v>3.76</v>
      </c>
      <c r="N102" s="17">
        <v>3.91</v>
      </c>
      <c r="O102" s="17">
        <v>3.84</v>
      </c>
      <c r="P102" s="17">
        <v>3.9485060641430598</v>
      </c>
      <c r="Q102" s="17">
        <v>3.96</v>
      </c>
      <c r="R102" s="17">
        <v>3.88</v>
      </c>
      <c r="S102" s="17">
        <v>3.88</v>
      </c>
      <c r="T102" s="17">
        <v>3.86</v>
      </c>
      <c r="U102" s="17">
        <v>3.96</v>
      </c>
      <c r="V102" s="17">
        <v>3.99</v>
      </c>
      <c r="W102" s="17">
        <v>3.92</v>
      </c>
      <c r="X102" s="17">
        <v>3.95</v>
      </c>
      <c r="Y102" s="17">
        <v>4.04</v>
      </c>
      <c r="Z102" s="17">
        <v>4.03</v>
      </c>
      <c r="AA102" s="17">
        <v>4.03</v>
      </c>
      <c r="AB102" s="17">
        <v>4.2699999999999996</v>
      </c>
      <c r="AC102" s="17">
        <v>4.21</v>
      </c>
      <c r="AD102" s="17">
        <v>4.1500000000000004</v>
      </c>
      <c r="AE102" s="17">
        <v>4.0999999999999996</v>
      </c>
      <c r="AF102" s="17">
        <v>4.1100000000000003</v>
      </c>
      <c r="AG102" s="17">
        <v>4.21</v>
      </c>
      <c r="AH102" s="17">
        <v>4.17</v>
      </c>
      <c r="AI102" s="14">
        <v>4.1900000000000004</v>
      </c>
      <c r="AJ102" s="59">
        <v>4.2718919708191798</v>
      </c>
      <c r="AK102" s="58">
        <v>4.2858410394007498</v>
      </c>
      <c r="AL102" s="58">
        <v>4.2114410483922802</v>
      </c>
      <c r="AM102" s="57">
        <v>4.2300000000000004</v>
      </c>
      <c r="AN102" s="17">
        <v>4.1900000000000004</v>
      </c>
      <c r="AO102" s="17">
        <v>4.12</v>
      </c>
      <c r="AP102" s="17">
        <v>4.13</v>
      </c>
      <c r="AQ102" s="17">
        <v>4.03</v>
      </c>
      <c r="AR102" s="17">
        <v>4.05</v>
      </c>
      <c r="AS102" s="17">
        <v>4.0599999999999996</v>
      </c>
      <c r="AT102" s="17">
        <v>3.97</v>
      </c>
      <c r="AU102" s="17">
        <v>3.96</v>
      </c>
      <c r="AV102" s="17">
        <v>3.87</v>
      </c>
      <c r="AW102" s="17">
        <v>3.91</v>
      </c>
      <c r="AX102" s="17">
        <v>3.81</v>
      </c>
      <c r="AY102" s="17">
        <v>3.76</v>
      </c>
      <c r="AZ102" s="17">
        <v>3.82</v>
      </c>
      <c r="BA102" s="17">
        <v>3.96</v>
      </c>
      <c r="BB102" s="17">
        <v>4.07</v>
      </c>
      <c r="BC102" s="17">
        <v>3.98</v>
      </c>
      <c r="BD102" s="17">
        <v>4.0199999999999996</v>
      </c>
    </row>
    <row r="103" spans="3:56" x14ac:dyDescent="0.2">
      <c r="C103" s="5" t="s">
        <v>66</v>
      </c>
      <c r="D103" s="6" t="s">
        <v>58</v>
      </c>
      <c r="E103" s="17">
        <v>7.96</v>
      </c>
      <c r="F103" s="17">
        <v>7.64</v>
      </c>
      <c r="G103" s="17">
        <v>7.51</v>
      </c>
      <c r="H103" s="17">
        <v>7.51</v>
      </c>
      <c r="I103" s="17">
        <v>7.53</v>
      </c>
      <c r="J103" s="17">
        <v>7.38</v>
      </c>
      <c r="K103" s="17">
        <v>8.02</v>
      </c>
      <c r="L103" s="17">
        <v>8.1300000000000008</v>
      </c>
      <c r="M103" s="17">
        <v>7.96</v>
      </c>
      <c r="N103" s="17">
        <v>7.67</v>
      </c>
      <c r="O103" s="17">
        <v>7.8</v>
      </c>
      <c r="P103" s="17">
        <v>7.8396428099052997</v>
      </c>
      <c r="Q103" s="17">
        <v>7.56</v>
      </c>
      <c r="R103" s="17">
        <v>7.43</v>
      </c>
      <c r="S103" s="17">
        <v>7.43</v>
      </c>
      <c r="T103" s="17">
        <v>7.33</v>
      </c>
      <c r="U103" s="17">
        <v>7.34</v>
      </c>
      <c r="V103" s="17">
        <v>7.3</v>
      </c>
      <c r="W103" s="17">
        <v>6.93</v>
      </c>
      <c r="X103" s="17">
        <v>7.01</v>
      </c>
      <c r="Y103" s="17">
        <v>7.24</v>
      </c>
      <c r="Z103" s="17">
        <v>7.51</v>
      </c>
      <c r="AA103" s="17">
        <v>7.57</v>
      </c>
      <c r="AB103" s="17">
        <v>7.82</v>
      </c>
      <c r="AC103" s="17">
        <v>7.89</v>
      </c>
      <c r="AD103" s="17">
        <v>7.46</v>
      </c>
      <c r="AE103" s="17">
        <v>7.18</v>
      </c>
      <c r="AF103" s="17">
        <v>7.26</v>
      </c>
      <c r="AG103" s="17">
        <v>7.1</v>
      </c>
      <c r="AH103" s="17">
        <v>7.39</v>
      </c>
      <c r="AI103" s="14">
        <v>7.34</v>
      </c>
      <c r="AJ103" s="59">
        <v>7.4965928557257806</v>
      </c>
      <c r="AK103" s="58">
        <v>7.6041595465679004</v>
      </c>
      <c r="AL103" s="58">
        <v>7.7135665856412299</v>
      </c>
      <c r="AM103" s="57">
        <v>7.71</v>
      </c>
      <c r="AN103" s="17">
        <v>7.78</v>
      </c>
      <c r="AO103" s="17">
        <v>7.65</v>
      </c>
      <c r="AP103" s="17">
        <v>7.74</v>
      </c>
      <c r="AQ103" s="17">
        <v>7.6</v>
      </c>
      <c r="AR103" s="17">
        <v>7.51</v>
      </c>
      <c r="AS103" s="17">
        <v>7.29</v>
      </c>
      <c r="AT103" s="17">
        <v>7.04</v>
      </c>
      <c r="AU103" s="17">
        <v>7.12</v>
      </c>
      <c r="AV103" s="17">
        <v>7.18</v>
      </c>
      <c r="AW103" s="17">
        <v>7.33</v>
      </c>
      <c r="AX103" s="17">
        <v>7.3</v>
      </c>
      <c r="AY103" s="17">
        <v>7.18</v>
      </c>
      <c r="AZ103" s="17">
        <v>7.4</v>
      </c>
      <c r="BA103" s="17">
        <v>7.57</v>
      </c>
      <c r="BB103" s="17">
        <v>7.45</v>
      </c>
      <c r="BC103" s="17">
        <v>7.53</v>
      </c>
      <c r="BD103" s="17">
        <v>7.7</v>
      </c>
    </row>
    <row r="104" spans="3:56" x14ac:dyDescent="0.2">
      <c r="C104" s="5" t="s">
        <v>67</v>
      </c>
      <c r="D104" s="6" t="s">
        <v>58</v>
      </c>
      <c r="E104" s="17">
        <v>14.74</v>
      </c>
      <c r="F104" s="17">
        <v>15.03</v>
      </c>
      <c r="G104" s="17">
        <v>15.5</v>
      </c>
      <c r="H104" s="17">
        <v>14.79</v>
      </c>
      <c r="I104" s="17">
        <v>14.81</v>
      </c>
      <c r="J104" s="17">
        <v>14.42</v>
      </c>
      <c r="K104" s="17">
        <v>14.22</v>
      </c>
      <c r="L104" s="17">
        <v>14</v>
      </c>
      <c r="M104" s="17">
        <v>13.58</v>
      </c>
      <c r="N104" s="17">
        <v>13.59</v>
      </c>
      <c r="O104" s="17">
        <v>13.82</v>
      </c>
      <c r="P104" s="17">
        <v>13.7391164721184</v>
      </c>
      <c r="Q104" s="17">
        <v>13.49</v>
      </c>
      <c r="R104" s="17">
        <v>13.67</v>
      </c>
      <c r="S104" s="17">
        <v>13.67</v>
      </c>
      <c r="T104" s="17">
        <v>13.59</v>
      </c>
      <c r="U104" s="17">
        <v>13.48</v>
      </c>
      <c r="V104" s="17">
        <v>13.26</v>
      </c>
      <c r="W104" s="17">
        <v>13.21</v>
      </c>
      <c r="X104" s="17">
        <v>13.34</v>
      </c>
      <c r="Y104" s="17">
        <v>13.23</v>
      </c>
      <c r="Z104" s="17">
        <v>13.15</v>
      </c>
      <c r="AA104" s="17">
        <v>13.26</v>
      </c>
      <c r="AB104" s="17">
        <v>13.35</v>
      </c>
      <c r="AC104" s="17">
        <v>13.57</v>
      </c>
      <c r="AD104" s="17">
        <v>13.43</v>
      </c>
      <c r="AE104" s="17">
        <v>13.47</v>
      </c>
      <c r="AF104" s="17">
        <v>13.38</v>
      </c>
      <c r="AG104" s="17">
        <v>13.44</v>
      </c>
      <c r="AH104" s="17">
        <v>13.32</v>
      </c>
      <c r="AI104" s="14">
        <v>13.42</v>
      </c>
      <c r="AJ104" s="59">
        <v>13.365659385853901</v>
      </c>
      <c r="AK104" s="58">
        <v>13.3894015370545</v>
      </c>
      <c r="AL104" s="58">
        <v>13.126472235625799</v>
      </c>
      <c r="AM104" s="57">
        <v>13.11</v>
      </c>
      <c r="AN104" s="17">
        <v>13.14</v>
      </c>
      <c r="AO104" s="17">
        <v>13.44</v>
      </c>
      <c r="AP104" s="17">
        <v>13.01</v>
      </c>
      <c r="AQ104" s="17">
        <v>13.16</v>
      </c>
      <c r="AR104" s="17">
        <v>12.97</v>
      </c>
      <c r="AS104" s="17">
        <v>13.16</v>
      </c>
      <c r="AT104" s="17">
        <v>13.2</v>
      </c>
      <c r="AU104" s="17">
        <v>13.3</v>
      </c>
      <c r="AV104" s="17">
        <v>12.95</v>
      </c>
      <c r="AW104" s="17">
        <v>13.01</v>
      </c>
      <c r="AX104" s="17">
        <v>13</v>
      </c>
      <c r="AY104" s="17">
        <v>13.11</v>
      </c>
      <c r="AZ104" s="17">
        <v>13.15</v>
      </c>
      <c r="BA104" s="17">
        <v>13.2</v>
      </c>
      <c r="BB104" s="17">
        <v>13.98</v>
      </c>
      <c r="BC104" s="17">
        <v>13.1</v>
      </c>
      <c r="BD104" s="17">
        <v>13.82</v>
      </c>
    </row>
    <row r="105" spans="3:56" x14ac:dyDescent="0.2">
      <c r="C105" s="5" t="s">
        <v>68</v>
      </c>
      <c r="D105" s="6" t="s">
        <v>58</v>
      </c>
      <c r="E105" s="17">
        <v>4.9000000000000004</v>
      </c>
      <c r="F105" s="17">
        <v>4.63</v>
      </c>
      <c r="G105" s="17">
        <v>4.79</v>
      </c>
      <c r="H105" s="17">
        <v>4.88</v>
      </c>
      <c r="I105" s="17">
        <v>4.87</v>
      </c>
      <c r="J105" s="17">
        <v>4.9800000000000004</v>
      </c>
      <c r="K105" s="17">
        <v>5.05</v>
      </c>
      <c r="L105" s="17">
        <v>4.9400000000000004</v>
      </c>
      <c r="M105" s="17">
        <v>4.82</v>
      </c>
      <c r="N105" s="17">
        <v>4.8899999999999997</v>
      </c>
      <c r="O105" s="17">
        <v>4.7699999999999996</v>
      </c>
      <c r="P105" s="17">
        <v>4.78913545212112</v>
      </c>
      <c r="Q105" s="17">
        <v>4.82</v>
      </c>
      <c r="R105" s="17">
        <v>4.78</v>
      </c>
      <c r="S105" s="17">
        <v>4.78</v>
      </c>
      <c r="T105" s="17">
        <v>4.8499999999999996</v>
      </c>
      <c r="U105" s="17">
        <v>4.9400000000000004</v>
      </c>
      <c r="V105" s="17">
        <v>5.01</v>
      </c>
      <c r="W105" s="17">
        <v>4.93</v>
      </c>
      <c r="X105" s="17">
        <v>4.9000000000000004</v>
      </c>
      <c r="Y105" s="17">
        <v>4.84</v>
      </c>
      <c r="Z105" s="17">
        <v>4.8899999999999997</v>
      </c>
      <c r="AA105" s="17">
        <v>4.8099999999999996</v>
      </c>
      <c r="AB105" s="17">
        <v>4.96</v>
      </c>
      <c r="AC105" s="17">
        <v>4.97</v>
      </c>
      <c r="AD105" s="17">
        <v>4.87</v>
      </c>
      <c r="AE105" s="17">
        <v>4.82</v>
      </c>
      <c r="AF105" s="17">
        <v>4.82</v>
      </c>
      <c r="AG105" s="17">
        <v>4.88</v>
      </c>
      <c r="AH105" s="17">
        <v>4.79</v>
      </c>
      <c r="AI105" s="14">
        <v>4.71</v>
      </c>
      <c r="AJ105" s="59">
        <v>4.7066557905965603</v>
      </c>
      <c r="AK105" s="58">
        <v>4.65309414611181</v>
      </c>
      <c r="AL105" s="58">
        <v>4.5918370809536002</v>
      </c>
      <c r="AM105" s="57">
        <v>4.5599999999999996</v>
      </c>
      <c r="AN105" s="17">
        <v>4.7</v>
      </c>
      <c r="AO105" s="17">
        <v>4.67</v>
      </c>
      <c r="AP105" s="17">
        <v>4.7</v>
      </c>
      <c r="AQ105" s="17">
        <v>4.66</v>
      </c>
      <c r="AR105" s="17">
        <v>4.6500000000000004</v>
      </c>
      <c r="AS105" s="17">
        <v>4.6399999999999997</v>
      </c>
      <c r="AT105" s="17">
        <v>4.7</v>
      </c>
      <c r="AU105" s="17">
        <v>4.6500000000000004</v>
      </c>
      <c r="AV105" s="17">
        <v>4.66</v>
      </c>
      <c r="AW105" s="17">
        <v>4.6500000000000004</v>
      </c>
      <c r="AX105" s="17">
        <v>4.75</v>
      </c>
      <c r="AY105" s="17">
        <v>4.5999999999999996</v>
      </c>
      <c r="AZ105" s="17">
        <v>4.83</v>
      </c>
      <c r="BA105" s="17">
        <v>4.8099999999999996</v>
      </c>
      <c r="BB105" s="17">
        <v>4.9000000000000004</v>
      </c>
      <c r="BC105" s="17">
        <v>4.93</v>
      </c>
      <c r="BD105" s="17">
        <v>4.93</v>
      </c>
    </row>
    <row r="106" spans="3:56" x14ac:dyDescent="0.2">
      <c r="C106" s="5" t="s">
        <v>69</v>
      </c>
      <c r="D106" s="6" t="s">
        <v>58</v>
      </c>
      <c r="E106" s="17">
        <v>3.83</v>
      </c>
      <c r="F106" s="17">
        <v>3.93</v>
      </c>
      <c r="G106" s="17">
        <v>4.1900000000000004</v>
      </c>
      <c r="H106" s="17">
        <v>4.34</v>
      </c>
      <c r="I106" s="17">
        <v>4.26</v>
      </c>
      <c r="J106" s="17">
        <v>4.32</v>
      </c>
      <c r="K106" s="17">
        <v>4.25</v>
      </c>
      <c r="L106" s="17">
        <v>4.22</v>
      </c>
      <c r="M106" s="17">
        <v>4.1399999999999997</v>
      </c>
      <c r="N106" s="17">
        <v>4.09</v>
      </c>
      <c r="O106" s="17">
        <v>4.09</v>
      </c>
      <c r="P106" s="17">
        <v>4.1251479293029298</v>
      </c>
      <c r="Q106" s="17">
        <v>4.1100000000000003</v>
      </c>
      <c r="R106" s="17">
        <v>3.96</v>
      </c>
      <c r="S106" s="17">
        <v>3.96</v>
      </c>
      <c r="T106" s="17">
        <v>3.84</v>
      </c>
      <c r="U106" s="17">
        <v>3.84</v>
      </c>
      <c r="V106" s="17">
        <v>3.79</v>
      </c>
      <c r="W106" s="17">
        <v>3.73</v>
      </c>
      <c r="X106" s="17">
        <v>3.73</v>
      </c>
      <c r="Y106" s="17">
        <v>3.81</v>
      </c>
      <c r="Z106" s="17">
        <v>3.78</v>
      </c>
      <c r="AA106" s="17">
        <v>3.84</v>
      </c>
      <c r="AB106" s="17">
        <v>4.0199999999999996</v>
      </c>
      <c r="AC106" s="17">
        <v>4.21</v>
      </c>
      <c r="AD106" s="17">
        <v>4.28</v>
      </c>
      <c r="AE106" s="17">
        <v>4.17</v>
      </c>
      <c r="AF106" s="17">
        <v>4.0599999999999996</v>
      </c>
      <c r="AG106" s="17">
        <v>4.01</v>
      </c>
      <c r="AH106" s="17">
        <v>3.99</v>
      </c>
      <c r="AI106" s="14">
        <v>3.96</v>
      </c>
      <c r="AJ106" s="59">
        <v>3.9585162764947199</v>
      </c>
      <c r="AK106" s="58">
        <v>3.94674787781639</v>
      </c>
      <c r="AL106" s="58">
        <v>3.8550919588958803</v>
      </c>
      <c r="AM106" s="57">
        <v>3.78</v>
      </c>
      <c r="AN106" s="17">
        <v>3.83</v>
      </c>
      <c r="AO106" s="17">
        <v>3.84</v>
      </c>
      <c r="AP106" s="17">
        <v>3.89</v>
      </c>
      <c r="AQ106" s="17">
        <v>3.89</v>
      </c>
      <c r="AR106" s="17">
        <v>3.8</v>
      </c>
      <c r="AS106" s="17">
        <v>3.8</v>
      </c>
      <c r="AT106" s="17">
        <v>3.82</v>
      </c>
      <c r="AU106" s="17">
        <v>3.77</v>
      </c>
      <c r="AV106" s="17">
        <v>3.74</v>
      </c>
      <c r="AW106" s="17">
        <v>3.82</v>
      </c>
      <c r="AX106" s="17">
        <v>3.89</v>
      </c>
      <c r="AY106" s="17">
        <v>3.89</v>
      </c>
      <c r="AZ106" s="17">
        <v>4</v>
      </c>
      <c r="BA106" s="17">
        <v>4.0599999999999996</v>
      </c>
      <c r="BB106" s="17">
        <v>4.1100000000000003</v>
      </c>
      <c r="BC106" s="17">
        <v>4.13</v>
      </c>
      <c r="BD106" s="17">
        <v>4.1900000000000004</v>
      </c>
    </row>
    <row r="107" spans="3:56" x14ac:dyDescent="0.2">
      <c r="C107" s="5" t="s">
        <v>70</v>
      </c>
      <c r="D107" s="6" t="s">
        <v>58</v>
      </c>
      <c r="E107" s="17">
        <v>4.01</v>
      </c>
      <c r="F107" s="17">
        <v>3.9</v>
      </c>
      <c r="G107" s="17">
        <v>4.1500000000000004</v>
      </c>
      <c r="H107" s="17">
        <v>4.16</v>
      </c>
      <c r="I107" s="17">
        <v>4.07</v>
      </c>
      <c r="J107" s="17">
        <v>3.99</v>
      </c>
      <c r="K107" s="17">
        <v>4.01</v>
      </c>
      <c r="L107" s="17">
        <v>3.86</v>
      </c>
      <c r="M107" s="17">
        <v>3.76</v>
      </c>
      <c r="N107" s="17">
        <v>3.64</v>
      </c>
      <c r="O107" s="17">
        <v>3.57</v>
      </c>
      <c r="P107" s="17">
        <v>3.5802724335051899</v>
      </c>
      <c r="Q107" s="17">
        <v>3.56</v>
      </c>
      <c r="R107" s="17">
        <v>3.53</v>
      </c>
      <c r="S107" s="17">
        <v>3.53</v>
      </c>
      <c r="T107" s="17">
        <v>3.52</v>
      </c>
      <c r="U107" s="17">
        <v>3.54</v>
      </c>
      <c r="V107" s="17">
        <v>3.57</v>
      </c>
      <c r="W107" s="17">
        <v>3.67</v>
      </c>
      <c r="X107" s="17">
        <v>3.86</v>
      </c>
      <c r="Y107" s="17">
        <v>3.89</v>
      </c>
      <c r="Z107" s="17">
        <v>3.83</v>
      </c>
      <c r="AA107" s="17">
        <v>4.0199999999999996</v>
      </c>
      <c r="AB107" s="17">
        <v>4.25</v>
      </c>
      <c r="AC107" s="17">
        <v>4.24</v>
      </c>
      <c r="AD107" s="17">
        <v>4.16</v>
      </c>
      <c r="AE107" s="17">
        <v>4.05</v>
      </c>
      <c r="AF107" s="17">
        <v>4.09</v>
      </c>
      <c r="AG107" s="17">
        <v>4.16</v>
      </c>
      <c r="AH107" s="17">
        <v>4.08</v>
      </c>
      <c r="AI107" s="14">
        <v>4.0599999999999996</v>
      </c>
      <c r="AJ107" s="59">
        <v>4.0659535884477602</v>
      </c>
      <c r="AK107" s="58">
        <v>4.0699602016966896</v>
      </c>
      <c r="AL107" s="58">
        <v>4.0237526736971398</v>
      </c>
      <c r="AM107" s="57">
        <v>4.01</v>
      </c>
      <c r="AN107" s="17">
        <v>4.04</v>
      </c>
      <c r="AO107" s="17">
        <v>4.05</v>
      </c>
      <c r="AP107" s="17">
        <v>4.05</v>
      </c>
      <c r="AQ107" s="17">
        <v>3.96</v>
      </c>
      <c r="AR107" s="17">
        <v>3.96</v>
      </c>
      <c r="AS107" s="17">
        <v>4.05</v>
      </c>
      <c r="AT107" s="17">
        <v>4</v>
      </c>
      <c r="AU107" s="17">
        <v>4.09</v>
      </c>
      <c r="AV107" s="17">
        <v>3.95</v>
      </c>
      <c r="AW107" s="17">
        <v>4.03</v>
      </c>
      <c r="AX107" s="17">
        <v>4.0199999999999996</v>
      </c>
      <c r="AY107" s="17">
        <v>4</v>
      </c>
      <c r="AZ107" s="17">
        <v>4.08</v>
      </c>
      <c r="BA107" s="17">
        <v>4.17</v>
      </c>
      <c r="BB107" s="17">
        <v>4.1500000000000004</v>
      </c>
      <c r="BC107" s="17">
        <v>4.1900000000000004</v>
      </c>
      <c r="BD107" s="17">
        <v>4.18</v>
      </c>
    </row>
    <row r="108" spans="3:56" x14ac:dyDescent="0.2">
      <c r="C108" s="5" t="s">
        <v>103</v>
      </c>
      <c r="D108" s="6" t="s">
        <v>58</v>
      </c>
      <c r="E108" s="17">
        <v>10.78</v>
      </c>
      <c r="F108" s="17">
        <v>10.98</v>
      </c>
      <c r="G108" s="17">
        <v>10.67</v>
      </c>
      <c r="H108" s="17">
        <v>10.82</v>
      </c>
      <c r="I108" s="17">
        <v>10.88</v>
      </c>
      <c r="J108" s="17">
        <v>10.9</v>
      </c>
      <c r="K108" s="17">
        <v>10.84</v>
      </c>
      <c r="L108" s="17">
        <v>11</v>
      </c>
      <c r="M108" s="17">
        <v>11.1</v>
      </c>
      <c r="N108" s="17">
        <v>11.26</v>
      </c>
      <c r="O108" s="17">
        <v>11.09</v>
      </c>
      <c r="P108" s="17">
        <v>11.16</v>
      </c>
      <c r="Q108" s="17">
        <v>11.16</v>
      </c>
      <c r="R108" s="17">
        <v>11.34</v>
      </c>
      <c r="S108" s="17">
        <v>11.34</v>
      </c>
      <c r="T108" s="17">
        <v>11.42</v>
      </c>
      <c r="U108" s="17">
        <v>11.48</v>
      </c>
      <c r="V108" s="17">
        <v>11.53</v>
      </c>
      <c r="W108" s="17">
        <v>11.56</v>
      </c>
      <c r="X108" s="17">
        <v>11.84</v>
      </c>
      <c r="Y108" s="17">
        <v>12.03</v>
      </c>
      <c r="Z108" s="17">
        <v>12.05</v>
      </c>
      <c r="AA108" s="17">
        <v>11.76</v>
      </c>
      <c r="AB108" s="17">
        <v>11.57</v>
      </c>
      <c r="AC108" s="17">
        <v>11.51</v>
      </c>
      <c r="AD108" s="17">
        <v>11.32</v>
      </c>
      <c r="AE108" s="17">
        <v>11.21</v>
      </c>
      <c r="AF108" s="17">
        <v>10.9</v>
      </c>
      <c r="AG108" s="17">
        <v>10</v>
      </c>
      <c r="AH108" s="17">
        <v>9.74</v>
      </c>
      <c r="AI108" s="14">
        <v>9.7200000000000006</v>
      </c>
      <c r="AJ108" s="59">
        <v>9.4666280306949702</v>
      </c>
      <c r="AK108" s="58">
        <v>9.5170505768080904</v>
      </c>
      <c r="AL108" s="58">
        <v>9.5192356236641196</v>
      </c>
      <c r="AM108" s="57">
        <v>9.6199999999999992</v>
      </c>
      <c r="AN108" s="17">
        <v>9.77</v>
      </c>
      <c r="AO108" s="17">
        <v>9.8699999999999992</v>
      </c>
      <c r="AP108" s="17">
        <v>9.94</v>
      </c>
      <c r="AQ108" s="17">
        <v>10.130000000000001</v>
      </c>
      <c r="AR108" s="17">
        <v>10.14</v>
      </c>
      <c r="AS108" s="17">
        <v>9.98</v>
      </c>
      <c r="AT108" s="17">
        <v>9.91</v>
      </c>
      <c r="AU108" s="17">
        <v>9.81</v>
      </c>
      <c r="AV108" s="17">
        <v>10</v>
      </c>
      <c r="AW108" s="17">
        <v>10.08</v>
      </c>
      <c r="AX108" s="17">
        <v>10.220000000000001</v>
      </c>
      <c r="AY108" s="17">
        <v>10.38</v>
      </c>
      <c r="AZ108" s="17">
        <v>9.99</v>
      </c>
      <c r="BA108" s="17">
        <v>10.16</v>
      </c>
      <c r="BB108" s="17">
        <v>10.199999999999999</v>
      </c>
      <c r="BC108" s="17">
        <v>10.27</v>
      </c>
      <c r="BD108" s="17">
        <v>10.33</v>
      </c>
    </row>
    <row r="109" spans="3:56" x14ac:dyDescent="0.2">
      <c r="C109" s="5" t="s">
        <v>71</v>
      </c>
      <c r="D109" s="6" t="s">
        <v>58</v>
      </c>
      <c r="E109" s="17">
        <v>4.7699999999999996</v>
      </c>
      <c r="F109" s="17">
        <v>4.76</v>
      </c>
      <c r="G109" s="17">
        <v>4.75</v>
      </c>
      <c r="H109" s="17">
        <v>4.74</v>
      </c>
      <c r="I109" s="17">
        <v>4.75</v>
      </c>
      <c r="J109" s="17">
        <v>4.75</v>
      </c>
      <c r="K109" s="17">
        <v>4.7300000000000004</v>
      </c>
      <c r="L109" s="17">
        <v>4.75</v>
      </c>
      <c r="M109" s="17">
        <v>4.75</v>
      </c>
      <c r="N109" s="17">
        <v>4.74</v>
      </c>
      <c r="O109" s="17">
        <v>4.7699999999999996</v>
      </c>
      <c r="P109" s="17">
        <v>4.76124673058822</v>
      </c>
      <c r="Q109" s="17">
        <v>4.76</v>
      </c>
      <c r="R109" s="17">
        <v>4.78</v>
      </c>
      <c r="S109" s="17">
        <v>4.78</v>
      </c>
      <c r="T109" s="17">
        <v>4.7699999999999996</v>
      </c>
      <c r="U109" s="17">
        <v>4.7699999999999996</v>
      </c>
      <c r="V109" s="17">
        <v>4.78</v>
      </c>
      <c r="W109" s="17">
        <v>4.8</v>
      </c>
      <c r="X109" s="17">
        <v>4.8</v>
      </c>
      <c r="Y109" s="17">
        <v>4.8099999999999996</v>
      </c>
      <c r="Z109" s="17">
        <v>4.82</v>
      </c>
      <c r="AA109" s="17">
        <v>4.75</v>
      </c>
      <c r="AB109" s="17">
        <v>4.78</v>
      </c>
      <c r="AC109" s="17">
        <v>4.79</v>
      </c>
      <c r="AD109" s="17">
        <v>4.7699999999999996</v>
      </c>
      <c r="AE109" s="17">
        <v>4.7300000000000004</v>
      </c>
      <c r="AF109" s="17">
        <v>4.8</v>
      </c>
      <c r="AG109" s="17">
        <v>4.82</v>
      </c>
      <c r="AH109" s="17">
        <v>4.84</v>
      </c>
      <c r="AI109" s="14">
        <v>4.8499999999999996</v>
      </c>
      <c r="AJ109" s="60">
        <v>4.8400715222710797</v>
      </c>
      <c r="AK109" s="58">
        <v>4.8397780050792703</v>
      </c>
      <c r="AL109" s="58">
        <v>4.8389959865410503</v>
      </c>
      <c r="AM109" s="60">
        <v>4.84</v>
      </c>
      <c r="AN109" s="17">
        <v>4.8499999999999996</v>
      </c>
      <c r="AO109" s="17">
        <v>4.82</v>
      </c>
      <c r="AP109" s="17">
        <v>4.82</v>
      </c>
      <c r="AQ109" s="17">
        <v>4.83</v>
      </c>
      <c r="AR109" s="17">
        <v>4.82</v>
      </c>
      <c r="AS109" s="17">
        <v>4.82</v>
      </c>
      <c r="AT109" s="17">
        <v>4.84</v>
      </c>
      <c r="AU109" s="17">
        <v>4.82</v>
      </c>
      <c r="AV109" s="17">
        <v>4.8099999999999996</v>
      </c>
      <c r="AW109" s="17">
        <v>4.8499999999999996</v>
      </c>
      <c r="AX109" s="17">
        <v>4.8499999999999996</v>
      </c>
      <c r="AY109" s="17">
        <v>4.8499999999999996</v>
      </c>
      <c r="AZ109" s="17">
        <v>4.9400000000000004</v>
      </c>
      <c r="BA109" s="17">
        <v>4.93</v>
      </c>
      <c r="BB109" s="17">
        <v>4.93</v>
      </c>
      <c r="BC109" s="17">
        <v>4.93</v>
      </c>
      <c r="BD109" s="17">
        <v>4.93</v>
      </c>
    </row>
    <row r="110" spans="3:56" x14ac:dyDescent="0.2">
      <c r="C110" s="5" t="s">
        <v>102</v>
      </c>
      <c r="D110" s="6" t="s">
        <v>58</v>
      </c>
      <c r="E110" s="17">
        <v>9.66</v>
      </c>
      <c r="F110" s="17">
        <v>9.4499999999999993</v>
      </c>
      <c r="G110" s="17">
        <v>9.4700000000000006</v>
      </c>
      <c r="H110" s="17">
        <v>9.33</v>
      </c>
      <c r="I110" s="17">
        <v>9.35</v>
      </c>
      <c r="J110" s="17">
        <v>9.35</v>
      </c>
      <c r="K110" s="17">
        <v>9.3000000000000007</v>
      </c>
      <c r="L110" s="17">
        <v>9.34</v>
      </c>
      <c r="M110" s="17">
        <v>9.34</v>
      </c>
      <c r="N110" s="17">
        <v>9.26</v>
      </c>
      <c r="O110" s="17">
        <v>9.2200000000000006</v>
      </c>
      <c r="P110" s="17">
        <v>9.1999999999999993</v>
      </c>
      <c r="Q110" s="17">
        <v>9.2899999999999991</v>
      </c>
      <c r="R110" s="17">
        <v>9.3000000000000007</v>
      </c>
      <c r="S110" s="17">
        <v>9.3000000000000007</v>
      </c>
      <c r="T110" s="17">
        <v>9.27</v>
      </c>
      <c r="U110" s="17">
        <v>9.32</v>
      </c>
      <c r="V110" s="17">
        <v>9.31</v>
      </c>
      <c r="W110" s="17">
        <v>9.1999999999999993</v>
      </c>
      <c r="X110" s="17">
        <v>9.2200000000000006</v>
      </c>
      <c r="Y110" s="17">
        <v>9.19</v>
      </c>
      <c r="Z110" s="17">
        <v>9.16</v>
      </c>
      <c r="AA110" s="17">
        <v>9.17</v>
      </c>
      <c r="AB110" s="17">
        <v>9.24</v>
      </c>
      <c r="AC110" s="17">
        <v>9.2799999999999994</v>
      </c>
      <c r="AD110" s="17">
        <v>9.15</v>
      </c>
      <c r="AE110" s="17">
        <v>9.14</v>
      </c>
      <c r="AF110" s="17">
        <v>9.0299999999999994</v>
      </c>
      <c r="AG110" s="17">
        <v>9.08</v>
      </c>
      <c r="AH110" s="17">
        <v>9.07</v>
      </c>
      <c r="AI110" s="14">
        <v>9.07</v>
      </c>
      <c r="AJ110" s="60">
        <v>9.0376347952083496</v>
      </c>
      <c r="AK110" s="58">
        <v>9.0625629124751406</v>
      </c>
      <c r="AL110" s="58">
        <v>9.0053378394755299</v>
      </c>
      <c r="AM110" s="60">
        <v>8.9700000000000006</v>
      </c>
      <c r="AN110" s="17">
        <v>8.9499999999999993</v>
      </c>
      <c r="AO110" s="17">
        <v>8.92</v>
      </c>
      <c r="AP110" s="17">
        <v>8.8699999999999992</v>
      </c>
      <c r="AQ110" s="17">
        <v>8.83</v>
      </c>
      <c r="AR110" s="17">
        <v>8.86</v>
      </c>
      <c r="AS110" s="17">
        <v>8.92</v>
      </c>
      <c r="AT110" s="17">
        <v>8.83</v>
      </c>
      <c r="AU110" s="17">
        <v>8.85</v>
      </c>
      <c r="AV110" s="17">
        <v>8.6</v>
      </c>
      <c r="AW110" s="17">
        <v>8.67</v>
      </c>
      <c r="AX110" s="17">
        <v>8.64</v>
      </c>
      <c r="AY110" s="17">
        <v>8.5</v>
      </c>
      <c r="AZ110" s="17">
        <v>8.66</v>
      </c>
      <c r="BA110" s="17">
        <v>8.64</v>
      </c>
      <c r="BB110" s="17">
        <v>8.64</v>
      </c>
      <c r="BC110" s="17">
        <v>8.66</v>
      </c>
      <c r="BD110" s="17">
        <v>8.7799999999999994</v>
      </c>
    </row>
    <row r="111" spans="3:56" x14ac:dyDescent="0.2">
      <c r="C111" s="5" t="s">
        <v>72</v>
      </c>
      <c r="D111" s="6" t="s">
        <v>58</v>
      </c>
      <c r="E111" s="17">
        <v>9.2799999999999994</v>
      </c>
      <c r="F111" s="17">
        <v>9.3699999999999992</v>
      </c>
      <c r="G111" s="17">
        <v>9.4600000000000009</v>
      </c>
      <c r="H111" s="17">
        <v>9.2899999999999991</v>
      </c>
      <c r="I111" s="17">
        <v>9.24</v>
      </c>
      <c r="J111" s="17">
        <v>9.0500000000000007</v>
      </c>
      <c r="K111" s="17">
        <v>9.19</v>
      </c>
      <c r="L111" s="17">
        <v>9.25</v>
      </c>
      <c r="M111" s="17">
        <v>9.1999999999999993</v>
      </c>
      <c r="N111" s="17">
        <v>9.15</v>
      </c>
      <c r="O111" s="17">
        <v>9.15</v>
      </c>
      <c r="P111" s="17">
        <v>9.1429418324064695</v>
      </c>
      <c r="Q111" s="17">
        <v>9.15</v>
      </c>
      <c r="R111" s="17">
        <v>9.15</v>
      </c>
      <c r="S111" s="17">
        <v>9.15</v>
      </c>
      <c r="T111" s="17">
        <v>9.14</v>
      </c>
      <c r="U111" s="17">
        <v>9.1199999999999992</v>
      </c>
      <c r="V111" s="17">
        <v>9.1300000000000008</v>
      </c>
      <c r="W111" s="17">
        <v>9.1</v>
      </c>
      <c r="X111" s="17">
        <v>9.15</v>
      </c>
      <c r="Y111" s="17">
        <v>9.14</v>
      </c>
      <c r="Z111" s="17">
        <v>9.17</v>
      </c>
      <c r="AA111" s="17">
        <v>9.19</v>
      </c>
      <c r="AB111" s="17">
        <v>9.18</v>
      </c>
      <c r="AC111" s="17">
        <v>9.15</v>
      </c>
      <c r="AD111" s="17">
        <v>9.1</v>
      </c>
      <c r="AE111" s="17">
        <v>9.1</v>
      </c>
      <c r="AF111" s="17">
        <v>9.08</v>
      </c>
      <c r="AG111" s="17">
        <v>9.17</v>
      </c>
      <c r="AH111" s="17">
        <v>9.23</v>
      </c>
      <c r="AI111" s="14">
        <v>9.2200000000000006</v>
      </c>
      <c r="AJ111" s="60">
        <v>9.2345091674235995</v>
      </c>
      <c r="AK111" s="58">
        <v>9.2366250045385794</v>
      </c>
      <c r="AL111" s="58">
        <v>9.2043958263118899</v>
      </c>
      <c r="AM111" s="60">
        <v>9.23</v>
      </c>
      <c r="AN111" s="17">
        <v>9.3000000000000007</v>
      </c>
      <c r="AO111" s="17">
        <v>9.33</v>
      </c>
      <c r="AP111" s="17">
        <v>9.3800000000000008</v>
      </c>
      <c r="AQ111" s="17">
        <v>9.33</v>
      </c>
      <c r="AR111" s="17">
        <v>9.4</v>
      </c>
      <c r="AS111" s="17">
        <v>9.4600000000000009</v>
      </c>
      <c r="AT111" s="17">
        <v>9.43</v>
      </c>
      <c r="AU111" s="17">
        <v>9.3800000000000008</v>
      </c>
      <c r="AV111" s="17">
        <v>9.39</v>
      </c>
      <c r="AW111" s="17">
        <v>9.36</v>
      </c>
      <c r="AX111" s="17">
        <v>9.34</v>
      </c>
      <c r="AY111" s="17">
        <v>9.32</v>
      </c>
      <c r="AZ111" s="17">
        <v>9.34</v>
      </c>
      <c r="BA111" s="17">
        <v>9.2899999999999991</v>
      </c>
      <c r="BB111" s="17">
        <v>9.25</v>
      </c>
      <c r="BC111" s="17">
        <v>9.27</v>
      </c>
      <c r="BD111" s="17">
        <v>9.33</v>
      </c>
    </row>
    <row r="112" spans="3:56" x14ac:dyDescent="0.2">
      <c r="C112" s="5" t="s">
        <v>73</v>
      </c>
      <c r="D112" s="6" t="s">
        <v>58</v>
      </c>
      <c r="E112" s="17">
        <v>9.19</v>
      </c>
      <c r="F112" s="17">
        <v>9.15</v>
      </c>
      <c r="G112" s="17">
        <v>9.0399999999999991</v>
      </c>
      <c r="H112" s="17">
        <v>8.89</v>
      </c>
      <c r="I112" s="17">
        <v>8.89</v>
      </c>
      <c r="J112" s="17">
        <v>8.81</v>
      </c>
      <c r="K112" s="17">
        <v>8.91</v>
      </c>
      <c r="L112" s="17">
        <v>8.9700000000000006</v>
      </c>
      <c r="M112" s="17">
        <v>8.9700000000000006</v>
      </c>
      <c r="N112" s="17">
        <v>9.0500000000000007</v>
      </c>
      <c r="O112" s="17">
        <v>9.15</v>
      </c>
      <c r="P112" s="17">
        <v>9.1729350099446307</v>
      </c>
      <c r="Q112" s="17">
        <v>9.0500000000000007</v>
      </c>
      <c r="R112" s="17">
        <v>9</v>
      </c>
      <c r="S112" s="17">
        <v>9</v>
      </c>
      <c r="T112" s="17">
        <v>9.0299999999999994</v>
      </c>
      <c r="U112" s="17">
        <v>8.99</v>
      </c>
      <c r="V112" s="17">
        <v>9.02</v>
      </c>
      <c r="W112" s="17">
        <v>9.35</v>
      </c>
      <c r="X112" s="17">
        <v>9.6199999999999992</v>
      </c>
      <c r="Y112" s="17">
        <v>9.52</v>
      </c>
      <c r="Z112" s="17">
        <v>9.52</v>
      </c>
      <c r="AA112" s="17">
        <v>9.69</v>
      </c>
      <c r="AB112" s="17">
        <v>9.84</v>
      </c>
      <c r="AC112" s="17">
        <v>9.81</v>
      </c>
      <c r="AD112" s="17">
        <v>9.49</v>
      </c>
      <c r="AE112" s="17">
        <v>9.36</v>
      </c>
      <c r="AF112" s="17">
        <v>9.2799999999999994</v>
      </c>
      <c r="AG112" s="17">
        <v>9.36</v>
      </c>
      <c r="AH112" s="17">
        <v>9.34</v>
      </c>
      <c r="AI112" s="14">
        <v>9.3699999999999992</v>
      </c>
      <c r="AJ112" s="60">
        <v>9.3354539993033203</v>
      </c>
      <c r="AK112" s="58">
        <v>9.3496473002823901</v>
      </c>
      <c r="AL112" s="58">
        <v>9.3464132710259893</v>
      </c>
      <c r="AM112" s="57">
        <v>9.35</v>
      </c>
      <c r="AN112" s="17">
        <v>9.41</v>
      </c>
      <c r="AO112" s="17">
        <v>9.32</v>
      </c>
      <c r="AP112" s="17">
        <v>9.33</v>
      </c>
      <c r="AQ112" s="17">
        <v>9.2100000000000009</v>
      </c>
      <c r="AR112" s="17">
        <v>9.11</v>
      </c>
      <c r="AS112" s="17">
        <v>9.0299999999999994</v>
      </c>
      <c r="AT112" s="17">
        <v>9.01</v>
      </c>
      <c r="AU112" s="17">
        <v>8.92</v>
      </c>
      <c r="AV112" s="17">
        <v>8.8699999999999992</v>
      </c>
      <c r="AW112" s="17">
        <v>8.83</v>
      </c>
      <c r="AX112" s="17">
        <v>8.7799999999999994</v>
      </c>
      <c r="AY112" s="17">
        <v>8.75</v>
      </c>
      <c r="AZ112" s="17">
        <v>8.8800000000000008</v>
      </c>
      <c r="BA112" s="17">
        <v>8.99</v>
      </c>
      <c r="BB112" s="17">
        <v>9.07</v>
      </c>
      <c r="BC112" s="17">
        <v>9.2100000000000009</v>
      </c>
      <c r="BD112" s="17">
        <v>9.44</v>
      </c>
    </row>
    <row r="113" spans="3:56" x14ac:dyDescent="0.2">
      <c r="C113" s="5" t="s">
        <v>74</v>
      </c>
      <c r="D113" s="6" t="s">
        <v>58</v>
      </c>
      <c r="E113" s="17">
        <v>3.14</v>
      </c>
      <c r="F113" s="17">
        <v>3.14</v>
      </c>
      <c r="G113" s="17">
        <v>3.13</v>
      </c>
      <c r="H113" s="17">
        <v>3.11</v>
      </c>
      <c r="I113" s="17">
        <v>3.1</v>
      </c>
      <c r="J113" s="17">
        <v>3.11</v>
      </c>
      <c r="K113" s="17">
        <v>3.11</v>
      </c>
      <c r="L113" s="17">
        <v>3.1</v>
      </c>
      <c r="M113" s="17">
        <v>3.13</v>
      </c>
      <c r="N113" s="17">
        <v>3.14</v>
      </c>
      <c r="O113" s="17">
        <v>3.13</v>
      </c>
      <c r="P113" s="17">
        <v>3.1306326553553698</v>
      </c>
      <c r="Q113" s="17">
        <v>3.15</v>
      </c>
      <c r="R113" s="17">
        <v>3.13</v>
      </c>
      <c r="S113" s="17">
        <v>3.13</v>
      </c>
      <c r="T113" s="17">
        <v>3.34</v>
      </c>
      <c r="U113" s="17">
        <v>3.33</v>
      </c>
      <c r="V113" s="17">
        <v>3.33</v>
      </c>
      <c r="W113" s="17">
        <v>3.33</v>
      </c>
      <c r="X113" s="17">
        <v>3.12</v>
      </c>
      <c r="Y113" s="17">
        <v>3.11</v>
      </c>
      <c r="Z113" s="17">
        <v>3.15</v>
      </c>
      <c r="AA113" s="17">
        <v>3.15</v>
      </c>
      <c r="AB113" s="17">
        <v>3.15</v>
      </c>
      <c r="AC113" s="17">
        <v>3.16</v>
      </c>
      <c r="AD113" s="17">
        <v>3.1</v>
      </c>
      <c r="AE113" s="17">
        <v>3.09</v>
      </c>
      <c r="AF113" s="17">
        <v>3.08</v>
      </c>
      <c r="AG113" s="17">
        <v>3.1</v>
      </c>
      <c r="AH113" s="17">
        <v>3.1</v>
      </c>
      <c r="AI113" s="14">
        <v>3.12</v>
      </c>
      <c r="AJ113" s="60">
        <v>3.1180958782569999</v>
      </c>
      <c r="AK113" s="58">
        <v>3.1198557115930798</v>
      </c>
      <c r="AL113" s="58">
        <v>3.1198600442714399</v>
      </c>
      <c r="AM113" s="7">
        <v>3.12</v>
      </c>
      <c r="AN113" s="17">
        <v>3.14</v>
      </c>
      <c r="AO113" s="17">
        <v>3.13</v>
      </c>
      <c r="AP113" s="17">
        <v>3.09</v>
      </c>
      <c r="AQ113" s="17">
        <v>3.1</v>
      </c>
      <c r="AR113" s="17">
        <v>3.09</v>
      </c>
      <c r="AS113" s="17">
        <v>3.06</v>
      </c>
      <c r="AT113" s="17">
        <v>3.08</v>
      </c>
      <c r="AU113" s="17">
        <v>3.06</v>
      </c>
      <c r="AV113" s="17">
        <v>3.04</v>
      </c>
      <c r="AW113" s="17">
        <v>3.03</v>
      </c>
      <c r="AX113" s="17">
        <v>3.05</v>
      </c>
      <c r="AY113" s="17">
        <v>3.03</v>
      </c>
      <c r="AZ113" s="17">
        <v>3.09</v>
      </c>
      <c r="BA113" s="17">
        <v>3.07</v>
      </c>
      <c r="BB113" s="17">
        <v>3.09</v>
      </c>
      <c r="BC113" s="17">
        <v>3.11</v>
      </c>
      <c r="BD113" s="17">
        <v>3.11</v>
      </c>
    </row>
    <row r="114" spans="3:56" x14ac:dyDescent="0.2">
      <c r="C114" s="16" t="s">
        <v>78</v>
      </c>
      <c r="D114" s="6" t="s">
        <v>58</v>
      </c>
      <c r="E114" s="17">
        <v>0.78</v>
      </c>
      <c r="F114" s="17">
        <v>0.78</v>
      </c>
      <c r="G114" s="17">
        <v>0.78</v>
      </c>
      <c r="H114" s="17">
        <v>0.78</v>
      </c>
      <c r="I114" s="17">
        <v>0.78</v>
      </c>
      <c r="J114" s="17">
        <v>0.78</v>
      </c>
      <c r="K114" s="17">
        <v>0.78</v>
      </c>
      <c r="L114" s="17">
        <v>0.79</v>
      </c>
      <c r="M114" s="17">
        <v>0.79</v>
      </c>
      <c r="N114" s="17">
        <v>0.79</v>
      </c>
      <c r="O114" s="17">
        <v>0.78</v>
      </c>
      <c r="P114" s="17">
        <v>0.78</v>
      </c>
      <c r="Q114" s="17">
        <v>0.78</v>
      </c>
      <c r="R114" s="17">
        <v>0.79</v>
      </c>
      <c r="S114" s="17">
        <v>0.79</v>
      </c>
      <c r="T114" s="17">
        <v>0.79</v>
      </c>
      <c r="U114" s="17">
        <v>0.79</v>
      </c>
      <c r="V114" s="17">
        <v>0.79</v>
      </c>
      <c r="W114" s="17">
        <v>0.78</v>
      </c>
      <c r="X114" s="17">
        <v>0.79</v>
      </c>
      <c r="Y114" s="17">
        <v>0.79</v>
      </c>
      <c r="Z114" s="17">
        <v>0.8</v>
      </c>
      <c r="AA114" s="17">
        <v>0.8</v>
      </c>
      <c r="AB114" s="17">
        <v>0.81</v>
      </c>
      <c r="AC114" s="17">
        <v>0.83</v>
      </c>
      <c r="AD114" s="17">
        <v>0.84</v>
      </c>
      <c r="AE114" s="17">
        <v>0.83</v>
      </c>
      <c r="AF114" s="17">
        <v>0.84</v>
      </c>
      <c r="AG114" s="17">
        <v>0.83</v>
      </c>
      <c r="AH114" s="17">
        <v>0.83</v>
      </c>
      <c r="AI114" s="14">
        <v>0.83</v>
      </c>
      <c r="AJ114" s="56">
        <v>0.82879370569045252</v>
      </c>
      <c r="AK114" s="56">
        <v>0.82983109096206698</v>
      </c>
      <c r="AL114" s="56">
        <v>0.82535662076899308</v>
      </c>
      <c r="AM114" s="56">
        <v>0.83</v>
      </c>
      <c r="AN114" s="17">
        <v>0.82</v>
      </c>
      <c r="AO114" s="17">
        <v>0.82</v>
      </c>
      <c r="AP114" s="17">
        <v>0.82</v>
      </c>
      <c r="AQ114" s="17">
        <v>0.82</v>
      </c>
      <c r="AR114" s="17">
        <v>0.82</v>
      </c>
      <c r="AS114" s="17">
        <v>0.82</v>
      </c>
      <c r="AT114" s="17">
        <v>0.81</v>
      </c>
      <c r="AU114" s="17">
        <v>0.81</v>
      </c>
      <c r="AV114" s="17">
        <v>0.82</v>
      </c>
      <c r="AW114" s="17">
        <v>0.81</v>
      </c>
      <c r="AX114" s="17">
        <v>0.81</v>
      </c>
      <c r="AY114" s="17">
        <v>0.82</v>
      </c>
      <c r="AZ114" s="17">
        <v>0.81</v>
      </c>
      <c r="BA114" s="17">
        <v>0.81</v>
      </c>
      <c r="BB114" s="17">
        <v>0.81</v>
      </c>
      <c r="BC114" s="17">
        <v>0.81</v>
      </c>
      <c r="BD114" s="17">
        <v>0.81</v>
      </c>
    </row>
    <row r="115" spans="3:56" x14ac:dyDescent="0.2">
      <c r="C115" s="16" t="s">
        <v>79</v>
      </c>
      <c r="D115" s="6" t="s">
        <v>58</v>
      </c>
      <c r="E115" s="17">
        <v>1.56</v>
      </c>
      <c r="F115" s="17">
        <v>1.57</v>
      </c>
      <c r="G115" s="17">
        <v>1.58</v>
      </c>
      <c r="H115" s="17">
        <v>1.6</v>
      </c>
      <c r="I115" s="17">
        <v>1.61</v>
      </c>
      <c r="J115" s="17">
        <v>1.6</v>
      </c>
      <c r="K115" s="17">
        <v>1.59</v>
      </c>
      <c r="L115" s="17">
        <v>1.58</v>
      </c>
      <c r="M115" s="17">
        <v>1.59</v>
      </c>
      <c r="N115" s="17">
        <v>1.57</v>
      </c>
      <c r="O115" s="17">
        <v>1.55</v>
      </c>
      <c r="P115" s="17">
        <v>1.5510897138469901</v>
      </c>
      <c r="Q115" s="17">
        <v>1.52</v>
      </c>
      <c r="R115" s="17">
        <v>1.52</v>
      </c>
      <c r="S115" s="17">
        <v>1.52</v>
      </c>
      <c r="T115" s="17">
        <v>1.49</v>
      </c>
      <c r="U115" s="17">
        <v>1.5</v>
      </c>
      <c r="V115" s="17">
        <v>1.5</v>
      </c>
      <c r="W115" s="17">
        <v>1.52</v>
      </c>
      <c r="X115" s="17">
        <v>1.52</v>
      </c>
      <c r="Y115" s="17">
        <v>1.54</v>
      </c>
      <c r="Z115" s="17">
        <v>1.55</v>
      </c>
      <c r="AA115" s="17">
        <v>1.56</v>
      </c>
      <c r="AB115" s="17">
        <v>1.6</v>
      </c>
      <c r="AC115" s="17">
        <v>1.66</v>
      </c>
      <c r="AD115" s="17">
        <v>1.62</v>
      </c>
      <c r="AE115" s="17">
        <v>1.61</v>
      </c>
      <c r="AF115" s="17">
        <v>1.64</v>
      </c>
      <c r="AG115" s="17">
        <v>1.63</v>
      </c>
      <c r="AH115" s="17">
        <v>1.63</v>
      </c>
      <c r="AI115" s="14">
        <v>1.63</v>
      </c>
      <c r="AJ115" s="56">
        <v>1.62452642268255</v>
      </c>
      <c r="AK115" s="56">
        <v>1.62060474769375</v>
      </c>
      <c r="AL115" s="56">
        <v>1.6143327622307799</v>
      </c>
      <c r="AM115" s="56">
        <v>1.61</v>
      </c>
      <c r="AN115" s="17">
        <v>1.62</v>
      </c>
      <c r="AO115" s="17">
        <v>1.62</v>
      </c>
      <c r="AP115" s="17">
        <v>1.62</v>
      </c>
      <c r="AQ115" s="17">
        <v>1.63</v>
      </c>
      <c r="AR115" s="17">
        <v>1.62</v>
      </c>
      <c r="AS115" s="17">
        <v>1.62</v>
      </c>
      <c r="AT115" s="17">
        <v>1.64</v>
      </c>
      <c r="AU115" s="17">
        <v>1.61</v>
      </c>
      <c r="AV115" s="17">
        <v>1.59</v>
      </c>
      <c r="AW115" s="17">
        <v>1.58</v>
      </c>
      <c r="AX115" s="17">
        <v>1.58</v>
      </c>
      <c r="AY115" s="17">
        <v>1.59</v>
      </c>
      <c r="AZ115" s="17">
        <v>1.59</v>
      </c>
      <c r="BA115" s="17">
        <v>1.58</v>
      </c>
      <c r="BB115" s="17">
        <v>1.57</v>
      </c>
      <c r="BC115" s="17">
        <v>1.58</v>
      </c>
      <c r="BD115" s="17">
        <v>1.58</v>
      </c>
    </row>
    <row r="116" spans="3:56" x14ac:dyDescent="0.2">
      <c r="C116" s="16" t="s">
        <v>80</v>
      </c>
      <c r="D116" s="6" t="s">
        <v>58</v>
      </c>
      <c r="E116" s="17">
        <v>1.82</v>
      </c>
      <c r="F116" s="17">
        <v>1.86</v>
      </c>
      <c r="G116" s="17">
        <v>1.99</v>
      </c>
      <c r="H116" s="17">
        <v>2.08</v>
      </c>
      <c r="I116" s="17">
        <v>2</v>
      </c>
      <c r="J116" s="17">
        <v>1.92</v>
      </c>
      <c r="K116" s="17">
        <v>1.87</v>
      </c>
      <c r="L116" s="17">
        <v>1.84</v>
      </c>
      <c r="M116" s="17">
        <v>1.88</v>
      </c>
      <c r="N116" s="17">
        <v>1.9</v>
      </c>
      <c r="O116" s="17">
        <v>1.94</v>
      </c>
      <c r="P116" s="17">
        <v>1.9226481481481501</v>
      </c>
      <c r="Q116" s="17">
        <v>1.87</v>
      </c>
      <c r="R116" s="17">
        <v>1.82</v>
      </c>
      <c r="S116" s="17">
        <v>1.82</v>
      </c>
      <c r="T116" s="17">
        <v>1.75</v>
      </c>
      <c r="U116" s="17">
        <v>1.74</v>
      </c>
      <c r="V116" s="17">
        <v>1.74</v>
      </c>
      <c r="W116" s="17">
        <v>1.7</v>
      </c>
      <c r="X116" s="17">
        <v>1.68</v>
      </c>
      <c r="Y116" s="17">
        <v>1.68</v>
      </c>
      <c r="Z116" s="17">
        <v>1.67</v>
      </c>
      <c r="AA116" s="17">
        <v>1.62</v>
      </c>
      <c r="AB116" s="17">
        <v>1.71</v>
      </c>
      <c r="AC116" s="17">
        <v>1.65</v>
      </c>
      <c r="AD116" s="17">
        <v>1.63</v>
      </c>
      <c r="AE116" s="17">
        <v>1.56</v>
      </c>
      <c r="AF116" s="17">
        <v>1.58</v>
      </c>
      <c r="AG116" s="17">
        <v>1.58</v>
      </c>
      <c r="AH116" s="17">
        <v>1.59</v>
      </c>
      <c r="AI116" s="14">
        <v>1.61</v>
      </c>
      <c r="AJ116" s="56">
        <v>1.5871633333333299</v>
      </c>
      <c r="AK116" s="56">
        <v>1.5901470370370401</v>
      </c>
      <c r="AL116" s="56">
        <v>1.5934614814814803</v>
      </c>
      <c r="AM116" s="56">
        <v>1.61</v>
      </c>
      <c r="AN116" s="17">
        <v>1.6</v>
      </c>
      <c r="AO116" s="17">
        <v>1.62</v>
      </c>
      <c r="AP116" s="17">
        <v>1.61</v>
      </c>
      <c r="AQ116" s="17">
        <v>1.64</v>
      </c>
      <c r="AR116" s="17">
        <v>1.68</v>
      </c>
      <c r="AS116" s="17">
        <v>1.77</v>
      </c>
      <c r="AT116" s="17">
        <v>1.82</v>
      </c>
      <c r="AU116" s="17">
        <v>1.85</v>
      </c>
      <c r="AV116" s="17">
        <v>1.82</v>
      </c>
      <c r="AW116" s="17">
        <v>1.81</v>
      </c>
      <c r="AX116" s="17">
        <v>1.81</v>
      </c>
      <c r="AY116" s="17">
        <v>1.78</v>
      </c>
      <c r="AZ116" s="17">
        <v>1.77</v>
      </c>
      <c r="BA116" s="17">
        <v>1.78</v>
      </c>
      <c r="BB116" s="17">
        <v>1.83</v>
      </c>
      <c r="BC116" s="17">
        <v>1.93</v>
      </c>
      <c r="BD116" s="17">
        <v>2.0099999999999998</v>
      </c>
    </row>
    <row r="117" spans="3:56" x14ac:dyDescent="0.2">
      <c r="C117" s="16" t="s">
        <v>81</v>
      </c>
      <c r="D117" s="6" t="s">
        <v>58</v>
      </c>
      <c r="E117" s="17">
        <v>1.1399999999999999</v>
      </c>
      <c r="F117" s="17">
        <v>1.1399999999999999</v>
      </c>
      <c r="G117" s="17">
        <v>1.1299999999999999</v>
      </c>
      <c r="H117" s="17">
        <v>1.1499999999999999</v>
      </c>
      <c r="I117" s="17">
        <v>1.1399999999999999</v>
      </c>
      <c r="J117" s="17">
        <v>1.1299999999999999</v>
      </c>
      <c r="K117" s="17">
        <v>1.1200000000000001</v>
      </c>
      <c r="L117" s="17">
        <v>1.1200000000000001</v>
      </c>
      <c r="M117" s="17">
        <v>1.1299999999999999</v>
      </c>
      <c r="N117" s="17">
        <v>1.1399999999999999</v>
      </c>
      <c r="O117" s="17">
        <v>1.1499999999999999</v>
      </c>
      <c r="P117" s="17">
        <v>1.14312577076334</v>
      </c>
      <c r="Q117" s="17">
        <v>1.1200000000000001</v>
      </c>
      <c r="R117" s="17">
        <v>1.1200000000000001</v>
      </c>
      <c r="S117" s="17">
        <v>1.1200000000000001</v>
      </c>
      <c r="T117" s="17">
        <v>1.1200000000000001</v>
      </c>
      <c r="U117" s="17">
        <v>1.1200000000000001</v>
      </c>
      <c r="V117" s="17">
        <v>1.1200000000000001</v>
      </c>
      <c r="W117" s="17">
        <v>1.1299999999999999</v>
      </c>
      <c r="X117" s="17">
        <v>1.1299999999999999</v>
      </c>
      <c r="Y117" s="17">
        <v>1.1399999999999999</v>
      </c>
      <c r="Z117" s="17">
        <v>1.1399999999999999</v>
      </c>
      <c r="AA117" s="17">
        <v>1.1399999999999999</v>
      </c>
      <c r="AB117" s="17">
        <v>1.1499999999999999</v>
      </c>
      <c r="AC117" s="17">
        <v>1.1599999999999999</v>
      </c>
      <c r="AD117" s="17">
        <v>1.1499999999999999</v>
      </c>
      <c r="AE117" s="17">
        <v>1.1499999999999999</v>
      </c>
      <c r="AF117" s="17">
        <v>1.1499999999999999</v>
      </c>
      <c r="AG117" s="17">
        <v>1.1499999999999999</v>
      </c>
      <c r="AH117" s="17">
        <v>1.1499999999999999</v>
      </c>
      <c r="AI117" s="14">
        <v>1.1499999999999999</v>
      </c>
      <c r="AJ117" s="56">
        <v>1.1449711813952801</v>
      </c>
      <c r="AK117" s="56">
        <v>1.1457478092378901</v>
      </c>
      <c r="AL117" s="56">
        <v>1.1460306206637001</v>
      </c>
      <c r="AM117" s="56">
        <v>1.1499999999999999</v>
      </c>
      <c r="AN117" s="17">
        <v>1.1299999999999999</v>
      </c>
      <c r="AO117" s="17">
        <v>1.1200000000000001</v>
      </c>
      <c r="AP117" s="17">
        <v>1.1200000000000001</v>
      </c>
      <c r="AQ117" s="17">
        <v>1.1200000000000001</v>
      </c>
      <c r="AR117" s="17">
        <v>1.1299999999999999</v>
      </c>
      <c r="AS117" s="17">
        <v>1.1299999999999999</v>
      </c>
      <c r="AT117" s="17">
        <v>1.1200000000000001</v>
      </c>
      <c r="AU117" s="17">
        <v>1.1200000000000001</v>
      </c>
      <c r="AV117" s="17">
        <v>1.1100000000000001</v>
      </c>
      <c r="AW117" s="17">
        <v>1.1100000000000001</v>
      </c>
      <c r="AX117" s="17">
        <v>1.1000000000000001</v>
      </c>
      <c r="AY117" s="17">
        <v>1.1200000000000001</v>
      </c>
      <c r="AZ117" s="17">
        <v>1.1100000000000001</v>
      </c>
      <c r="BA117" s="17">
        <v>1.1000000000000001</v>
      </c>
      <c r="BB117" s="17">
        <v>1.1000000000000001</v>
      </c>
      <c r="BC117" s="17">
        <v>1.1000000000000001</v>
      </c>
      <c r="BD117" s="17">
        <v>1.1000000000000001</v>
      </c>
    </row>
    <row r="118" spans="3:56" x14ac:dyDescent="0.2">
      <c r="C118" s="16" t="s">
        <v>82</v>
      </c>
      <c r="D118" s="6" t="s">
        <v>58</v>
      </c>
      <c r="E118" s="17">
        <v>3.76</v>
      </c>
      <c r="F118" s="17">
        <v>3.96</v>
      </c>
      <c r="G118" s="17">
        <v>4.29</v>
      </c>
      <c r="H118" s="17">
        <v>4.29</v>
      </c>
      <c r="I118" s="17">
        <v>4.13</v>
      </c>
      <c r="J118" s="17">
        <v>4</v>
      </c>
      <c r="K118" s="17">
        <v>3.91</v>
      </c>
      <c r="L118" s="17">
        <v>3.93</v>
      </c>
      <c r="M118" s="17">
        <v>3.97</v>
      </c>
      <c r="N118" s="17">
        <v>3.95</v>
      </c>
      <c r="O118" s="17">
        <v>4.12</v>
      </c>
      <c r="P118" s="17">
        <v>4.1314547060922102</v>
      </c>
      <c r="Q118" s="17">
        <v>3.93</v>
      </c>
      <c r="R118" s="17">
        <v>3.95</v>
      </c>
      <c r="S118" s="17">
        <v>3.95</v>
      </c>
      <c r="T118" s="17">
        <v>4.18</v>
      </c>
      <c r="U118" s="17">
        <v>4.16</v>
      </c>
      <c r="V118" s="17">
        <v>4.17</v>
      </c>
      <c r="W118" s="17">
        <v>4.09</v>
      </c>
      <c r="X118" s="17">
        <v>3.73</v>
      </c>
      <c r="Y118" s="17">
        <v>3.73</v>
      </c>
      <c r="Z118" s="17">
        <v>3.67</v>
      </c>
      <c r="AA118" s="17">
        <v>3.61</v>
      </c>
      <c r="AB118" s="17">
        <v>3.68</v>
      </c>
      <c r="AC118" s="17">
        <v>3.59</v>
      </c>
      <c r="AD118" s="17">
        <v>3.38</v>
      </c>
      <c r="AE118" s="17">
        <v>3.42</v>
      </c>
      <c r="AF118" s="17">
        <v>3.46</v>
      </c>
      <c r="AG118" s="17">
        <v>3.62</v>
      </c>
      <c r="AH118" s="17">
        <v>3.85</v>
      </c>
      <c r="AI118" s="14">
        <v>3.89</v>
      </c>
      <c r="AJ118" s="56">
        <v>3.7829437752519603</v>
      </c>
      <c r="AK118" s="56">
        <v>3.7666713527913704</v>
      </c>
      <c r="AL118" s="56">
        <v>3.7304154141984807</v>
      </c>
      <c r="AM118" s="56">
        <v>3.71</v>
      </c>
      <c r="AN118" s="17">
        <v>3.71</v>
      </c>
      <c r="AO118" s="17">
        <v>3.71</v>
      </c>
      <c r="AP118" s="17">
        <v>3.6</v>
      </c>
      <c r="AQ118" s="17">
        <v>3.55</v>
      </c>
      <c r="AR118" s="17">
        <v>3.55</v>
      </c>
      <c r="AS118" s="17">
        <v>3.59</v>
      </c>
      <c r="AT118" s="17">
        <v>3.58</v>
      </c>
      <c r="AU118" s="17">
        <v>3.58</v>
      </c>
      <c r="AV118" s="17">
        <v>3.48</v>
      </c>
      <c r="AW118" s="17">
        <v>3.36</v>
      </c>
      <c r="AX118" s="17">
        <v>3.43</v>
      </c>
      <c r="AY118" s="17">
        <v>3.47</v>
      </c>
      <c r="AZ118" s="17">
        <v>3.49</v>
      </c>
      <c r="BA118" s="17">
        <v>3.46</v>
      </c>
      <c r="BB118" s="17">
        <v>3.44</v>
      </c>
      <c r="BC118" s="17">
        <v>3.5</v>
      </c>
      <c r="BD118" s="17">
        <v>3.5</v>
      </c>
    </row>
    <row r="119" spans="3:56" x14ac:dyDescent="0.2">
      <c r="C119" s="16" t="s">
        <v>84</v>
      </c>
      <c r="D119" s="6" t="s">
        <v>85</v>
      </c>
      <c r="E119" s="17">
        <v>0.94</v>
      </c>
      <c r="F119" s="17">
        <v>0.94</v>
      </c>
      <c r="G119" s="17">
        <v>0.92</v>
      </c>
      <c r="H119" s="17">
        <v>0.92</v>
      </c>
      <c r="I119" s="17">
        <v>0.91</v>
      </c>
      <c r="J119" s="17">
        <v>0.89</v>
      </c>
      <c r="K119" s="17">
        <v>0.88</v>
      </c>
      <c r="L119" s="17">
        <v>0.88</v>
      </c>
      <c r="M119" s="17">
        <v>0.88</v>
      </c>
      <c r="N119" s="17">
        <v>0.86</v>
      </c>
      <c r="O119" s="17">
        <v>0.86</v>
      </c>
      <c r="P119" s="17">
        <v>0.86769543691970596</v>
      </c>
      <c r="Q119" s="17">
        <v>0.87</v>
      </c>
      <c r="R119" s="17">
        <v>0.87</v>
      </c>
      <c r="S119" s="17">
        <v>0.87</v>
      </c>
      <c r="T119" s="17">
        <v>0.87</v>
      </c>
      <c r="U119" s="17">
        <v>0.87</v>
      </c>
      <c r="V119" s="17">
        <v>0.88</v>
      </c>
      <c r="W119" s="17">
        <v>0.89</v>
      </c>
      <c r="X119" s="17">
        <v>0.89</v>
      </c>
      <c r="Y119" s="17">
        <v>0.89</v>
      </c>
      <c r="Z119" s="17">
        <v>0.89</v>
      </c>
      <c r="AA119" s="17">
        <v>0.89</v>
      </c>
      <c r="AB119" s="17">
        <v>0.93</v>
      </c>
      <c r="AC119" s="17">
        <v>0.92</v>
      </c>
      <c r="AD119" s="17">
        <v>0.93</v>
      </c>
      <c r="AE119" s="17">
        <v>0.93</v>
      </c>
      <c r="AF119" s="17">
        <v>0.92</v>
      </c>
      <c r="AG119" s="17">
        <v>0.92</v>
      </c>
      <c r="AH119" s="17">
        <v>0.91</v>
      </c>
      <c r="AI119" s="14">
        <v>0.92</v>
      </c>
      <c r="AJ119" s="56">
        <v>0.907443978129995</v>
      </c>
      <c r="AK119" s="56">
        <v>0.90272865204502695</v>
      </c>
      <c r="AL119" s="56">
        <v>0.89883222873960411</v>
      </c>
      <c r="AM119" s="56">
        <v>0.89</v>
      </c>
      <c r="AN119" s="17">
        <v>0.89</v>
      </c>
      <c r="AO119" s="17">
        <v>0.9</v>
      </c>
      <c r="AP119" s="17">
        <v>0.89</v>
      </c>
      <c r="AQ119" s="17">
        <v>0.89</v>
      </c>
      <c r="AR119" s="17">
        <v>0.89</v>
      </c>
      <c r="AS119" s="17">
        <v>0.88</v>
      </c>
      <c r="AT119" s="17">
        <v>0.88</v>
      </c>
      <c r="AU119" s="17">
        <v>0.87</v>
      </c>
      <c r="AV119" s="17">
        <v>0.87</v>
      </c>
      <c r="AW119" s="17">
        <v>0.87</v>
      </c>
      <c r="AX119" s="17">
        <v>0.87</v>
      </c>
      <c r="AY119" s="17">
        <v>0.87</v>
      </c>
      <c r="AZ119" s="17">
        <v>0.89</v>
      </c>
      <c r="BA119" s="17">
        <v>0.9</v>
      </c>
      <c r="BB119" s="17">
        <v>0.9</v>
      </c>
      <c r="BC119" s="17">
        <v>0.92</v>
      </c>
      <c r="BD119" s="17">
        <v>0.93</v>
      </c>
    </row>
    <row r="120" spans="3:56" x14ac:dyDescent="0.2">
      <c r="C120" s="16" t="s">
        <v>86</v>
      </c>
      <c r="D120" s="6" t="s">
        <v>58</v>
      </c>
      <c r="E120" s="17">
        <v>2.35</v>
      </c>
      <c r="F120" s="17">
        <v>2.3199999999999998</v>
      </c>
      <c r="G120" s="17">
        <v>2.2999999999999998</v>
      </c>
      <c r="H120" s="17">
        <v>2.2599999999999998</v>
      </c>
      <c r="I120" s="17">
        <v>2.21</v>
      </c>
      <c r="J120" s="17">
        <v>2.1800000000000002</v>
      </c>
      <c r="K120" s="17">
        <v>2.1800000000000002</v>
      </c>
      <c r="L120" s="17">
        <v>2.2200000000000002</v>
      </c>
      <c r="M120" s="17">
        <v>2.29</v>
      </c>
      <c r="N120" s="17">
        <v>2.46</v>
      </c>
      <c r="O120" s="17">
        <v>2.54</v>
      </c>
      <c r="P120" s="17">
        <v>2.4978233067498001</v>
      </c>
      <c r="Q120" s="17">
        <v>2.65</v>
      </c>
      <c r="R120" s="17">
        <v>2.68</v>
      </c>
      <c r="S120" s="17">
        <v>2.68</v>
      </c>
      <c r="T120" s="17">
        <v>2.69</v>
      </c>
      <c r="U120" s="17">
        <v>2.79</v>
      </c>
      <c r="V120" s="17">
        <v>2.76</v>
      </c>
      <c r="W120" s="17">
        <v>2.64</v>
      </c>
      <c r="X120" s="17">
        <v>2.58</v>
      </c>
      <c r="Y120" s="17">
        <v>2.5</v>
      </c>
      <c r="Z120" s="17">
        <v>2.4500000000000002</v>
      </c>
      <c r="AA120" s="17">
        <v>2.34</v>
      </c>
      <c r="AB120" s="17">
        <v>2.37</v>
      </c>
      <c r="AC120" s="17">
        <v>2.4700000000000002</v>
      </c>
      <c r="AD120" s="17">
        <v>2.39</v>
      </c>
      <c r="AE120" s="17">
        <v>2.31</v>
      </c>
      <c r="AF120" s="17">
        <v>2.31</v>
      </c>
      <c r="AG120" s="17">
        <v>2.29</v>
      </c>
      <c r="AH120" s="17">
        <v>2.29</v>
      </c>
      <c r="AI120" s="14">
        <v>2.27</v>
      </c>
      <c r="AJ120" s="56">
        <v>2.2478463973516498</v>
      </c>
      <c r="AK120" s="56">
        <v>2.2497668544604501</v>
      </c>
      <c r="AL120" s="56">
        <v>2.2173694008659202</v>
      </c>
      <c r="AM120" s="56">
        <v>2.2200000000000002</v>
      </c>
      <c r="AN120" s="17">
        <v>2.19</v>
      </c>
      <c r="AO120" s="17">
        <v>2.1800000000000002</v>
      </c>
      <c r="AP120" s="17">
        <v>2.16</v>
      </c>
      <c r="AQ120" s="17">
        <v>2.14</v>
      </c>
      <c r="AR120" s="17">
        <v>2.15</v>
      </c>
      <c r="AS120" s="17">
        <v>2.15</v>
      </c>
      <c r="AT120" s="17">
        <v>2.19</v>
      </c>
      <c r="AU120" s="17">
        <v>2.23</v>
      </c>
      <c r="AV120" s="17">
        <v>2.2200000000000002</v>
      </c>
      <c r="AW120" s="17">
        <v>2.2400000000000002</v>
      </c>
      <c r="AX120" s="17">
        <v>2.21</v>
      </c>
      <c r="AY120" s="17">
        <v>2.19</v>
      </c>
      <c r="AZ120" s="17">
        <v>2.17</v>
      </c>
      <c r="BA120" s="17">
        <v>2.23</v>
      </c>
      <c r="BB120" s="17">
        <v>2.2799999999999998</v>
      </c>
      <c r="BC120" s="17">
        <v>2.37</v>
      </c>
      <c r="BD120" s="17">
        <v>2.4</v>
      </c>
    </row>
    <row r="121" spans="3:56" x14ac:dyDescent="0.2">
      <c r="C121" s="16" t="s">
        <v>104</v>
      </c>
      <c r="D121" s="6" t="s">
        <v>58</v>
      </c>
      <c r="E121" s="17">
        <v>2.2400000000000002</v>
      </c>
      <c r="F121" s="17">
        <v>2.21</v>
      </c>
      <c r="G121" s="17">
        <v>2.17</v>
      </c>
      <c r="H121" s="17">
        <v>2.14</v>
      </c>
      <c r="I121" s="17">
        <v>2.1</v>
      </c>
      <c r="J121" s="17">
        <v>2.0699999999999998</v>
      </c>
      <c r="K121" s="17">
        <v>2.0499999999999998</v>
      </c>
      <c r="L121" s="17">
        <v>2.02</v>
      </c>
      <c r="M121" s="17">
        <v>2.04</v>
      </c>
      <c r="N121" s="17">
        <v>2.0499999999999998</v>
      </c>
      <c r="O121" s="17">
        <v>2.06</v>
      </c>
      <c r="P121" s="17">
        <v>2.0804942220470699</v>
      </c>
      <c r="Q121" s="17">
        <v>2.08</v>
      </c>
      <c r="R121" s="17">
        <v>2.0699999999999998</v>
      </c>
      <c r="S121" s="17">
        <v>2.0699999999999998</v>
      </c>
      <c r="T121" s="17">
        <v>2.0499999999999998</v>
      </c>
      <c r="U121" s="17">
        <v>2.0499999999999998</v>
      </c>
      <c r="V121" s="17">
        <v>2.08</v>
      </c>
      <c r="W121" s="17">
        <v>2.04</v>
      </c>
      <c r="X121" s="17">
        <v>2.0299999999999998</v>
      </c>
      <c r="Y121" s="17">
        <v>2.0099999999999998</v>
      </c>
      <c r="Z121" s="17">
        <v>2</v>
      </c>
      <c r="AA121" s="17">
        <v>1.99</v>
      </c>
      <c r="AB121" s="17">
        <v>2.06</v>
      </c>
      <c r="AC121" s="17">
        <v>2.11</v>
      </c>
      <c r="AD121" s="17">
        <v>2.06</v>
      </c>
      <c r="AE121" s="17">
        <v>2.06</v>
      </c>
      <c r="AF121" s="17">
        <v>2.08</v>
      </c>
      <c r="AG121" s="17">
        <v>2.08</v>
      </c>
      <c r="AH121" s="17">
        <v>2.1</v>
      </c>
      <c r="AI121" s="12">
        <v>2.1</v>
      </c>
      <c r="AJ121" s="56">
        <v>2.1086039265716399</v>
      </c>
      <c r="AK121" s="56">
        <v>2.1114331122421</v>
      </c>
      <c r="AL121" s="56">
        <v>2.1137079348901402</v>
      </c>
      <c r="AM121" s="56">
        <v>2.12</v>
      </c>
      <c r="AN121" s="17">
        <v>2.06</v>
      </c>
      <c r="AO121" s="17">
        <v>2.06</v>
      </c>
      <c r="AP121" s="17">
        <v>2.04</v>
      </c>
      <c r="AQ121" s="17">
        <v>2.06</v>
      </c>
      <c r="AR121" s="17">
        <v>2.08</v>
      </c>
      <c r="AS121" s="17">
        <v>2.14</v>
      </c>
      <c r="AT121" s="17">
        <v>2.2000000000000002</v>
      </c>
      <c r="AU121" s="17">
        <v>2.21</v>
      </c>
      <c r="AV121" s="17">
        <v>2.15</v>
      </c>
      <c r="AW121" s="17">
        <v>2.12</v>
      </c>
      <c r="AX121" s="17">
        <v>2.16</v>
      </c>
      <c r="AY121" s="17">
        <v>2.16</v>
      </c>
      <c r="AZ121" s="17">
        <v>2.1800000000000002</v>
      </c>
      <c r="BA121" s="17">
        <v>2.1800000000000002</v>
      </c>
      <c r="BB121" s="17">
        <v>2.1800000000000002</v>
      </c>
      <c r="BC121" s="17">
        <v>2.2000000000000002</v>
      </c>
      <c r="BD121" s="17">
        <v>2.2000000000000002</v>
      </c>
    </row>
    <row r="122" spans="3:56" x14ac:dyDescent="0.2">
      <c r="C122" s="16" t="s">
        <v>87</v>
      </c>
      <c r="D122" s="6" t="s">
        <v>58</v>
      </c>
      <c r="E122" s="17">
        <v>0.98</v>
      </c>
      <c r="F122" s="17">
        <v>0.98</v>
      </c>
      <c r="G122" s="17">
        <v>0.98</v>
      </c>
      <c r="H122" s="17">
        <v>0.98</v>
      </c>
      <c r="I122" s="17">
        <v>0.97</v>
      </c>
      <c r="J122" s="17">
        <v>0.97</v>
      </c>
      <c r="K122" s="17">
        <v>0.97</v>
      </c>
      <c r="L122" s="17">
        <v>0.97</v>
      </c>
      <c r="M122" s="17">
        <v>0.96</v>
      </c>
      <c r="N122" s="17">
        <v>0.96</v>
      </c>
      <c r="O122" s="17">
        <v>0.96</v>
      </c>
      <c r="P122" s="17">
        <v>0.95154224479762195</v>
      </c>
      <c r="Q122" s="17">
        <v>0.95</v>
      </c>
      <c r="R122" s="17">
        <v>0.96</v>
      </c>
      <c r="S122" s="17">
        <v>0.96</v>
      </c>
      <c r="T122" s="17">
        <v>0.96</v>
      </c>
      <c r="U122" s="17">
        <v>0.96</v>
      </c>
      <c r="V122" s="17">
        <v>0.96</v>
      </c>
      <c r="W122" s="17">
        <v>0.97</v>
      </c>
      <c r="X122" s="17">
        <v>0.97</v>
      </c>
      <c r="Y122" s="17">
        <v>0.96</v>
      </c>
      <c r="Z122" s="17">
        <v>0.96</v>
      </c>
      <c r="AA122" s="17">
        <v>0.97</v>
      </c>
      <c r="AB122" s="17">
        <v>0.98</v>
      </c>
      <c r="AC122" s="17">
        <v>1</v>
      </c>
      <c r="AD122" s="17">
        <v>0.99</v>
      </c>
      <c r="AE122" s="17">
        <v>1</v>
      </c>
      <c r="AF122" s="17">
        <v>1</v>
      </c>
      <c r="AG122" s="17">
        <v>1</v>
      </c>
      <c r="AH122" s="17">
        <v>1.01</v>
      </c>
      <c r="AI122" s="14">
        <v>1.01</v>
      </c>
      <c r="AJ122" s="56">
        <v>1.01391610417494</v>
      </c>
      <c r="AK122" s="56">
        <v>1.01351138168933</v>
      </c>
      <c r="AL122" s="56">
        <v>1.0080458542036601</v>
      </c>
      <c r="AM122" s="56">
        <v>1.01</v>
      </c>
      <c r="AN122" s="17">
        <v>1.01</v>
      </c>
      <c r="AO122" s="17">
        <v>1.01</v>
      </c>
      <c r="AP122" s="17">
        <v>1.01</v>
      </c>
      <c r="AQ122" s="17">
        <v>1.01</v>
      </c>
      <c r="AR122" s="17">
        <v>1.01</v>
      </c>
      <c r="AS122" s="17">
        <v>1.01</v>
      </c>
      <c r="AT122" s="17">
        <v>1</v>
      </c>
      <c r="AU122" s="17">
        <v>1.01</v>
      </c>
      <c r="AV122" s="17">
        <v>0.98</v>
      </c>
      <c r="AW122" s="17">
        <v>0.99</v>
      </c>
      <c r="AX122" s="17">
        <v>0.98</v>
      </c>
      <c r="AY122" s="17">
        <v>0.97</v>
      </c>
      <c r="AZ122" s="17">
        <v>0.99</v>
      </c>
      <c r="BA122" s="17">
        <v>0.99</v>
      </c>
      <c r="BB122" s="17">
        <v>0.99</v>
      </c>
      <c r="BC122" s="17">
        <v>0.99</v>
      </c>
      <c r="BD122" s="17">
        <v>1</v>
      </c>
    </row>
    <row r="123" spans="3:56" x14ac:dyDescent="0.2">
      <c r="C123" s="16" t="s">
        <v>88</v>
      </c>
      <c r="D123" s="6" t="s">
        <v>58</v>
      </c>
      <c r="E123" s="17">
        <v>1.62</v>
      </c>
      <c r="F123" s="17">
        <v>1.62</v>
      </c>
      <c r="G123" s="17">
        <v>1.64</v>
      </c>
      <c r="H123" s="17">
        <v>1.66</v>
      </c>
      <c r="I123" s="17">
        <v>1.68</v>
      </c>
      <c r="J123" s="17">
        <v>1.69</v>
      </c>
      <c r="K123" s="17">
        <v>1.72</v>
      </c>
      <c r="L123" s="17">
        <v>1.73</v>
      </c>
      <c r="M123" s="17">
        <v>1.75</v>
      </c>
      <c r="N123" s="17">
        <v>1.74</v>
      </c>
      <c r="O123" s="17">
        <v>1.76</v>
      </c>
      <c r="P123" s="17">
        <v>1.7634524343129701</v>
      </c>
      <c r="Q123" s="17">
        <v>1.76</v>
      </c>
      <c r="R123" s="17">
        <v>1.79</v>
      </c>
      <c r="S123" s="17">
        <v>1.79</v>
      </c>
      <c r="T123" s="17">
        <v>1.81</v>
      </c>
      <c r="U123" s="17">
        <v>1.84</v>
      </c>
      <c r="V123" s="17">
        <v>1.88</v>
      </c>
      <c r="W123" s="17">
        <v>1.9</v>
      </c>
      <c r="X123" s="17">
        <v>1.93</v>
      </c>
      <c r="Y123" s="17">
        <v>1.97</v>
      </c>
      <c r="Z123" s="17">
        <v>2.0099999999999998</v>
      </c>
      <c r="AA123" s="17">
        <v>2.0699999999999998</v>
      </c>
      <c r="AB123" s="17">
        <v>2.14</v>
      </c>
      <c r="AC123" s="17">
        <v>2.21</v>
      </c>
      <c r="AD123" s="17">
        <v>2.19</v>
      </c>
      <c r="AE123" s="17">
        <v>2.19</v>
      </c>
      <c r="AF123" s="17">
        <v>2.1800000000000002</v>
      </c>
      <c r="AG123" s="17">
        <v>2.1800000000000002</v>
      </c>
      <c r="AH123" s="17">
        <v>2.1800000000000002</v>
      </c>
      <c r="AI123" s="14">
        <v>2.1800000000000002</v>
      </c>
      <c r="AJ123" s="56">
        <v>2.1652751025036898</v>
      </c>
      <c r="AK123" s="56">
        <v>2.1642065768144199</v>
      </c>
      <c r="AL123" s="56">
        <v>2.12400166963022</v>
      </c>
      <c r="AM123" s="56">
        <v>2.12</v>
      </c>
      <c r="AN123" s="17">
        <v>2.14</v>
      </c>
      <c r="AO123" s="17">
        <v>2.13</v>
      </c>
      <c r="AP123" s="17">
        <v>2.12</v>
      </c>
      <c r="AQ123" s="17">
        <v>2.12</v>
      </c>
      <c r="AR123" s="17">
        <v>2.12</v>
      </c>
      <c r="AS123" s="17">
        <v>2.12</v>
      </c>
      <c r="AT123" s="17">
        <v>2.09</v>
      </c>
      <c r="AU123" s="17">
        <v>2.08</v>
      </c>
      <c r="AV123" s="17">
        <v>2.06</v>
      </c>
      <c r="AW123" s="17">
        <v>2.0099999999999998</v>
      </c>
      <c r="AX123" s="17">
        <v>1.97</v>
      </c>
      <c r="AY123" s="17">
        <v>1.89</v>
      </c>
      <c r="AZ123" s="17">
        <v>1.88</v>
      </c>
      <c r="BA123" s="17">
        <v>1.84</v>
      </c>
      <c r="BB123" s="17">
        <v>1.77</v>
      </c>
      <c r="BC123" s="17">
        <v>1.76</v>
      </c>
      <c r="BD123" s="17">
        <v>1.75</v>
      </c>
    </row>
    <row r="124" spans="3:56" x14ac:dyDescent="0.2">
      <c r="C124" s="18" t="s">
        <v>91</v>
      </c>
      <c r="D124" s="6" t="s">
        <v>58</v>
      </c>
      <c r="E124" s="17">
        <v>1.67</v>
      </c>
      <c r="F124" s="17">
        <v>1.65</v>
      </c>
      <c r="G124" s="17">
        <v>1.66</v>
      </c>
      <c r="H124" s="17">
        <v>1.68</v>
      </c>
      <c r="I124" s="17">
        <v>1.7</v>
      </c>
      <c r="J124" s="17">
        <v>1.74</v>
      </c>
      <c r="K124" s="17">
        <v>1.8</v>
      </c>
      <c r="L124" s="17">
        <v>1.81</v>
      </c>
      <c r="M124" s="17">
        <v>1.85</v>
      </c>
      <c r="N124" s="17"/>
      <c r="O124" s="17"/>
      <c r="P124" s="17"/>
      <c r="Q124" s="17"/>
      <c r="R124" s="17"/>
      <c r="S124" s="17"/>
      <c r="T124" s="17"/>
      <c r="U124" s="17"/>
      <c r="V124" s="17"/>
      <c r="W124" s="17"/>
      <c r="X124" s="17"/>
      <c r="Y124" s="17"/>
      <c r="Z124" s="17"/>
      <c r="AA124" s="17"/>
      <c r="AB124" s="17"/>
      <c r="AC124" s="17"/>
      <c r="AD124" s="17"/>
      <c r="AE124" s="17"/>
      <c r="AF124" s="17"/>
      <c r="AG124" s="17"/>
      <c r="AH124" s="17"/>
      <c r="AI124" s="14"/>
      <c r="AJ124" s="61"/>
      <c r="AK124" s="61"/>
      <c r="AL124" s="61"/>
      <c r="AM124" s="61"/>
      <c r="AN124" s="17"/>
      <c r="AO124" s="17"/>
      <c r="AP124" s="17"/>
      <c r="AQ124" s="17"/>
      <c r="AR124" s="17">
        <v>1.97</v>
      </c>
      <c r="AS124" s="17">
        <v>1.89</v>
      </c>
      <c r="AT124" s="17">
        <v>1.92</v>
      </c>
      <c r="AU124" s="17">
        <v>1.8</v>
      </c>
      <c r="AV124" s="17">
        <v>1.81</v>
      </c>
      <c r="AW124" s="17">
        <v>1.86</v>
      </c>
      <c r="AX124" s="17">
        <v>1.85</v>
      </c>
      <c r="AY124" s="17">
        <v>1.79</v>
      </c>
      <c r="AZ124" s="17">
        <v>1.78</v>
      </c>
      <c r="BA124" s="17">
        <v>1.7</v>
      </c>
      <c r="BB124" s="17">
        <v>1.69</v>
      </c>
      <c r="BC124" s="17">
        <v>1.67</v>
      </c>
      <c r="BD124" s="17">
        <v>1.67</v>
      </c>
    </row>
    <row r="125" spans="3:56" x14ac:dyDescent="0.2">
      <c r="C125" s="18" t="s">
        <v>100</v>
      </c>
      <c r="D125" s="6" t="s">
        <v>58</v>
      </c>
      <c r="E125" s="17"/>
      <c r="F125" s="17"/>
      <c r="G125" s="17"/>
      <c r="H125" s="17"/>
      <c r="I125" s="17"/>
      <c r="J125" s="17"/>
      <c r="K125" s="17"/>
      <c r="L125" s="17"/>
      <c r="M125" s="17"/>
      <c r="N125" s="17">
        <v>1.39</v>
      </c>
      <c r="O125" s="17">
        <v>1.39</v>
      </c>
      <c r="P125" s="17">
        <v>1.3960803108188402</v>
      </c>
      <c r="Q125" s="17">
        <v>1.41</v>
      </c>
      <c r="R125" s="17">
        <v>1.43</v>
      </c>
      <c r="S125" s="17">
        <v>1.43</v>
      </c>
      <c r="T125" s="17">
        <v>1.43</v>
      </c>
      <c r="U125" s="17">
        <v>1.43</v>
      </c>
      <c r="V125" s="17">
        <v>1.44</v>
      </c>
      <c r="W125" s="17">
        <v>1.44</v>
      </c>
      <c r="X125" s="17">
        <v>1.47</v>
      </c>
      <c r="Y125" s="17">
        <v>1.48</v>
      </c>
      <c r="Z125" s="17">
        <v>1.5</v>
      </c>
      <c r="AA125" s="17">
        <v>1.46</v>
      </c>
      <c r="AB125" s="17">
        <v>1.52</v>
      </c>
      <c r="AC125" s="17">
        <v>1.54</v>
      </c>
      <c r="AD125" s="17">
        <v>1.55</v>
      </c>
      <c r="AE125" s="17">
        <v>1.55</v>
      </c>
      <c r="AF125" s="17">
        <v>1.58</v>
      </c>
      <c r="AG125" s="17">
        <v>1.6</v>
      </c>
      <c r="AH125" s="17">
        <v>1.59</v>
      </c>
      <c r="AI125" s="14">
        <v>1.61</v>
      </c>
      <c r="AJ125" s="56">
        <v>1.6400518518518501</v>
      </c>
      <c r="AK125" s="56">
        <v>1.64005444444444</v>
      </c>
      <c r="AL125" s="56">
        <v>1.64038111111111</v>
      </c>
      <c r="AM125" s="56">
        <v>1.65</v>
      </c>
      <c r="AN125" s="17">
        <v>1.65</v>
      </c>
      <c r="AO125" s="17">
        <v>1.64</v>
      </c>
      <c r="AP125" s="17">
        <v>1.65</v>
      </c>
      <c r="AQ125" s="17">
        <v>1.65</v>
      </c>
      <c r="AR125" s="17"/>
      <c r="AS125" s="17"/>
      <c r="AT125" s="17"/>
      <c r="AU125" s="17"/>
      <c r="AV125" s="17"/>
      <c r="AW125" s="17"/>
      <c r="AX125" s="17"/>
      <c r="AY125" s="17"/>
      <c r="AZ125" s="17"/>
      <c r="BA125" s="17"/>
      <c r="BB125" s="17"/>
      <c r="BC125" s="17"/>
      <c r="BD125" s="17"/>
    </row>
    <row r="126" spans="3:56" x14ac:dyDescent="0.2">
      <c r="C126" s="16" t="s">
        <v>89</v>
      </c>
      <c r="D126" s="6" t="s">
        <v>58</v>
      </c>
      <c r="E126" s="17">
        <v>1.73</v>
      </c>
      <c r="F126" s="17">
        <v>1.71</v>
      </c>
      <c r="G126" s="17">
        <v>1.7</v>
      </c>
      <c r="H126" s="17">
        <v>1.7</v>
      </c>
      <c r="I126" s="17">
        <v>1.7</v>
      </c>
      <c r="J126" s="17">
        <v>1.7</v>
      </c>
      <c r="K126" s="17">
        <v>1.7</v>
      </c>
      <c r="L126" s="17">
        <v>1.7</v>
      </c>
      <c r="M126" s="17">
        <v>1.71</v>
      </c>
      <c r="N126" s="17">
        <v>1.72</v>
      </c>
      <c r="O126" s="17">
        <v>1.72</v>
      </c>
      <c r="P126" s="17">
        <v>1.7212359097354499</v>
      </c>
      <c r="Q126" s="17">
        <v>1.74</v>
      </c>
      <c r="R126" s="17">
        <v>1.73</v>
      </c>
      <c r="S126" s="17">
        <v>1.73</v>
      </c>
      <c r="T126" s="17">
        <v>1.73</v>
      </c>
      <c r="U126" s="17">
        <v>1.73</v>
      </c>
      <c r="V126" s="17">
        <v>1.73</v>
      </c>
      <c r="W126" s="17">
        <v>1.74</v>
      </c>
      <c r="X126" s="17">
        <v>1.74</v>
      </c>
      <c r="Y126" s="17">
        <v>1.75</v>
      </c>
      <c r="Z126" s="17">
        <v>1.76</v>
      </c>
      <c r="AA126" s="17">
        <v>1.79</v>
      </c>
      <c r="AB126" s="17">
        <v>1.82</v>
      </c>
      <c r="AC126" s="17">
        <v>1.85</v>
      </c>
      <c r="AD126" s="17">
        <v>1.85</v>
      </c>
      <c r="AE126" s="17">
        <v>1.85</v>
      </c>
      <c r="AF126" s="17">
        <v>1.86</v>
      </c>
      <c r="AG126" s="17">
        <v>1.88</v>
      </c>
      <c r="AH126" s="17">
        <v>1.88</v>
      </c>
      <c r="AI126" s="14">
        <v>1.87</v>
      </c>
      <c r="AJ126" s="56">
        <v>1.8698197232251801</v>
      </c>
      <c r="AK126" s="56">
        <v>1.87281113276286</v>
      </c>
      <c r="AL126" s="56">
        <v>1.8699612261012299</v>
      </c>
      <c r="AM126" s="56">
        <v>1.88</v>
      </c>
      <c r="AN126" s="17">
        <v>1.88</v>
      </c>
      <c r="AO126" s="17">
        <v>1.87</v>
      </c>
      <c r="AP126" s="17">
        <v>1.87</v>
      </c>
      <c r="AQ126" s="17">
        <v>1.84</v>
      </c>
      <c r="AR126" s="17">
        <v>1.82</v>
      </c>
      <c r="AS126" s="17">
        <v>1.82</v>
      </c>
      <c r="AT126" s="17">
        <v>1.81</v>
      </c>
      <c r="AU126" s="17">
        <v>1.8</v>
      </c>
      <c r="AV126" s="17">
        <v>1.76</v>
      </c>
      <c r="AW126" s="17">
        <v>1.76</v>
      </c>
      <c r="AX126" s="17">
        <v>1.78</v>
      </c>
      <c r="AY126" s="17">
        <v>1.77</v>
      </c>
      <c r="AZ126" s="17">
        <v>1.77</v>
      </c>
      <c r="BA126" s="17">
        <v>1.76</v>
      </c>
      <c r="BB126" s="17">
        <v>1.77</v>
      </c>
      <c r="BC126" s="17">
        <v>1.77</v>
      </c>
      <c r="BD126" s="17">
        <v>1.76</v>
      </c>
    </row>
    <row r="127" spans="3:56" x14ac:dyDescent="0.2">
      <c r="C127" s="16" t="s">
        <v>95</v>
      </c>
      <c r="D127" s="6" t="s">
        <v>58</v>
      </c>
      <c r="E127" s="17">
        <v>1.78</v>
      </c>
      <c r="F127" s="17">
        <v>1.77</v>
      </c>
      <c r="G127" s="17">
        <v>1.78</v>
      </c>
      <c r="H127" s="17">
        <v>1.77</v>
      </c>
      <c r="I127" s="17">
        <v>1.77</v>
      </c>
      <c r="J127" s="17">
        <v>1.78</v>
      </c>
      <c r="K127" s="17">
        <v>1.78</v>
      </c>
      <c r="L127" s="17">
        <v>1.79</v>
      </c>
      <c r="M127" s="17">
        <v>1.8</v>
      </c>
      <c r="N127" s="17">
        <v>1.78</v>
      </c>
      <c r="O127" s="17">
        <v>1.79</v>
      </c>
      <c r="P127" s="17">
        <v>1.78866773263669</v>
      </c>
      <c r="Q127" s="17">
        <v>1.8</v>
      </c>
      <c r="R127" s="17">
        <v>1.81</v>
      </c>
      <c r="S127" s="17">
        <v>1.81</v>
      </c>
      <c r="T127" s="17">
        <v>1.81</v>
      </c>
      <c r="U127" s="17">
        <v>1.84</v>
      </c>
      <c r="V127" s="17">
        <v>1.84</v>
      </c>
      <c r="W127" s="17">
        <v>1.84</v>
      </c>
      <c r="X127" s="17">
        <v>1.86</v>
      </c>
      <c r="Y127" s="17">
        <v>1.87</v>
      </c>
      <c r="Z127" s="17">
        <v>1.87</v>
      </c>
      <c r="AA127" s="17">
        <v>1.89</v>
      </c>
      <c r="AB127" s="17">
        <v>1.91</v>
      </c>
      <c r="AC127" s="17">
        <v>1.93</v>
      </c>
      <c r="AD127" s="17">
        <v>1.93</v>
      </c>
      <c r="AE127" s="17">
        <v>1.95</v>
      </c>
      <c r="AF127" s="17">
        <v>1.92</v>
      </c>
      <c r="AG127" s="17">
        <v>1.89</v>
      </c>
      <c r="AH127" s="17">
        <v>1.92</v>
      </c>
      <c r="AI127" s="14">
        <v>1.91</v>
      </c>
      <c r="AJ127" s="56">
        <v>1.90844322532316</v>
      </c>
      <c r="AK127" s="56">
        <v>1.91569914308708</v>
      </c>
      <c r="AL127" s="56">
        <v>1.9156892837709401</v>
      </c>
      <c r="AM127" s="56">
        <v>1.92</v>
      </c>
      <c r="AN127" s="17">
        <v>1.9</v>
      </c>
      <c r="AO127" s="17">
        <v>1.88</v>
      </c>
      <c r="AP127" s="17">
        <v>1.87</v>
      </c>
      <c r="AQ127" s="17">
        <v>1.85</v>
      </c>
      <c r="AR127" s="17">
        <v>1.86</v>
      </c>
      <c r="AS127" s="17">
        <v>1.85</v>
      </c>
      <c r="AT127" s="17">
        <v>1.85</v>
      </c>
      <c r="AU127" s="17">
        <v>1.86</v>
      </c>
      <c r="AV127" s="17">
        <v>1.84</v>
      </c>
      <c r="AW127" s="17">
        <v>1.83</v>
      </c>
      <c r="AX127" s="17">
        <v>1.84</v>
      </c>
      <c r="AY127" s="17">
        <v>1.82</v>
      </c>
      <c r="AZ127" s="17">
        <v>1.83</v>
      </c>
      <c r="BA127" s="17">
        <v>1.82</v>
      </c>
      <c r="BB127" s="17">
        <v>1.83</v>
      </c>
      <c r="BC127" s="17">
        <v>1.83</v>
      </c>
      <c r="BD127" s="17">
        <v>1.83</v>
      </c>
    </row>
    <row r="128" spans="3:56" x14ac:dyDescent="0.2">
      <c r="C128" s="23" t="s">
        <v>96</v>
      </c>
      <c r="D128" s="6" t="s">
        <v>58</v>
      </c>
      <c r="E128" s="17">
        <v>1.99</v>
      </c>
      <c r="F128" s="17">
        <v>1.94</v>
      </c>
      <c r="G128" s="17">
        <v>1.9</v>
      </c>
      <c r="H128" s="17">
        <v>1.86</v>
      </c>
      <c r="I128" s="17">
        <v>1.83</v>
      </c>
      <c r="J128" s="17">
        <v>1.82</v>
      </c>
      <c r="K128" s="17">
        <v>1.83</v>
      </c>
      <c r="L128" s="17">
        <v>1.83</v>
      </c>
      <c r="M128" s="17">
        <v>1.85</v>
      </c>
      <c r="N128" s="17">
        <v>1.87</v>
      </c>
      <c r="O128" s="17">
        <v>1.87</v>
      </c>
      <c r="P128" s="17">
        <v>1.88158098772475</v>
      </c>
      <c r="Q128" s="17">
        <v>1.9</v>
      </c>
      <c r="R128" s="17">
        <v>1.91</v>
      </c>
      <c r="S128" s="17">
        <v>1.91</v>
      </c>
      <c r="T128" s="17">
        <v>1.9</v>
      </c>
      <c r="U128" s="17">
        <v>1.91</v>
      </c>
      <c r="V128" s="17">
        <v>1.89</v>
      </c>
      <c r="W128" s="17">
        <v>1.83</v>
      </c>
      <c r="X128" s="17">
        <v>1.8</v>
      </c>
      <c r="Y128" s="17">
        <v>1.77</v>
      </c>
      <c r="Z128" s="17">
        <v>1.78</v>
      </c>
      <c r="AA128" s="17">
        <v>1.76</v>
      </c>
      <c r="AB128" s="17">
        <v>1.8</v>
      </c>
      <c r="AC128" s="17">
        <v>1.82</v>
      </c>
      <c r="AD128" s="17">
        <v>1.82</v>
      </c>
      <c r="AE128" s="17">
        <v>1.79</v>
      </c>
      <c r="AF128" s="17">
        <v>1.79</v>
      </c>
      <c r="AG128" s="17">
        <v>1.79</v>
      </c>
      <c r="AH128" s="17">
        <v>1.77</v>
      </c>
      <c r="AI128" s="14">
        <v>1.77</v>
      </c>
      <c r="AJ128" s="56">
        <v>1.7747754262386499</v>
      </c>
      <c r="AK128" s="56">
        <v>1.7750756099341403</v>
      </c>
      <c r="AL128" s="56">
        <v>1.77111854344928</v>
      </c>
      <c r="AM128" s="56">
        <v>1.77</v>
      </c>
      <c r="AN128" s="17">
        <v>1.77</v>
      </c>
      <c r="AO128" s="17">
        <v>1.78</v>
      </c>
      <c r="AP128" s="17">
        <v>1.78</v>
      </c>
      <c r="AQ128" s="17">
        <v>1.81</v>
      </c>
      <c r="AR128" s="17">
        <v>1.86</v>
      </c>
      <c r="AS128" s="17">
        <v>1.91</v>
      </c>
      <c r="AT128" s="17">
        <v>1.95</v>
      </c>
      <c r="AU128" s="17">
        <v>2.0099999999999998</v>
      </c>
      <c r="AV128" s="17">
        <v>2.06</v>
      </c>
      <c r="AW128" s="17">
        <v>2.0699999999999998</v>
      </c>
      <c r="AX128" s="17">
        <v>2.0699999999999998</v>
      </c>
      <c r="AY128" s="17">
        <v>2.08</v>
      </c>
      <c r="AZ128" s="17">
        <v>2.08</v>
      </c>
      <c r="BA128" s="17">
        <v>2.08</v>
      </c>
      <c r="BB128" s="17">
        <v>2.06</v>
      </c>
      <c r="BC128" s="17">
        <v>2.04</v>
      </c>
      <c r="BD128" s="17">
        <v>2.04</v>
      </c>
    </row>
  </sheetData>
  <mergeCells count="1">
    <mergeCell ref="D4:G4"/>
  </mergeCells>
  <phoneticPr fontId="0" type="noConversion"/>
  <pageMargins left="0.75" right="0.75" top="1" bottom="1" header="0" footer="0"/>
  <headerFooter alignWithMargins="0"/>
  <drawing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dimension ref="C2:BE129"/>
  <sheetViews>
    <sheetView topLeftCell="AZ1" workbookViewId="0">
      <selection activeCell="BF128" sqref="BF128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57" width="5.42578125" bestFit="1" customWidth="1"/>
  </cols>
  <sheetData>
    <row r="2" spans="3:57" ht="18" customHeight="1" x14ac:dyDescent="0.2">
      <c r="D2" s="30"/>
    </row>
    <row r="3" spans="3:57" ht="21" customHeight="1" x14ac:dyDescent="0.2">
      <c r="D3" s="30"/>
      <c r="H3" s="30"/>
      <c r="K3" s="30"/>
      <c r="L3" s="30"/>
    </row>
    <row r="4" spans="3:57" ht="32.25" customHeight="1" x14ac:dyDescent="0.2">
      <c r="D4" s="214"/>
      <c r="E4" s="214"/>
      <c r="F4" s="214"/>
      <c r="G4" s="214"/>
    </row>
    <row r="5" spans="3:57" x14ac:dyDescent="0.2">
      <c r="E5" s="27"/>
    </row>
    <row r="6" spans="3:57" ht="24.95" customHeight="1" x14ac:dyDescent="0.2"/>
    <row r="7" spans="3:57" ht="24.95" customHeight="1" x14ac:dyDescent="0.2">
      <c r="C7" s="28" t="s">
        <v>98</v>
      </c>
    </row>
    <row r="8" spans="3:57" ht="15.75" x14ac:dyDescent="0.2">
      <c r="C8" s="29" t="s">
        <v>99</v>
      </c>
    </row>
    <row r="12" spans="3:57" ht="15" customHeight="1" x14ac:dyDescent="0.2">
      <c r="C12" s="1" t="s">
        <v>0</v>
      </c>
      <c r="E12" s="2">
        <v>2009</v>
      </c>
      <c r="F12" s="2"/>
      <c r="G12" s="2"/>
      <c r="H12" s="2"/>
      <c r="I12" s="2"/>
      <c r="J12" s="2"/>
      <c r="K12" s="2"/>
      <c r="L12" s="2"/>
      <c r="M12" s="2"/>
    </row>
    <row r="13" spans="3:57" x14ac:dyDescent="0.2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x14ac:dyDescent="0.2">
      <c r="C14" s="5" t="s">
        <v>57</v>
      </c>
      <c r="D14" s="6" t="s">
        <v>58</v>
      </c>
      <c r="E14" s="17">
        <v>3.51</v>
      </c>
      <c r="F14" s="17">
        <v>3.53</v>
      </c>
      <c r="G14" s="17">
        <v>3.56</v>
      </c>
      <c r="H14" s="8">
        <v>3.58</v>
      </c>
      <c r="I14" s="8">
        <v>3.59</v>
      </c>
      <c r="J14" s="8">
        <v>3.58</v>
      </c>
      <c r="K14" s="8">
        <v>3.56</v>
      </c>
      <c r="L14" s="8">
        <v>3.52</v>
      </c>
      <c r="M14" s="8">
        <v>3.46</v>
      </c>
      <c r="N14" s="8">
        <v>3.4</v>
      </c>
      <c r="O14" s="8">
        <v>3.37</v>
      </c>
      <c r="P14" s="8">
        <v>3.37</v>
      </c>
      <c r="Q14" s="8">
        <v>3.36</v>
      </c>
      <c r="R14" s="8">
        <v>3.36</v>
      </c>
      <c r="S14" s="8">
        <v>3.37</v>
      </c>
      <c r="T14" s="8">
        <v>3.37</v>
      </c>
      <c r="U14" s="8">
        <v>3.4</v>
      </c>
      <c r="V14" s="8">
        <v>3.4</v>
      </c>
      <c r="W14" s="8">
        <v>3.38</v>
      </c>
      <c r="X14" s="8">
        <v>3.36</v>
      </c>
      <c r="Y14" s="8">
        <v>3.32</v>
      </c>
      <c r="Z14" s="8">
        <v>3.27</v>
      </c>
      <c r="AA14" s="17">
        <v>3.24</v>
      </c>
      <c r="AB14" s="17">
        <v>3.25</v>
      </c>
      <c r="AC14" s="17">
        <v>3.25</v>
      </c>
      <c r="AD14" s="8">
        <v>3.24</v>
      </c>
      <c r="AE14" s="8">
        <v>3.25</v>
      </c>
      <c r="AF14" s="17">
        <v>3.25</v>
      </c>
      <c r="AG14" s="17">
        <v>3.25</v>
      </c>
      <c r="AH14" s="40">
        <v>3.26</v>
      </c>
      <c r="AI14" s="40">
        <v>3.27</v>
      </c>
      <c r="AJ14" s="8">
        <v>3.27</v>
      </c>
      <c r="AK14" s="8">
        <v>3.28</v>
      </c>
      <c r="AL14" s="40">
        <v>3.29</v>
      </c>
      <c r="AM14" s="40">
        <v>3.3</v>
      </c>
      <c r="AN14" s="40">
        <v>3.32</v>
      </c>
      <c r="AO14" s="40">
        <v>3.34</v>
      </c>
      <c r="AP14" s="17">
        <v>3.35</v>
      </c>
      <c r="AQ14" s="17">
        <v>3.35</v>
      </c>
      <c r="AR14" s="17">
        <v>3.35</v>
      </c>
      <c r="AS14" s="17">
        <v>3.35</v>
      </c>
      <c r="AT14" s="17">
        <v>3.36</v>
      </c>
      <c r="AU14" s="17">
        <v>3.37</v>
      </c>
      <c r="AV14" s="8">
        <v>3.37</v>
      </c>
      <c r="AW14" s="17">
        <v>3.39</v>
      </c>
      <c r="AX14" s="17">
        <v>3.41</v>
      </c>
      <c r="AY14" s="17">
        <v>3.43</v>
      </c>
      <c r="AZ14" s="40">
        <v>3.43</v>
      </c>
      <c r="BA14" s="17">
        <v>3.44</v>
      </c>
      <c r="BB14" s="17">
        <v>3.45</v>
      </c>
      <c r="BC14" s="17">
        <v>3.45</v>
      </c>
      <c r="BD14" s="8">
        <v>3.46</v>
      </c>
      <c r="BE14" s="8">
        <v>3.46</v>
      </c>
    </row>
    <row r="15" spans="3:57" x14ac:dyDescent="0.2">
      <c r="C15" s="5" t="s">
        <v>59</v>
      </c>
      <c r="D15" s="6" t="s">
        <v>58</v>
      </c>
      <c r="E15" s="17">
        <v>6.61</v>
      </c>
      <c r="F15" s="17">
        <v>6.57</v>
      </c>
      <c r="G15" s="17">
        <v>6.06</v>
      </c>
      <c r="H15" s="8">
        <v>5.93</v>
      </c>
      <c r="I15" s="8">
        <v>5.73</v>
      </c>
      <c r="J15" s="8">
        <v>5.56</v>
      </c>
      <c r="K15" s="8">
        <v>5.35</v>
      </c>
      <c r="L15" s="8">
        <v>5.13</v>
      </c>
      <c r="M15" s="8">
        <v>4.97</v>
      </c>
      <c r="N15" s="8">
        <v>4.8899999999999997</v>
      </c>
      <c r="O15" s="8">
        <v>4.8600000000000003</v>
      </c>
      <c r="P15" s="8">
        <v>4.88</v>
      </c>
      <c r="Q15" s="8">
        <v>4.8899999999999997</v>
      </c>
      <c r="R15" s="8">
        <v>4.87</v>
      </c>
      <c r="S15" s="8">
        <v>4.87</v>
      </c>
      <c r="T15" s="8">
        <v>4.87</v>
      </c>
      <c r="U15" s="8">
        <v>4.8</v>
      </c>
      <c r="V15" s="8">
        <v>4.8</v>
      </c>
      <c r="W15" s="8">
        <v>4.7699999999999996</v>
      </c>
      <c r="X15" s="8">
        <v>4.79</v>
      </c>
      <c r="Y15" s="8">
        <v>4.7699999999999996</v>
      </c>
      <c r="Z15" s="8">
        <v>4.75</v>
      </c>
      <c r="AA15" s="17">
        <v>4.75</v>
      </c>
      <c r="AB15" s="17">
        <v>4.78</v>
      </c>
      <c r="AC15" s="17">
        <v>4.78</v>
      </c>
      <c r="AD15" s="8">
        <v>4.8499999999999996</v>
      </c>
      <c r="AE15" s="8">
        <v>5</v>
      </c>
      <c r="AF15" s="17">
        <v>5.22</v>
      </c>
      <c r="AG15" s="17">
        <v>5.37</v>
      </c>
      <c r="AH15" s="40">
        <v>5.45</v>
      </c>
      <c r="AI15" s="40">
        <v>5.43</v>
      </c>
      <c r="AJ15" s="8">
        <v>5.43</v>
      </c>
      <c r="AK15" s="8">
        <v>5.5</v>
      </c>
      <c r="AL15" s="40">
        <v>5.5</v>
      </c>
      <c r="AM15" s="40">
        <v>5.65</v>
      </c>
      <c r="AN15" s="40">
        <v>5.85</v>
      </c>
      <c r="AO15" s="62">
        <v>6.01</v>
      </c>
      <c r="AP15" s="17">
        <v>6.23</v>
      </c>
      <c r="AQ15" s="17">
        <v>6.43</v>
      </c>
      <c r="AR15" s="17">
        <v>6.45</v>
      </c>
      <c r="AS15" s="17">
        <v>6.49</v>
      </c>
      <c r="AT15" s="17">
        <v>6.62</v>
      </c>
      <c r="AU15" s="17">
        <v>6.63</v>
      </c>
      <c r="AV15" s="8">
        <v>6.61</v>
      </c>
      <c r="AW15" s="17">
        <v>6.57</v>
      </c>
      <c r="AX15" s="17">
        <v>6.56</v>
      </c>
      <c r="AY15" s="17">
        <v>6.61</v>
      </c>
      <c r="AZ15" s="40">
        <v>6.55</v>
      </c>
      <c r="BA15" s="17">
        <v>6.39</v>
      </c>
      <c r="BB15" s="17">
        <v>6.39</v>
      </c>
      <c r="BC15" s="17">
        <v>6.46</v>
      </c>
      <c r="BD15" s="8">
        <v>6.46</v>
      </c>
      <c r="BE15" s="8">
        <v>6.16</v>
      </c>
    </row>
    <row r="16" spans="3:57" x14ac:dyDescent="0.2">
      <c r="C16" s="5" t="s">
        <v>60</v>
      </c>
      <c r="D16" s="6" t="s">
        <v>58</v>
      </c>
      <c r="E16" s="17">
        <v>1.35</v>
      </c>
      <c r="F16" s="17">
        <v>1.33</v>
      </c>
      <c r="G16" s="17">
        <v>1.28</v>
      </c>
      <c r="H16" s="8">
        <v>1.26</v>
      </c>
      <c r="I16" s="8">
        <v>1.25</v>
      </c>
      <c r="J16" s="8">
        <v>1.26</v>
      </c>
      <c r="K16" s="8">
        <v>1.28</v>
      </c>
      <c r="L16" s="8">
        <v>1.31</v>
      </c>
      <c r="M16" s="8">
        <v>1.38</v>
      </c>
      <c r="N16" s="8">
        <v>1.43</v>
      </c>
      <c r="O16" s="8">
        <v>1.46</v>
      </c>
      <c r="P16" s="8">
        <v>1.47</v>
      </c>
      <c r="Q16" s="8">
        <v>1.46</v>
      </c>
      <c r="R16" s="8">
        <v>1.47</v>
      </c>
      <c r="S16" s="8">
        <v>1.48</v>
      </c>
      <c r="T16" s="8">
        <v>1.47</v>
      </c>
      <c r="U16" s="8">
        <v>1.47</v>
      </c>
      <c r="V16" s="8">
        <v>1.47</v>
      </c>
      <c r="W16" s="8">
        <v>1.47</v>
      </c>
      <c r="X16" s="8">
        <v>1.44</v>
      </c>
      <c r="Y16" s="8">
        <v>1.43</v>
      </c>
      <c r="Z16" s="8">
        <v>1.46</v>
      </c>
      <c r="AA16" s="17">
        <v>1.5</v>
      </c>
      <c r="AB16" s="17">
        <v>1.5</v>
      </c>
      <c r="AC16" s="17">
        <v>1.53</v>
      </c>
      <c r="AD16" s="8">
        <v>1.58</v>
      </c>
      <c r="AE16" s="8">
        <v>1.64</v>
      </c>
      <c r="AF16" s="17">
        <v>1.67</v>
      </c>
      <c r="AG16" s="17">
        <v>1.69</v>
      </c>
      <c r="AH16" s="40">
        <v>1.69</v>
      </c>
      <c r="AI16" s="40">
        <v>1.69</v>
      </c>
      <c r="AJ16" s="8">
        <v>1.68</v>
      </c>
      <c r="AK16" s="8">
        <v>1.61</v>
      </c>
      <c r="AL16" s="40">
        <v>1.56</v>
      </c>
      <c r="AM16" s="40">
        <v>1.54</v>
      </c>
      <c r="AN16" s="40">
        <v>1.52</v>
      </c>
      <c r="AO16" s="62">
        <v>1.51</v>
      </c>
      <c r="AP16" s="17">
        <v>1.46</v>
      </c>
      <c r="AQ16" s="17">
        <v>1.42</v>
      </c>
      <c r="AR16" s="17">
        <v>1.38</v>
      </c>
      <c r="AS16" s="17">
        <v>1.36</v>
      </c>
      <c r="AT16" s="17">
        <v>1.29</v>
      </c>
      <c r="AU16" s="17">
        <v>1.27</v>
      </c>
      <c r="AV16" s="8">
        <v>1.25</v>
      </c>
      <c r="AW16" s="17">
        <v>1.25</v>
      </c>
      <c r="AX16" s="17">
        <v>1.25</v>
      </c>
      <c r="AY16" s="17">
        <v>1.29</v>
      </c>
      <c r="AZ16" s="40">
        <v>1.32</v>
      </c>
      <c r="BA16" s="17">
        <v>1.33</v>
      </c>
      <c r="BB16" s="17">
        <v>1.33</v>
      </c>
      <c r="BC16" s="17">
        <v>1.33</v>
      </c>
      <c r="BD16" s="8">
        <v>1.31</v>
      </c>
      <c r="BE16" s="8">
        <v>1.32</v>
      </c>
    </row>
    <row r="17" spans="3:57" x14ac:dyDescent="0.2">
      <c r="C17" s="5" t="s">
        <v>61</v>
      </c>
      <c r="D17" s="6" t="s">
        <v>58</v>
      </c>
      <c r="E17" s="17">
        <v>1.68</v>
      </c>
      <c r="F17" s="17">
        <v>1.69</v>
      </c>
      <c r="G17" s="17">
        <v>1.75</v>
      </c>
      <c r="H17" s="8">
        <v>1.8</v>
      </c>
      <c r="I17" s="8">
        <v>1.8</v>
      </c>
      <c r="J17" s="8">
        <v>1.8</v>
      </c>
      <c r="K17" s="8">
        <v>1.79</v>
      </c>
      <c r="L17" s="8">
        <v>1.78</v>
      </c>
      <c r="M17" s="8">
        <v>1.78</v>
      </c>
      <c r="N17" s="8">
        <v>1.76</v>
      </c>
      <c r="O17" s="8">
        <v>1.7</v>
      </c>
      <c r="P17" s="8">
        <v>1.7</v>
      </c>
      <c r="Q17" s="8">
        <v>1.64</v>
      </c>
      <c r="R17" s="8">
        <v>1.64</v>
      </c>
      <c r="S17" s="8">
        <v>1.55</v>
      </c>
      <c r="T17" s="8">
        <v>1.55</v>
      </c>
      <c r="U17" s="8">
        <v>1.56</v>
      </c>
      <c r="V17" s="8">
        <v>1.55</v>
      </c>
      <c r="W17" s="8">
        <v>1.53</v>
      </c>
      <c r="X17" s="8">
        <v>1.47</v>
      </c>
      <c r="Y17" s="8">
        <v>1.44</v>
      </c>
      <c r="Z17" s="8">
        <v>1.44</v>
      </c>
      <c r="AA17" s="17">
        <v>1.47</v>
      </c>
      <c r="AB17" s="17">
        <v>1.47</v>
      </c>
      <c r="AC17" s="17">
        <v>1.45</v>
      </c>
      <c r="AD17" s="8">
        <v>1.48</v>
      </c>
      <c r="AE17" s="8">
        <v>1.48</v>
      </c>
      <c r="AF17" s="17">
        <v>1.5</v>
      </c>
      <c r="AG17" s="17">
        <v>1.52</v>
      </c>
      <c r="AH17" s="40">
        <v>1.56</v>
      </c>
      <c r="AI17" s="40">
        <v>1.56</v>
      </c>
      <c r="AJ17" s="8">
        <v>1.57</v>
      </c>
      <c r="AK17" s="8">
        <v>1.62</v>
      </c>
      <c r="AL17" s="40">
        <v>1.67</v>
      </c>
      <c r="AM17" s="40">
        <v>1.7</v>
      </c>
      <c r="AN17" s="40">
        <v>1.67</v>
      </c>
      <c r="AO17" s="62">
        <v>1.64</v>
      </c>
      <c r="AP17" s="17">
        <v>1.69</v>
      </c>
      <c r="AQ17" s="17">
        <v>1.68</v>
      </c>
      <c r="AR17" s="17">
        <v>1.69</v>
      </c>
      <c r="AS17" s="17">
        <v>1.57</v>
      </c>
      <c r="AT17" s="17">
        <v>1.53</v>
      </c>
      <c r="AU17" s="17">
        <v>1.49</v>
      </c>
      <c r="AV17" s="8">
        <v>1.44</v>
      </c>
      <c r="AW17" s="17">
        <v>1.46</v>
      </c>
      <c r="AX17" s="17">
        <v>1.5</v>
      </c>
      <c r="AY17" s="17">
        <v>1.5</v>
      </c>
      <c r="AZ17" s="40">
        <v>1.47</v>
      </c>
      <c r="BA17" s="17">
        <v>1.38</v>
      </c>
      <c r="BB17" s="17">
        <v>1.3</v>
      </c>
      <c r="BC17" s="17">
        <v>1.33</v>
      </c>
      <c r="BD17" s="8">
        <v>1.35</v>
      </c>
      <c r="BE17" s="8">
        <v>1.34</v>
      </c>
    </row>
    <row r="18" spans="3:57" x14ac:dyDescent="0.2">
      <c r="C18" s="5" t="s">
        <v>62</v>
      </c>
      <c r="D18" s="6" t="s">
        <v>58</v>
      </c>
      <c r="E18" s="17">
        <v>3.45</v>
      </c>
      <c r="F18" s="17">
        <v>3.12</v>
      </c>
      <c r="G18" s="17">
        <v>2.97</v>
      </c>
      <c r="H18" s="8">
        <v>2.97</v>
      </c>
      <c r="I18" s="8">
        <v>2.82</v>
      </c>
      <c r="J18" s="8">
        <v>2.78</v>
      </c>
      <c r="K18" s="8">
        <v>2.78</v>
      </c>
      <c r="L18" s="8">
        <v>2.96</v>
      </c>
      <c r="M18" s="8">
        <v>2.95</v>
      </c>
      <c r="N18" s="8">
        <v>3.21</v>
      </c>
      <c r="O18" s="8">
        <v>3.32</v>
      </c>
      <c r="P18" s="8">
        <v>3.32</v>
      </c>
      <c r="Q18" s="8">
        <v>3.33</v>
      </c>
      <c r="R18" s="8">
        <v>3.33</v>
      </c>
      <c r="S18" s="8">
        <v>3.33</v>
      </c>
      <c r="T18" s="8">
        <v>3.33</v>
      </c>
      <c r="U18" s="8">
        <v>3.33</v>
      </c>
      <c r="V18" s="8">
        <v>3.19</v>
      </c>
      <c r="W18" s="8">
        <v>3.13</v>
      </c>
      <c r="X18" s="8">
        <v>2.92</v>
      </c>
      <c r="Y18" s="8">
        <v>2.84</v>
      </c>
      <c r="Z18" s="8">
        <v>2.84</v>
      </c>
      <c r="AA18" s="17">
        <v>2.84</v>
      </c>
      <c r="AB18" s="17">
        <v>2.84</v>
      </c>
      <c r="AC18" s="17">
        <v>2.85</v>
      </c>
      <c r="AD18" s="8">
        <v>2.85</v>
      </c>
      <c r="AE18" s="8">
        <v>2.83</v>
      </c>
      <c r="AF18" s="17">
        <v>2.84</v>
      </c>
      <c r="AG18" s="17">
        <v>2.84</v>
      </c>
      <c r="AH18" s="40">
        <v>2.84</v>
      </c>
      <c r="AI18" s="40">
        <v>2.94</v>
      </c>
      <c r="AJ18" s="8">
        <v>3.02</v>
      </c>
      <c r="AK18" s="8">
        <v>3.08</v>
      </c>
      <c r="AL18" s="40">
        <v>3.09</v>
      </c>
      <c r="AM18" s="40">
        <v>3.09</v>
      </c>
      <c r="AN18" s="40">
        <v>3.09</v>
      </c>
      <c r="AO18" s="40">
        <v>3.09</v>
      </c>
      <c r="AP18" s="17">
        <v>3.38</v>
      </c>
      <c r="AQ18" s="17">
        <v>3.67</v>
      </c>
      <c r="AR18" s="17">
        <v>3.67</v>
      </c>
      <c r="AS18" s="17">
        <v>3.67</v>
      </c>
      <c r="AT18" s="17">
        <v>3.82</v>
      </c>
      <c r="AU18" s="17">
        <v>3.82</v>
      </c>
      <c r="AV18" s="8">
        <v>3.82</v>
      </c>
      <c r="AW18" s="17">
        <v>3.66</v>
      </c>
      <c r="AX18" s="17">
        <v>3.49</v>
      </c>
      <c r="AY18" s="17">
        <v>3.48</v>
      </c>
      <c r="AZ18" s="40">
        <v>3.27</v>
      </c>
      <c r="BA18" s="17">
        <v>3.26</v>
      </c>
      <c r="BB18" s="17">
        <v>3.08</v>
      </c>
      <c r="BC18" s="17">
        <v>3.0735185185185183</v>
      </c>
      <c r="BD18" s="8">
        <v>2.97</v>
      </c>
      <c r="BE18" s="8">
        <v>2.89</v>
      </c>
    </row>
    <row r="19" spans="3:57" x14ac:dyDescent="0.2">
      <c r="C19" s="5" t="s">
        <v>75</v>
      </c>
      <c r="D19" s="20" t="s">
        <v>76</v>
      </c>
      <c r="E19" s="17">
        <v>0.8</v>
      </c>
      <c r="F19" s="17">
        <v>0.78</v>
      </c>
      <c r="G19" s="17">
        <v>0.76</v>
      </c>
      <c r="H19" s="8">
        <v>0.74</v>
      </c>
      <c r="I19" s="8">
        <v>0.74</v>
      </c>
      <c r="J19" s="8">
        <v>0.75</v>
      </c>
      <c r="K19" s="8">
        <v>0.77</v>
      </c>
      <c r="L19" s="8">
        <v>0.79</v>
      </c>
      <c r="M19" s="8">
        <v>0.8</v>
      </c>
      <c r="N19" s="8">
        <v>0.84</v>
      </c>
      <c r="O19" s="8">
        <v>0.87</v>
      </c>
      <c r="P19" s="8">
        <v>0.88</v>
      </c>
      <c r="Q19" s="8">
        <v>0.88</v>
      </c>
      <c r="R19" s="8">
        <v>0.87</v>
      </c>
      <c r="S19" s="8">
        <v>0.86</v>
      </c>
      <c r="T19" s="8">
        <v>0.85</v>
      </c>
      <c r="U19" s="8">
        <v>0.84</v>
      </c>
      <c r="V19" s="8">
        <v>0.83</v>
      </c>
      <c r="W19" s="8">
        <v>0.8</v>
      </c>
      <c r="X19" s="8">
        <v>0.8</v>
      </c>
      <c r="Y19" s="8">
        <v>0.76</v>
      </c>
      <c r="Z19" s="8">
        <v>0.76</v>
      </c>
      <c r="AA19" s="17">
        <v>0.76</v>
      </c>
      <c r="AB19" s="17">
        <v>0.74</v>
      </c>
      <c r="AC19" s="17">
        <v>0.73</v>
      </c>
      <c r="AD19" s="8">
        <v>0.73</v>
      </c>
      <c r="AE19" s="8">
        <v>0.74</v>
      </c>
      <c r="AF19" s="17">
        <v>0.74</v>
      </c>
      <c r="AG19" s="17">
        <v>0.73</v>
      </c>
      <c r="AH19" s="40">
        <v>0.73</v>
      </c>
      <c r="AI19" s="40">
        <v>0.74</v>
      </c>
      <c r="AJ19" s="8">
        <v>0.74</v>
      </c>
      <c r="AK19" s="8">
        <v>0.75</v>
      </c>
      <c r="AL19" s="40">
        <v>0.73</v>
      </c>
      <c r="AM19" s="40">
        <v>0.75</v>
      </c>
      <c r="AN19" s="40">
        <v>0.77</v>
      </c>
      <c r="AO19" s="40">
        <v>0.78</v>
      </c>
      <c r="AP19" s="17">
        <v>0.78</v>
      </c>
      <c r="AQ19" s="17">
        <v>0.78</v>
      </c>
      <c r="AR19" s="17">
        <v>0.79</v>
      </c>
      <c r="AS19" s="17">
        <v>0.8</v>
      </c>
      <c r="AT19" s="17">
        <v>0.82</v>
      </c>
      <c r="AU19" s="17">
        <v>0.83</v>
      </c>
      <c r="AV19" s="8">
        <v>0.84</v>
      </c>
      <c r="AW19" s="17">
        <v>0.84</v>
      </c>
      <c r="AX19" s="17">
        <v>0.85</v>
      </c>
      <c r="AY19" s="17">
        <v>0.87</v>
      </c>
      <c r="AZ19" s="40">
        <v>0.87</v>
      </c>
      <c r="BA19" s="17">
        <v>0.88</v>
      </c>
      <c r="BB19" s="17">
        <v>0.89</v>
      </c>
      <c r="BC19" s="17">
        <v>0.91</v>
      </c>
      <c r="BD19" s="8">
        <v>0.9</v>
      </c>
      <c r="BE19" s="8">
        <v>0.9</v>
      </c>
    </row>
    <row r="20" spans="3:57" x14ac:dyDescent="0.2">
      <c r="C20" s="5" t="s">
        <v>63</v>
      </c>
      <c r="D20" s="6" t="s">
        <v>58</v>
      </c>
      <c r="E20" s="17">
        <v>7.78</v>
      </c>
      <c r="F20" s="17">
        <v>6.77</v>
      </c>
      <c r="G20" s="17">
        <v>7.32</v>
      </c>
      <c r="H20" s="8">
        <v>6.32</v>
      </c>
      <c r="I20" s="8">
        <v>6.32</v>
      </c>
      <c r="J20" s="8">
        <v>6.32</v>
      </c>
      <c r="K20" s="8">
        <v>4.92</v>
      </c>
      <c r="L20" s="8">
        <v>3.92</v>
      </c>
      <c r="M20" s="8">
        <v>4.84</v>
      </c>
      <c r="N20" s="8">
        <v>5.5</v>
      </c>
      <c r="O20" s="8">
        <v>5.3</v>
      </c>
      <c r="P20" s="8">
        <v>5.22</v>
      </c>
      <c r="Q20" s="8">
        <v>5.22</v>
      </c>
      <c r="R20" s="8">
        <v>6.22</v>
      </c>
      <c r="S20" s="8">
        <v>6.5</v>
      </c>
      <c r="T20" s="8">
        <v>5.5</v>
      </c>
      <c r="U20" s="8">
        <v>5.3</v>
      </c>
      <c r="V20" s="8">
        <v>4.3</v>
      </c>
      <c r="W20" s="8">
        <v>4.3</v>
      </c>
      <c r="X20" s="8">
        <v>5.3</v>
      </c>
      <c r="Y20" s="8">
        <v>5</v>
      </c>
      <c r="Z20" s="8">
        <v>5</v>
      </c>
      <c r="AA20" s="17">
        <v>4.17</v>
      </c>
      <c r="AB20" s="17">
        <v>5.07</v>
      </c>
      <c r="AC20" s="17">
        <v>5.6</v>
      </c>
      <c r="AD20" s="8">
        <v>4.5</v>
      </c>
      <c r="AE20" s="8">
        <v>4.97</v>
      </c>
      <c r="AF20" s="17">
        <v>4.0199999999999996</v>
      </c>
      <c r="AG20" s="17">
        <v>4.0199999999999996</v>
      </c>
      <c r="AH20" s="38">
        <v>4.2</v>
      </c>
      <c r="AI20" s="17">
        <v>4.3</v>
      </c>
      <c r="AJ20" s="8">
        <v>4.5</v>
      </c>
      <c r="AK20" s="8">
        <v>4.8</v>
      </c>
      <c r="AL20" s="38">
        <v>4.4000000000000004</v>
      </c>
      <c r="AM20" s="38">
        <v>4.9000000000000004</v>
      </c>
      <c r="AN20" s="38">
        <v>6.04</v>
      </c>
      <c r="AO20" s="40">
        <v>5.75</v>
      </c>
      <c r="AP20" s="17">
        <v>5.58</v>
      </c>
      <c r="AQ20" s="17">
        <v>5.08</v>
      </c>
      <c r="AR20" s="17">
        <v>5.0999999999999996</v>
      </c>
      <c r="AS20" s="17">
        <v>5.0999999999999996</v>
      </c>
      <c r="AT20" s="17">
        <v>5.0999999999999996</v>
      </c>
      <c r="AU20" s="17">
        <v>4.63</v>
      </c>
      <c r="AV20" s="8">
        <v>5.63</v>
      </c>
      <c r="AW20" s="17">
        <v>5</v>
      </c>
      <c r="AX20" s="17">
        <v>5.2</v>
      </c>
      <c r="AY20" s="17">
        <v>4.42</v>
      </c>
      <c r="AZ20" s="38">
        <v>3.77</v>
      </c>
      <c r="BA20" s="17">
        <v>4.1100000000000003</v>
      </c>
      <c r="BB20" s="17">
        <v>3.35</v>
      </c>
      <c r="BC20" s="17">
        <v>5</v>
      </c>
      <c r="BD20" s="8">
        <v>4</v>
      </c>
      <c r="BE20" s="8">
        <v>5</v>
      </c>
    </row>
    <row r="21" spans="3:57" x14ac:dyDescent="0.2">
      <c r="C21" s="5" t="s">
        <v>64</v>
      </c>
      <c r="D21" s="6" t="s">
        <v>58</v>
      </c>
      <c r="E21" s="17">
        <v>3.1</v>
      </c>
      <c r="F21" s="17">
        <v>3.05</v>
      </c>
      <c r="G21" s="17">
        <v>2.85</v>
      </c>
      <c r="H21" s="8">
        <v>2.33</v>
      </c>
      <c r="I21" s="8">
        <v>2.8</v>
      </c>
      <c r="J21" s="8">
        <v>2.4900000000000002</v>
      </c>
      <c r="K21" s="8">
        <v>2.4900000000000002</v>
      </c>
      <c r="L21" s="8">
        <v>2.4900000000000002</v>
      </c>
      <c r="M21" s="8">
        <v>2.4900000000000002</v>
      </c>
      <c r="N21" s="8">
        <v>2.4900000000000002</v>
      </c>
      <c r="O21" s="8">
        <v>3</v>
      </c>
      <c r="P21" s="8">
        <v>2.46</v>
      </c>
      <c r="Q21" s="8">
        <v>1.86</v>
      </c>
      <c r="R21" s="8">
        <v>1.86</v>
      </c>
      <c r="S21" s="8">
        <v>2.65</v>
      </c>
      <c r="T21" s="8">
        <v>3.3</v>
      </c>
      <c r="U21" s="8">
        <v>3.15</v>
      </c>
      <c r="V21" s="8">
        <v>1.99</v>
      </c>
      <c r="W21" s="8">
        <v>2.13</v>
      </c>
      <c r="X21" s="8">
        <v>2.2999999999999998</v>
      </c>
      <c r="Y21" s="8">
        <v>2.36</v>
      </c>
      <c r="Z21" s="8">
        <v>2.27</v>
      </c>
      <c r="AA21" s="17">
        <v>2.0099999999999998</v>
      </c>
      <c r="AB21" s="17">
        <v>2.5499999999999998</v>
      </c>
      <c r="AC21" s="17">
        <v>2.89</v>
      </c>
      <c r="AD21" s="8">
        <v>2.59</v>
      </c>
      <c r="AE21" s="8">
        <v>2.15</v>
      </c>
      <c r="AF21" s="17">
        <v>2.5</v>
      </c>
      <c r="AG21" s="17">
        <v>2.5</v>
      </c>
      <c r="AH21" s="38">
        <v>2.5</v>
      </c>
      <c r="AI21" s="17">
        <v>3</v>
      </c>
      <c r="AJ21" s="8">
        <v>3</v>
      </c>
      <c r="AK21" s="8">
        <v>3.1</v>
      </c>
      <c r="AL21" s="38">
        <v>2.5</v>
      </c>
      <c r="AM21" s="38">
        <v>2.5</v>
      </c>
      <c r="AN21" s="38">
        <v>3</v>
      </c>
      <c r="AO21" s="40">
        <v>3</v>
      </c>
      <c r="AP21" s="17">
        <v>3.75</v>
      </c>
      <c r="AQ21" s="17">
        <v>3.25</v>
      </c>
      <c r="AR21" s="17">
        <v>2.75</v>
      </c>
      <c r="AS21" s="17">
        <v>1.75</v>
      </c>
      <c r="AT21" s="17">
        <v>2.2000000000000002</v>
      </c>
      <c r="AU21" s="17">
        <v>2.1</v>
      </c>
      <c r="AV21" s="8">
        <v>2.2200000000000002</v>
      </c>
      <c r="AW21" s="17">
        <v>2.4700000000000002</v>
      </c>
      <c r="AX21" s="17">
        <v>3.06</v>
      </c>
      <c r="AY21" s="17">
        <v>2.76</v>
      </c>
      <c r="AZ21" s="38">
        <v>2.2599999999999998</v>
      </c>
      <c r="BA21" s="17">
        <v>3</v>
      </c>
      <c r="BB21" s="17">
        <v>2.36</v>
      </c>
      <c r="BC21" s="17">
        <v>2.76</v>
      </c>
      <c r="BD21" s="8">
        <v>2.76</v>
      </c>
      <c r="BE21" s="8">
        <v>2.86</v>
      </c>
    </row>
    <row r="22" spans="3:57" x14ac:dyDescent="0.2">
      <c r="C22" s="5" t="s">
        <v>65</v>
      </c>
      <c r="D22" s="6" t="s">
        <v>58</v>
      </c>
      <c r="E22" s="17">
        <v>1.68</v>
      </c>
      <c r="F22" s="17">
        <v>1.31</v>
      </c>
      <c r="G22" s="17">
        <v>1</v>
      </c>
      <c r="H22" s="8">
        <v>1.2</v>
      </c>
      <c r="I22" s="8">
        <v>1.1000000000000001</v>
      </c>
      <c r="J22" s="8">
        <v>1</v>
      </c>
      <c r="K22" s="8">
        <v>1</v>
      </c>
      <c r="L22" s="8">
        <v>1.3</v>
      </c>
      <c r="M22" s="8">
        <v>1.6</v>
      </c>
      <c r="N22" s="8">
        <v>1.23</v>
      </c>
      <c r="O22" s="8">
        <v>1.08</v>
      </c>
      <c r="P22" s="8">
        <v>1.18</v>
      </c>
      <c r="Q22" s="8">
        <v>1.1499999999999999</v>
      </c>
      <c r="R22" s="8">
        <v>1.3</v>
      </c>
      <c r="S22" s="8">
        <v>1.55</v>
      </c>
      <c r="T22" s="8">
        <v>1.06</v>
      </c>
      <c r="U22" s="8">
        <v>1.06</v>
      </c>
      <c r="V22" s="8">
        <v>1.58</v>
      </c>
      <c r="W22" s="8">
        <v>1.58</v>
      </c>
      <c r="X22" s="8">
        <v>1.88</v>
      </c>
      <c r="Y22" s="8">
        <v>1.8</v>
      </c>
      <c r="Z22" s="8">
        <v>1.8</v>
      </c>
      <c r="AA22" s="17">
        <v>1.98</v>
      </c>
      <c r="AB22" s="17">
        <v>2.38</v>
      </c>
      <c r="AC22" s="17">
        <v>2.57</v>
      </c>
      <c r="AD22" s="8">
        <v>2.77</v>
      </c>
      <c r="AE22" s="8">
        <v>2.2999999999999998</v>
      </c>
      <c r="AF22" s="17">
        <v>2.0099999999999998</v>
      </c>
      <c r="AG22" s="17">
        <v>2.2000000000000002</v>
      </c>
      <c r="AH22" s="38">
        <v>2.4</v>
      </c>
      <c r="AI22" s="17">
        <v>2</v>
      </c>
      <c r="AJ22" s="8">
        <v>1.37</v>
      </c>
      <c r="AK22" s="8">
        <v>1.53</v>
      </c>
      <c r="AL22" s="38">
        <v>1.53</v>
      </c>
      <c r="AM22" s="38">
        <v>1.43</v>
      </c>
      <c r="AN22" s="38">
        <v>1.29</v>
      </c>
      <c r="AO22" s="62">
        <v>1.24</v>
      </c>
      <c r="AP22" s="17">
        <v>1.55</v>
      </c>
      <c r="AQ22" s="17">
        <v>1.65</v>
      </c>
      <c r="AR22" s="17">
        <v>1.3</v>
      </c>
      <c r="AS22" s="17">
        <v>1.22</v>
      </c>
      <c r="AT22" s="17">
        <v>1.22</v>
      </c>
      <c r="AU22" s="17">
        <v>1</v>
      </c>
      <c r="AV22" s="8">
        <v>1</v>
      </c>
      <c r="AW22" s="17">
        <v>1.1100000000000001</v>
      </c>
      <c r="AX22" s="17">
        <v>0.9</v>
      </c>
      <c r="AY22" s="17">
        <v>0.9</v>
      </c>
      <c r="AZ22" s="38">
        <v>1.05</v>
      </c>
      <c r="BA22" s="17">
        <v>1.73</v>
      </c>
      <c r="BB22" s="17">
        <v>1.33</v>
      </c>
      <c r="BC22" s="17">
        <v>1.0900000000000001</v>
      </c>
      <c r="BD22" s="8">
        <v>1.39</v>
      </c>
      <c r="BE22" s="8">
        <v>1.0900000000000001</v>
      </c>
    </row>
    <row r="23" spans="3:57" x14ac:dyDescent="0.2">
      <c r="C23" s="5" t="s">
        <v>66</v>
      </c>
      <c r="D23" s="6" t="s">
        <v>58</v>
      </c>
      <c r="E23" s="17">
        <v>3.25</v>
      </c>
      <c r="F23" s="17">
        <v>3.25</v>
      </c>
      <c r="G23" s="17">
        <v>2.71</v>
      </c>
      <c r="H23" s="8">
        <v>2.71</v>
      </c>
      <c r="I23" s="8">
        <v>2.91</v>
      </c>
      <c r="J23" s="8">
        <v>2.5099999999999998</v>
      </c>
      <c r="K23" s="8">
        <v>3</v>
      </c>
      <c r="L23" s="8">
        <v>2</v>
      </c>
      <c r="M23" s="8">
        <v>3</v>
      </c>
      <c r="N23" s="8">
        <v>2</v>
      </c>
      <c r="O23" s="8">
        <v>2</v>
      </c>
      <c r="P23" s="8">
        <v>1.7</v>
      </c>
      <c r="Q23" s="8">
        <v>1.18</v>
      </c>
      <c r="R23" s="8">
        <v>1.38</v>
      </c>
      <c r="S23" s="8">
        <v>1.9</v>
      </c>
      <c r="T23" s="8">
        <v>2.8</v>
      </c>
      <c r="U23" s="8">
        <v>2.0499999999999998</v>
      </c>
      <c r="V23" s="8">
        <v>2.25</v>
      </c>
      <c r="W23" s="8">
        <v>1.82</v>
      </c>
      <c r="X23" s="8">
        <v>2</v>
      </c>
      <c r="Y23" s="8">
        <v>1.8</v>
      </c>
      <c r="Z23" s="8">
        <v>2.5299999999999998</v>
      </c>
      <c r="AA23" s="17">
        <v>2</v>
      </c>
      <c r="AB23" s="17">
        <v>2.2999999999999998</v>
      </c>
      <c r="AC23" s="17">
        <v>2.2000000000000002</v>
      </c>
      <c r="AD23" s="8">
        <v>2.2000000000000002</v>
      </c>
      <c r="AE23" s="8">
        <v>1.8</v>
      </c>
      <c r="AF23" s="17">
        <v>1.8</v>
      </c>
      <c r="AG23" s="17">
        <v>2.46</v>
      </c>
      <c r="AH23" s="38">
        <v>2.46</v>
      </c>
      <c r="AI23" s="17">
        <v>2</v>
      </c>
      <c r="AJ23" s="8">
        <v>2.5</v>
      </c>
      <c r="AK23" s="8">
        <v>2.5</v>
      </c>
      <c r="AL23" s="38">
        <v>1.28</v>
      </c>
      <c r="AM23" s="38">
        <v>1.58</v>
      </c>
      <c r="AN23" s="38">
        <v>2</v>
      </c>
      <c r="AO23" s="17">
        <v>1.9</v>
      </c>
      <c r="AP23" s="17">
        <v>2.4</v>
      </c>
      <c r="AQ23" s="17">
        <v>2.1</v>
      </c>
      <c r="AR23" s="17">
        <v>1.8</v>
      </c>
      <c r="AS23" s="17">
        <v>1.86</v>
      </c>
      <c r="AT23" s="17">
        <v>2.46</v>
      </c>
      <c r="AU23" s="17">
        <v>2.5299999999999998</v>
      </c>
      <c r="AV23" s="8">
        <v>2.5299999999999998</v>
      </c>
      <c r="AW23" s="17">
        <v>2.83</v>
      </c>
      <c r="AX23" s="17">
        <v>3.03</v>
      </c>
      <c r="AY23" s="17">
        <v>2.0299999999999998</v>
      </c>
      <c r="AZ23" s="38">
        <v>1.58</v>
      </c>
      <c r="BA23" s="17">
        <v>2.3199999999999998</v>
      </c>
      <c r="BB23" s="17">
        <v>2.52</v>
      </c>
      <c r="BC23" s="17">
        <v>3.12</v>
      </c>
      <c r="BD23" s="8">
        <v>2.3199999999999998</v>
      </c>
      <c r="BE23" s="8">
        <v>2.3199999999999998</v>
      </c>
    </row>
    <row r="24" spans="3:57" x14ac:dyDescent="0.2">
      <c r="C24" s="5" t="s">
        <v>67</v>
      </c>
      <c r="D24" s="6" t="s">
        <v>58</v>
      </c>
      <c r="E24" s="17">
        <v>5.69</v>
      </c>
      <c r="F24" s="17">
        <v>6</v>
      </c>
      <c r="G24" s="17">
        <v>6</v>
      </c>
      <c r="H24" s="8">
        <v>7</v>
      </c>
      <c r="I24" s="8">
        <v>7.1</v>
      </c>
      <c r="J24" s="8">
        <v>5.9</v>
      </c>
      <c r="K24" s="8">
        <v>5</v>
      </c>
      <c r="L24" s="8">
        <v>4</v>
      </c>
      <c r="M24" s="8">
        <v>3.7</v>
      </c>
      <c r="N24" s="8">
        <v>3.9</v>
      </c>
      <c r="O24" s="8">
        <v>4.9000000000000004</v>
      </c>
      <c r="P24" s="8">
        <v>4.79</v>
      </c>
      <c r="Q24" s="8">
        <v>3.15</v>
      </c>
      <c r="R24" s="8">
        <v>3.7</v>
      </c>
      <c r="S24" s="8">
        <v>3.9</v>
      </c>
      <c r="T24" s="8">
        <v>3.27</v>
      </c>
      <c r="U24" s="8">
        <v>3.47</v>
      </c>
      <c r="V24" s="8">
        <v>4</v>
      </c>
      <c r="W24" s="8">
        <v>4.5</v>
      </c>
      <c r="X24" s="8">
        <v>4.71</v>
      </c>
      <c r="Y24" s="8">
        <v>4.25</v>
      </c>
      <c r="Z24" s="8">
        <v>4.09</v>
      </c>
      <c r="AA24" s="17">
        <v>4.3</v>
      </c>
      <c r="AB24" s="17">
        <v>3.75</v>
      </c>
      <c r="AC24" s="17">
        <v>4.75</v>
      </c>
      <c r="AD24" s="8">
        <v>3.91</v>
      </c>
      <c r="AE24" s="8">
        <v>3.91</v>
      </c>
      <c r="AF24" s="17">
        <v>3.91</v>
      </c>
      <c r="AG24" s="17">
        <v>3.91</v>
      </c>
      <c r="AH24" s="38">
        <v>4.91</v>
      </c>
      <c r="AI24" s="17">
        <v>4.91</v>
      </c>
      <c r="AJ24" s="8">
        <v>5.2</v>
      </c>
      <c r="AK24" s="8">
        <v>4.3899999999999997</v>
      </c>
      <c r="AL24" s="38">
        <v>4</v>
      </c>
      <c r="AM24" s="38">
        <v>4.8</v>
      </c>
      <c r="AN24" s="38">
        <v>7</v>
      </c>
      <c r="AO24" s="40">
        <v>6</v>
      </c>
      <c r="AP24" s="17">
        <v>5.5</v>
      </c>
      <c r="AQ24" s="17">
        <v>4.08</v>
      </c>
      <c r="AR24" s="17">
        <v>3.55</v>
      </c>
      <c r="AS24" s="17">
        <v>3.55</v>
      </c>
      <c r="AT24" s="17">
        <v>3.65</v>
      </c>
      <c r="AU24" s="17">
        <v>3.65</v>
      </c>
      <c r="AV24" s="8">
        <v>4.2</v>
      </c>
      <c r="AW24" s="17">
        <v>5.01</v>
      </c>
      <c r="AX24" s="17">
        <v>6.01</v>
      </c>
      <c r="AY24" s="17">
        <v>5.81</v>
      </c>
      <c r="AZ24" s="38">
        <v>5</v>
      </c>
      <c r="BA24" s="17">
        <v>5.7</v>
      </c>
      <c r="BB24" s="17">
        <v>5.39</v>
      </c>
      <c r="BC24" s="17">
        <v>4.55</v>
      </c>
      <c r="BD24" s="8">
        <v>4</v>
      </c>
      <c r="BE24" s="8">
        <v>4.5</v>
      </c>
    </row>
    <row r="25" spans="3:57" x14ac:dyDescent="0.2">
      <c r="C25" s="5" t="s">
        <v>68</v>
      </c>
      <c r="D25" s="6" t="s">
        <v>58</v>
      </c>
      <c r="E25" s="17">
        <v>0.6</v>
      </c>
      <c r="F25" s="17">
        <v>0.8</v>
      </c>
      <c r="G25" s="17">
        <v>0.8</v>
      </c>
      <c r="H25" s="8">
        <v>1.1599999999999999</v>
      </c>
      <c r="I25" s="8">
        <v>1.1599999999999999</v>
      </c>
      <c r="J25" s="8">
        <v>1.2</v>
      </c>
      <c r="K25" s="8">
        <v>1.28</v>
      </c>
      <c r="L25" s="8">
        <v>0.84</v>
      </c>
      <c r="M25" s="8">
        <v>0.86</v>
      </c>
      <c r="N25" s="8">
        <v>0.86</v>
      </c>
      <c r="O25" s="8">
        <v>0.86</v>
      </c>
      <c r="P25" s="8">
        <v>0.86</v>
      </c>
      <c r="Q25" s="8">
        <v>0.81</v>
      </c>
      <c r="R25" s="8">
        <v>0.91</v>
      </c>
      <c r="S25" s="8">
        <v>0.7</v>
      </c>
      <c r="T25" s="8">
        <v>0.7</v>
      </c>
      <c r="U25" s="8">
        <v>0.7</v>
      </c>
      <c r="V25" s="8">
        <v>0.7</v>
      </c>
      <c r="W25" s="8">
        <v>0.7</v>
      </c>
      <c r="X25" s="8">
        <v>0.66</v>
      </c>
      <c r="Y25" s="8">
        <v>0.54</v>
      </c>
      <c r="Z25" s="8">
        <v>0.45</v>
      </c>
      <c r="AA25" s="17">
        <v>0.68</v>
      </c>
      <c r="AB25" s="17">
        <v>0.68</v>
      </c>
      <c r="AC25" s="17">
        <v>0.5</v>
      </c>
      <c r="AD25" s="8">
        <v>0.41</v>
      </c>
      <c r="AE25" s="8">
        <v>0.56000000000000005</v>
      </c>
      <c r="AF25" s="17">
        <v>0.72</v>
      </c>
      <c r="AG25" s="17">
        <v>0.7</v>
      </c>
      <c r="AH25" s="38">
        <v>0.75</v>
      </c>
      <c r="AI25" s="17">
        <v>1</v>
      </c>
      <c r="AJ25" s="8">
        <v>1</v>
      </c>
      <c r="AK25" s="8">
        <v>0.55000000000000004</v>
      </c>
      <c r="AL25" s="38">
        <v>0.5</v>
      </c>
      <c r="AM25" s="38">
        <v>0.5</v>
      </c>
      <c r="AN25" s="38">
        <v>0.95</v>
      </c>
      <c r="AO25" s="40">
        <v>0.95</v>
      </c>
      <c r="AP25" s="17">
        <v>0.44</v>
      </c>
      <c r="AQ25" s="17">
        <v>0.39</v>
      </c>
      <c r="AR25" s="17">
        <v>0.33</v>
      </c>
      <c r="AS25" s="17">
        <v>0.41</v>
      </c>
      <c r="AT25" s="17">
        <v>0.71</v>
      </c>
      <c r="AU25" s="17">
        <v>0.49</v>
      </c>
      <c r="AV25" s="8">
        <v>0.54</v>
      </c>
      <c r="AW25" s="17">
        <v>1.04</v>
      </c>
      <c r="AX25" s="17">
        <v>0.95</v>
      </c>
      <c r="AY25" s="17">
        <v>0.65</v>
      </c>
      <c r="AZ25" s="38">
        <v>0.75</v>
      </c>
      <c r="BA25" s="17">
        <v>0.89</v>
      </c>
      <c r="BB25" s="17">
        <v>0.89</v>
      </c>
      <c r="BC25" s="17">
        <v>0.89</v>
      </c>
      <c r="BD25" s="8">
        <v>0.99</v>
      </c>
      <c r="BE25" s="8">
        <v>1.29</v>
      </c>
    </row>
    <row r="26" spans="3:57" x14ac:dyDescent="0.2">
      <c r="C26" s="5" t="s">
        <v>69</v>
      </c>
      <c r="D26" s="6" t="s">
        <v>58</v>
      </c>
      <c r="E26" s="17">
        <v>1.9</v>
      </c>
      <c r="F26" s="17">
        <v>1.9</v>
      </c>
      <c r="G26" s="17">
        <v>2.25</v>
      </c>
      <c r="H26" s="8">
        <v>2.75</v>
      </c>
      <c r="I26" s="8">
        <v>3.75</v>
      </c>
      <c r="J26" s="8">
        <v>3.5</v>
      </c>
      <c r="K26" s="8">
        <v>2.2000000000000002</v>
      </c>
      <c r="L26" s="8">
        <v>1.36</v>
      </c>
      <c r="M26" s="8">
        <v>1.46</v>
      </c>
      <c r="N26" s="8">
        <v>1.48</v>
      </c>
      <c r="O26" s="8">
        <v>1.28</v>
      </c>
      <c r="P26" s="8">
        <v>0.85</v>
      </c>
      <c r="Q26" s="8">
        <v>0.65</v>
      </c>
      <c r="R26" s="8">
        <v>0.66</v>
      </c>
      <c r="S26" s="8">
        <v>0.61</v>
      </c>
      <c r="T26" s="8">
        <v>0.67</v>
      </c>
      <c r="U26" s="8">
        <v>0.57999999999999996</v>
      </c>
      <c r="V26" s="8">
        <v>0.54</v>
      </c>
      <c r="W26" s="8">
        <v>0.73</v>
      </c>
      <c r="X26" s="8">
        <v>0.69</v>
      </c>
      <c r="Y26" s="8">
        <v>0.65</v>
      </c>
      <c r="Z26" s="8">
        <v>0.63</v>
      </c>
      <c r="AA26" s="17">
        <v>0.7</v>
      </c>
      <c r="AB26" s="17">
        <v>0.92</v>
      </c>
      <c r="AC26" s="17">
        <v>1</v>
      </c>
      <c r="AD26" s="8">
        <v>0.95</v>
      </c>
      <c r="AE26" s="8">
        <v>0.85</v>
      </c>
      <c r="AF26" s="17">
        <v>0.84</v>
      </c>
      <c r="AG26" s="17">
        <v>0.94</v>
      </c>
      <c r="AH26" s="38">
        <v>1.34</v>
      </c>
      <c r="AI26" s="17">
        <v>1.25</v>
      </c>
      <c r="AJ26" s="8">
        <v>1.35</v>
      </c>
      <c r="AK26" s="8">
        <v>1.35</v>
      </c>
      <c r="AL26" s="38">
        <v>1.24</v>
      </c>
      <c r="AM26" s="38">
        <v>1.19</v>
      </c>
      <c r="AN26" s="38">
        <v>1</v>
      </c>
      <c r="AO26" s="62">
        <v>0.93</v>
      </c>
      <c r="AP26" s="17">
        <v>1.18</v>
      </c>
      <c r="AQ26" s="17">
        <v>1.08</v>
      </c>
      <c r="AR26" s="17">
        <v>1</v>
      </c>
      <c r="AS26" s="17">
        <v>0.88</v>
      </c>
      <c r="AT26" s="17">
        <v>1.08</v>
      </c>
      <c r="AU26" s="17">
        <v>1.33</v>
      </c>
      <c r="AV26" s="8">
        <v>1.46</v>
      </c>
      <c r="AW26" s="17">
        <v>1.76</v>
      </c>
      <c r="AX26" s="17">
        <v>1.6</v>
      </c>
      <c r="AY26" s="17">
        <v>1.1399999999999999</v>
      </c>
      <c r="AZ26" s="38">
        <v>1.1399999999999999</v>
      </c>
      <c r="BA26" s="17">
        <v>1.74</v>
      </c>
      <c r="BB26" s="17">
        <v>1.85</v>
      </c>
      <c r="BC26" s="17">
        <v>2.4</v>
      </c>
      <c r="BD26" s="8">
        <v>1.82</v>
      </c>
      <c r="BE26" s="8">
        <v>2.12</v>
      </c>
    </row>
    <row r="27" spans="3:57" x14ac:dyDescent="0.2">
      <c r="C27" s="5" t="s">
        <v>70</v>
      </c>
      <c r="D27" s="6" t="s">
        <v>58</v>
      </c>
      <c r="E27" s="17">
        <v>1.47</v>
      </c>
      <c r="F27" s="17">
        <v>1.1000000000000001</v>
      </c>
      <c r="G27" s="17">
        <v>1.03</v>
      </c>
      <c r="H27" s="8">
        <v>1.17</v>
      </c>
      <c r="I27" s="8">
        <v>0.78</v>
      </c>
      <c r="J27" s="8">
        <v>0.44</v>
      </c>
      <c r="K27" s="8">
        <v>0.47</v>
      </c>
      <c r="L27" s="8">
        <v>0.23</v>
      </c>
      <c r="M27" s="8">
        <v>0.26</v>
      </c>
      <c r="N27" s="8">
        <v>0.25</v>
      </c>
      <c r="O27" s="8">
        <v>0.26</v>
      </c>
      <c r="P27" s="8">
        <v>0.25</v>
      </c>
      <c r="Q27" s="8">
        <v>0.23</v>
      </c>
      <c r="R27" s="8">
        <v>0.27</v>
      </c>
      <c r="S27" s="8">
        <v>0.32</v>
      </c>
      <c r="T27" s="8">
        <v>0.49</v>
      </c>
      <c r="U27" s="8">
        <v>0.43</v>
      </c>
      <c r="V27" s="8">
        <v>0.81</v>
      </c>
      <c r="W27" s="8">
        <v>0.94</v>
      </c>
      <c r="X27" s="8">
        <v>1.54</v>
      </c>
      <c r="Y27" s="8">
        <v>1.0900000000000001</v>
      </c>
      <c r="Z27" s="8">
        <v>1.47</v>
      </c>
      <c r="AA27" s="17">
        <v>1.47</v>
      </c>
      <c r="AB27" s="17">
        <v>1.7</v>
      </c>
      <c r="AC27" s="17">
        <v>0.96</v>
      </c>
      <c r="AD27" s="8">
        <v>0.98</v>
      </c>
      <c r="AE27" s="8">
        <v>1.1499999999999999</v>
      </c>
      <c r="AF27" s="17">
        <v>1.83</v>
      </c>
      <c r="AG27" s="17">
        <v>2.25</v>
      </c>
      <c r="AH27" s="38">
        <v>1.42</v>
      </c>
      <c r="AI27" s="17">
        <v>2.64</v>
      </c>
      <c r="AJ27" s="8">
        <v>1.97</v>
      </c>
      <c r="AK27" s="8">
        <v>1.1599999999999999</v>
      </c>
      <c r="AL27" s="38">
        <v>1.07</v>
      </c>
      <c r="AM27" s="38">
        <v>1.07</v>
      </c>
      <c r="AN27" s="38">
        <v>0.7</v>
      </c>
      <c r="AO27" s="40">
        <v>0.47</v>
      </c>
      <c r="AP27" s="17">
        <v>0.74</v>
      </c>
      <c r="AQ27" s="17">
        <v>0.52</v>
      </c>
      <c r="AR27" s="17">
        <v>0.74</v>
      </c>
      <c r="AS27" s="17">
        <v>0.43</v>
      </c>
      <c r="AT27" s="17">
        <v>0.66</v>
      </c>
      <c r="AU27" s="17">
        <v>0.6</v>
      </c>
      <c r="AV27" s="8">
        <v>0.89</v>
      </c>
      <c r="AW27" s="17">
        <v>1.77</v>
      </c>
      <c r="AX27" s="17">
        <v>0.32</v>
      </c>
      <c r="AY27" s="17">
        <v>0.49</v>
      </c>
      <c r="AZ27" s="38">
        <v>0.47</v>
      </c>
      <c r="BA27" s="17">
        <v>2.4500000000000002</v>
      </c>
      <c r="BB27" s="17">
        <v>0.85</v>
      </c>
      <c r="BC27" s="17">
        <v>0.83</v>
      </c>
      <c r="BD27" s="8">
        <v>0.76</v>
      </c>
      <c r="BE27" s="8">
        <v>1.96</v>
      </c>
    </row>
    <row r="28" spans="3:57" x14ac:dyDescent="0.2">
      <c r="C28" s="5" t="s">
        <v>101</v>
      </c>
      <c r="D28" s="6" t="s">
        <v>58</v>
      </c>
      <c r="E28" s="17"/>
      <c r="F28" s="17"/>
      <c r="G28" s="17"/>
      <c r="H28" s="8">
        <v>3.79</v>
      </c>
      <c r="I28" s="8">
        <v>4.57</v>
      </c>
      <c r="J28" s="8">
        <v>5.17</v>
      </c>
      <c r="K28" s="8">
        <v>4.87</v>
      </c>
      <c r="L28" s="8">
        <v>4.95</v>
      </c>
      <c r="M28" s="8">
        <v>4.42</v>
      </c>
      <c r="N28" s="8">
        <v>4.3499999999999996</v>
      </c>
      <c r="O28" s="8">
        <v>5.16</v>
      </c>
      <c r="P28" s="8">
        <v>4.83</v>
      </c>
      <c r="Q28" s="8">
        <v>5.19</v>
      </c>
      <c r="R28" s="8">
        <v>5.13</v>
      </c>
      <c r="S28" s="8">
        <v>6.13</v>
      </c>
      <c r="T28" s="8">
        <v>6.12</v>
      </c>
      <c r="U28" s="8">
        <v>6.2</v>
      </c>
      <c r="V28" s="8">
        <v>6.59</v>
      </c>
      <c r="W28" s="8">
        <v>6.32</v>
      </c>
      <c r="X28" s="8">
        <v>6.48</v>
      </c>
      <c r="Y28" s="8">
        <v>5.46</v>
      </c>
      <c r="Z28" s="8">
        <v>6.17</v>
      </c>
      <c r="AA28" s="17">
        <v>6.16</v>
      </c>
      <c r="AB28" s="17">
        <v>5.98</v>
      </c>
      <c r="AC28" s="17">
        <v>5.27</v>
      </c>
      <c r="AD28" s="8">
        <v>4.97</v>
      </c>
      <c r="AE28" s="8">
        <v>3.75</v>
      </c>
      <c r="AF28" s="17">
        <v>4.76</v>
      </c>
      <c r="AG28" s="17">
        <v>2.87</v>
      </c>
      <c r="AH28" s="38">
        <v>3.71</v>
      </c>
      <c r="AI28" s="17">
        <v>3.6</v>
      </c>
      <c r="AJ28" s="8">
        <v>4.26</v>
      </c>
      <c r="AK28" s="8">
        <v>5.57</v>
      </c>
      <c r="AL28" s="38">
        <v>5.24</v>
      </c>
      <c r="AM28" s="38">
        <v>5.43</v>
      </c>
      <c r="AN28" s="38">
        <v>5.92</v>
      </c>
      <c r="AO28" s="40">
        <v>7.7</v>
      </c>
      <c r="AP28" s="17">
        <v>7.3</v>
      </c>
      <c r="AQ28" s="17">
        <v>5.51</v>
      </c>
      <c r="AR28" s="17">
        <v>3.33</v>
      </c>
      <c r="AS28" s="17">
        <v>3.08</v>
      </c>
      <c r="AT28" s="17">
        <v>3.36</v>
      </c>
      <c r="AU28" s="17">
        <v>4.09</v>
      </c>
      <c r="AV28" s="8">
        <v>3.95</v>
      </c>
      <c r="AW28" s="17">
        <v>4.9400000000000004</v>
      </c>
      <c r="AX28" s="17">
        <v>3.14</v>
      </c>
      <c r="AY28" s="17">
        <v>2.42</v>
      </c>
      <c r="AZ28" s="38">
        <v>2.86</v>
      </c>
      <c r="BA28" s="17">
        <v>4.51</v>
      </c>
      <c r="BB28" s="17">
        <v>3.94</v>
      </c>
      <c r="BC28" s="17">
        <v>5.92</v>
      </c>
      <c r="BD28" s="8">
        <v>2.58</v>
      </c>
      <c r="BE28" s="8">
        <v>2.38</v>
      </c>
    </row>
    <row r="29" spans="3:57" x14ac:dyDescent="0.2">
      <c r="C29" s="5" t="s">
        <v>71</v>
      </c>
      <c r="D29" s="6" t="s">
        <v>58</v>
      </c>
      <c r="E29" s="17">
        <v>1.9</v>
      </c>
      <c r="F29" s="17">
        <v>1.9</v>
      </c>
      <c r="G29" s="17">
        <v>1.9</v>
      </c>
      <c r="H29" s="8">
        <v>1.9</v>
      </c>
      <c r="I29" s="8">
        <v>1.9</v>
      </c>
      <c r="J29" s="8">
        <v>1.9</v>
      </c>
      <c r="K29" s="8">
        <v>1.9</v>
      </c>
      <c r="L29" s="8">
        <v>1.9</v>
      </c>
      <c r="M29" s="8">
        <v>1.65</v>
      </c>
      <c r="N29" s="8">
        <v>2</v>
      </c>
      <c r="O29" s="8">
        <v>1.9</v>
      </c>
      <c r="P29" s="8">
        <v>1.9</v>
      </c>
      <c r="Q29" s="8">
        <v>1.9</v>
      </c>
      <c r="R29" s="8">
        <v>1.7</v>
      </c>
      <c r="S29" s="8">
        <v>1.7</v>
      </c>
      <c r="T29" s="8">
        <v>1.8</v>
      </c>
      <c r="U29" s="8">
        <v>1.8</v>
      </c>
      <c r="V29" s="8">
        <v>1.8</v>
      </c>
      <c r="W29" s="8">
        <v>1.8</v>
      </c>
      <c r="X29" s="8">
        <v>1.7</v>
      </c>
      <c r="Y29" s="8">
        <v>1.7</v>
      </c>
      <c r="Z29" s="8">
        <v>1.7</v>
      </c>
      <c r="AA29" s="17">
        <v>1.7</v>
      </c>
      <c r="AB29" s="17">
        <v>1.7</v>
      </c>
      <c r="AC29" s="17">
        <v>1.7</v>
      </c>
      <c r="AD29" s="8">
        <v>1.7</v>
      </c>
      <c r="AE29" s="8">
        <v>1.7</v>
      </c>
      <c r="AF29" s="17">
        <v>1.7</v>
      </c>
      <c r="AG29" s="17">
        <v>1.7</v>
      </c>
      <c r="AH29" s="38">
        <v>1.7</v>
      </c>
      <c r="AI29" s="17">
        <v>1.7</v>
      </c>
      <c r="AJ29" s="8">
        <v>1.7</v>
      </c>
      <c r="AK29" s="8">
        <v>1.7</v>
      </c>
      <c r="AL29" s="38">
        <v>1.7</v>
      </c>
      <c r="AM29" s="38">
        <v>1.7</v>
      </c>
      <c r="AN29" s="38">
        <v>1.7</v>
      </c>
      <c r="AO29" s="40">
        <v>1.7</v>
      </c>
      <c r="AP29" s="17">
        <v>1.9</v>
      </c>
      <c r="AQ29" s="17">
        <v>1.9</v>
      </c>
      <c r="AR29" s="17">
        <v>1.9</v>
      </c>
      <c r="AS29" s="17">
        <v>1.9</v>
      </c>
      <c r="AT29" s="17">
        <v>1.9</v>
      </c>
      <c r="AU29" s="17">
        <v>1.9</v>
      </c>
      <c r="AV29" s="8">
        <v>1.9</v>
      </c>
      <c r="AW29" s="17">
        <v>2</v>
      </c>
      <c r="AX29" s="17">
        <v>2</v>
      </c>
      <c r="AY29" s="17">
        <v>2</v>
      </c>
      <c r="AZ29" s="38">
        <v>2</v>
      </c>
      <c r="BA29" s="17">
        <v>2.15</v>
      </c>
      <c r="BB29" s="17">
        <v>2</v>
      </c>
      <c r="BC29" s="17">
        <v>2</v>
      </c>
      <c r="BD29" s="8">
        <v>2</v>
      </c>
      <c r="BE29" s="8">
        <v>2</v>
      </c>
    </row>
    <row r="30" spans="3:57" x14ac:dyDescent="0.2">
      <c r="C30" s="5" t="s">
        <v>102</v>
      </c>
      <c r="D30" s="6" t="s">
        <v>58</v>
      </c>
      <c r="E30" s="17">
        <v>3.15</v>
      </c>
      <c r="F30" s="17">
        <v>3.16</v>
      </c>
      <c r="G30" s="17">
        <v>3.27</v>
      </c>
      <c r="H30" s="8">
        <v>3.38</v>
      </c>
      <c r="I30" s="8">
        <v>3.38</v>
      </c>
      <c r="J30" s="8">
        <v>3.38</v>
      </c>
      <c r="K30" s="8">
        <v>3.38</v>
      </c>
      <c r="L30" s="8">
        <v>3.38</v>
      </c>
      <c r="M30" s="8">
        <v>3.45</v>
      </c>
      <c r="N30" s="8">
        <v>3.39</v>
      </c>
      <c r="O30" s="8">
        <v>3.36</v>
      </c>
      <c r="P30" s="8">
        <v>3.33</v>
      </c>
      <c r="Q30" s="8">
        <v>3.24</v>
      </c>
      <c r="R30" s="8">
        <v>3.27</v>
      </c>
      <c r="S30" s="8">
        <v>3.29</v>
      </c>
      <c r="T30" s="8">
        <v>3.4</v>
      </c>
      <c r="U30" s="8">
        <v>3.4</v>
      </c>
      <c r="V30" s="8">
        <v>3.66</v>
      </c>
      <c r="W30" s="8">
        <v>3.87</v>
      </c>
      <c r="X30" s="8">
        <v>4.51</v>
      </c>
      <c r="Y30" s="8">
        <v>4.6900000000000004</v>
      </c>
      <c r="Z30" s="8">
        <v>4.4000000000000004</v>
      </c>
      <c r="AA30" s="17">
        <v>4.46</v>
      </c>
      <c r="AB30" s="17">
        <v>4.51</v>
      </c>
      <c r="AC30" s="17">
        <v>4.5</v>
      </c>
      <c r="AD30" s="8">
        <v>4.43</v>
      </c>
      <c r="AE30" s="8">
        <v>4.37</v>
      </c>
      <c r="AF30" s="17">
        <v>4.3</v>
      </c>
      <c r="AG30" s="17">
        <v>4.22</v>
      </c>
      <c r="AH30" s="38">
        <v>4.1900000000000004</v>
      </c>
      <c r="AI30" s="17">
        <v>4.1100000000000003</v>
      </c>
      <c r="AJ30" s="8">
        <v>4.09</v>
      </c>
      <c r="AK30" s="8">
        <v>4.09</v>
      </c>
      <c r="AL30" s="38">
        <v>4.09</v>
      </c>
      <c r="AM30" s="38">
        <v>4.09</v>
      </c>
      <c r="AN30" s="38">
        <v>3.9</v>
      </c>
      <c r="AO30" s="40">
        <v>3.65</v>
      </c>
      <c r="AP30" s="17">
        <v>3.68</v>
      </c>
      <c r="AQ30" s="17">
        <v>3.69</v>
      </c>
      <c r="AR30" s="17">
        <v>3.52</v>
      </c>
      <c r="AS30" s="17">
        <v>3.52</v>
      </c>
      <c r="AT30" s="17">
        <v>3.53</v>
      </c>
      <c r="AU30" s="17">
        <v>3.61</v>
      </c>
      <c r="AV30" s="8">
        <v>3.62</v>
      </c>
      <c r="AW30" s="17">
        <v>3.61</v>
      </c>
      <c r="AX30" s="17">
        <v>3.61</v>
      </c>
      <c r="AY30" s="17">
        <v>3.56</v>
      </c>
      <c r="AZ30" s="38">
        <v>3.6</v>
      </c>
      <c r="BA30" s="17">
        <v>3.58</v>
      </c>
      <c r="BB30" s="17">
        <v>3.57</v>
      </c>
      <c r="BC30" s="17">
        <v>3.59</v>
      </c>
      <c r="BD30" s="8">
        <v>3.59</v>
      </c>
      <c r="BE30" s="8">
        <v>3.59</v>
      </c>
    </row>
    <row r="31" spans="3:57" x14ac:dyDescent="0.2">
      <c r="C31" s="5" t="s">
        <v>72</v>
      </c>
      <c r="D31" s="6" t="s">
        <v>58</v>
      </c>
      <c r="E31" s="17">
        <v>2.15</v>
      </c>
      <c r="F31" s="17">
        <v>2.4500000000000002</v>
      </c>
      <c r="G31" s="17">
        <v>2.4500000000000002</v>
      </c>
      <c r="H31" s="8">
        <v>2.35</v>
      </c>
      <c r="I31" s="8">
        <v>2.75</v>
      </c>
      <c r="J31" s="8">
        <v>2.6</v>
      </c>
      <c r="K31" s="8">
        <v>3</v>
      </c>
      <c r="L31" s="8">
        <v>2.9</v>
      </c>
      <c r="M31" s="8">
        <v>2.95</v>
      </c>
      <c r="N31" s="8">
        <v>3.25</v>
      </c>
      <c r="O31" s="8">
        <v>3.45</v>
      </c>
      <c r="P31" s="8">
        <v>3.45</v>
      </c>
      <c r="Q31" s="8">
        <v>3.45</v>
      </c>
      <c r="R31" s="8">
        <v>3.45</v>
      </c>
      <c r="S31" s="8">
        <v>3.62</v>
      </c>
      <c r="T31" s="8">
        <v>4</v>
      </c>
      <c r="U31" s="8">
        <v>4.2</v>
      </c>
      <c r="V31" s="8">
        <v>4.5</v>
      </c>
      <c r="W31" s="8">
        <v>4.5</v>
      </c>
      <c r="X31" s="8">
        <v>4.8</v>
      </c>
      <c r="Y31" s="8">
        <v>5</v>
      </c>
      <c r="Z31" s="8">
        <v>5.4</v>
      </c>
      <c r="AA31" s="17">
        <v>5.4</v>
      </c>
      <c r="AB31" s="17">
        <v>4.5</v>
      </c>
      <c r="AC31" s="17">
        <v>4.6500000000000004</v>
      </c>
      <c r="AD31" s="8">
        <v>5</v>
      </c>
      <c r="AE31" s="8">
        <v>5.05</v>
      </c>
      <c r="AF31" s="17">
        <v>4.9000000000000004</v>
      </c>
      <c r="AG31" s="17">
        <v>5</v>
      </c>
      <c r="AH31" s="38">
        <v>5.5</v>
      </c>
      <c r="AI31" s="17">
        <v>5.2</v>
      </c>
      <c r="AJ31" s="8">
        <v>4.9000000000000004</v>
      </c>
      <c r="AK31" s="8">
        <v>4.5</v>
      </c>
      <c r="AL31" s="38">
        <v>4.5</v>
      </c>
      <c r="AM31" s="38">
        <v>4.25</v>
      </c>
      <c r="AN31" s="38">
        <v>4.0999999999999996</v>
      </c>
      <c r="AO31" s="62">
        <v>4.0999999999999996</v>
      </c>
      <c r="AP31" s="17">
        <v>4.25</v>
      </c>
      <c r="AQ31" s="17">
        <v>4</v>
      </c>
      <c r="AR31" s="17">
        <v>3.6</v>
      </c>
      <c r="AS31" s="17">
        <v>3.6</v>
      </c>
      <c r="AT31" s="17">
        <v>3.6</v>
      </c>
      <c r="AU31" s="17">
        <v>3.6</v>
      </c>
      <c r="AV31" s="8">
        <v>3.4</v>
      </c>
      <c r="AW31" s="17">
        <v>3.4</v>
      </c>
      <c r="AX31" s="17">
        <v>3.4</v>
      </c>
      <c r="AY31" s="17">
        <v>3.55</v>
      </c>
      <c r="AZ31" s="38">
        <v>3.5</v>
      </c>
      <c r="BA31" s="17">
        <v>3.55</v>
      </c>
      <c r="BB31" s="17">
        <v>3.65</v>
      </c>
      <c r="BC31" s="17">
        <v>3.65</v>
      </c>
      <c r="BD31" s="8">
        <v>3.8</v>
      </c>
      <c r="BE31" s="8">
        <v>3.8</v>
      </c>
    </row>
    <row r="32" spans="3:57" x14ac:dyDescent="0.2">
      <c r="C32" s="5" t="s">
        <v>73</v>
      </c>
      <c r="D32" s="6" t="s">
        <v>58</v>
      </c>
      <c r="E32" s="17">
        <v>4.88</v>
      </c>
      <c r="F32" s="17">
        <v>4.38</v>
      </c>
      <c r="G32" s="17">
        <v>3.6</v>
      </c>
      <c r="H32" s="8">
        <v>3.6</v>
      </c>
      <c r="I32" s="8">
        <v>4</v>
      </c>
      <c r="J32" s="8">
        <v>4.8</v>
      </c>
      <c r="K32" s="8">
        <v>3.8</v>
      </c>
      <c r="L32" s="8">
        <v>3.5</v>
      </c>
      <c r="M32" s="8">
        <v>3.7</v>
      </c>
      <c r="N32" s="8">
        <v>3.8</v>
      </c>
      <c r="O32" s="8">
        <v>3.9</v>
      </c>
      <c r="P32" s="8">
        <v>3.5</v>
      </c>
      <c r="Q32" s="8">
        <v>3.58</v>
      </c>
      <c r="R32" s="8">
        <v>4</v>
      </c>
      <c r="S32" s="8">
        <v>4.8</v>
      </c>
      <c r="T32" s="8">
        <v>4.4000000000000004</v>
      </c>
      <c r="U32" s="8">
        <v>4.4000000000000004</v>
      </c>
      <c r="V32" s="8">
        <v>3.3</v>
      </c>
      <c r="W32" s="8">
        <v>4.8</v>
      </c>
      <c r="X32" s="8">
        <v>3.91</v>
      </c>
      <c r="Y32" s="8">
        <v>4.0999999999999996</v>
      </c>
      <c r="Z32" s="8">
        <v>3.7</v>
      </c>
      <c r="AA32" s="17">
        <v>3.7</v>
      </c>
      <c r="AB32" s="17">
        <v>2.7</v>
      </c>
      <c r="AC32" s="17">
        <v>3.31</v>
      </c>
      <c r="AD32" s="8">
        <v>3.6</v>
      </c>
      <c r="AE32" s="8">
        <v>3</v>
      </c>
      <c r="AF32" s="17">
        <v>2.5</v>
      </c>
      <c r="AG32" s="17">
        <v>3.1</v>
      </c>
      <c r="AH32" s="38">
        <v>3.25</v>
      </c>
      <c r="AI32" s="17">
        <v>5.89</v>
      </c>
      <c r="AJ32" s="8">
        <v>5</v>
      </c>
      <c r="AK32" s="8">
        <v>5</v>
      </c>
      <c r="AL32" s="38">
        <v>4</v>
      </c>
      <c r="AM32" s="38">
        <v>3.7</v>
      </c>
      <c r="AN32" s="38">
        <v>3.8</v>
      </c>
      <c r="AO32" s="40">
        <v>4</v>
      </c>
      <c r="AP32" s="17">
        <v>4.12</v>
      </c>
      <c r="AQ32" s="17">
        <v>3.41</v>
      </c>
      <c r="AR32" s="17">
        <v>3.59</v>
      </c>
      <c r="AS32" s="17">
        <v>4</v>
      </c>
      <c r="AT32" s="17">
        <v>4</v>
      </c>
      <c r="AU32" s="17">
        <v>4</v>
      </c>
      <c r="AV32" s="8">
        <v>3.5</v>
      </c>
      <c r="AW32" s="17">
        <v>3.73</v>
      </c>
      <c r="AX32" s="17">
        <v>3.53</v>
      </c>
      <c r="AY32" s="17">
        <v>3.33</v>
      </c>
      <c r="AZ32" s="38">
        <v>2.79</v>
      </c>
      <c r="BA32" s="17">
        <v>3.29</v>
      </c>
      <c r="BB32" s="17">
        <v>3.4</v>
      </c>
      <c r="BC32" s="17">
        <v>3.95</v>
      </c>
      <c r="BD32" s="8">
        <v>4.55</v>
      </c>
      <c r="BE32" s="8">
        <v>4</v>
      </c>
    </row>
    <row r="33" spans="3:57" x14ac:dyDescent="0.2">
      <c r="C33" s="5" t="s">
        <v>74</v>
      </c>
      <c r="D33" s="6" t="s">
        <v>58</v>
      </c>
      <c r="E33" s="17">
        <v>1.05</v>
      </c>
      <c r="F33" s="17">
        <v>1.05</v>
      </c>
      <c r="G33" s="17">
        <v>1.05</v>
      </c>
      <c r="H33" s="8">
        <v>1.05</v>
      </c>
      <c r="I33" s="8">
        <v>1.05</v>
      </c>
      <c r="J33" s="8">
        <v>1.05</v>
      </c>
      <c r="K33" s="8">
        <v>1.05</v>
      </c>
      <c r="L33" s="8">
        <v>1.05</v>
      </c>
      <c r="M33" s="8">
        <v>1.05</v>
      </c>
      <c r="N33" s="8">
        <v>1.05</v>
      </c>
      <c r="O33" s="8">
        <v>1.05</v>
      </c>
      <c r="P33" s="8">
        <v>1.05</v>
      </c>
      <c r="Q33" s="8">
        <v>1.05</v>
      </c>
      <c r="R33" s="8">
        <v>1.05</v>
      </c>
      <c r="S33" s="8">
        <v>1.05</v>
      </c>
      <c r="T33" s="8">
        <v>1.05</v>
      </c>
      <c r="U33" s="8">
        <v>1.05</v>
      </c>
      <c r="V33" s="8">
        <v>1.05</v>
      </c>
      <c r="W33" s="8">
        <v>1.05</v>
      </c>
      <c r="X33" s="8">
        <v>1.05</v>
      </c>
      <c r="Y33" s="8">
        <v>1.05</v>
      </c>
      <c r="Z33" s="8">
        <v>1.05</v>
      </c>
      <c r="AA33" s="17">
        <v>1.05</v>
      </c>
      <c r="AB33" s="17">
        <v>1.05</v>
      </c>
      <c r="AC33" s="17">
        <v>1.05</v>
      </c>
      <c r="AD33" s="8">
        <v>1.05</v>
      </c>
      <c r="AE33" s="8">
        <v>1.05</v>
      </c>
      <c r="AF33" s="17">
        <v>1.05</v>
      </c>
      <c r="AG33" s="17">
        <v>1.05</v>
      </c>
      <c r="AH33" s="38">
        <v>1.05</v>
      </c>
      <c r="AI33" s="17">
        <v>1.05</v>
      </c>
      <c r="AJ33" s="8">
        <v>1.05</v>
      </c>
      <c r="AK33" s="8">
        <v>1.05</v>
      </c>
      <c r="AL33" s="38">
        <v>1.05</v>
      </c>
      <c r="AM33" s="38">
        <v>1.05</v>
      </c>
      <c r="AN33" s="38">
        <v>1.05</v>
      </c>
      <c r="AO33" s="40">
        <v>1.05</v>
      </c>
      <c r="AP33" s="17">
        <v>1.05</v>
      </c>
      <c r="AQ33" s="17">
        <v>1.05</v>
      </c>
      <c r="AR33" s="17">
        <v>0.95</v>
      </c>
      <c r="AS33" s="17">
        <v>0.85</v>
      </c>
      <c r="AT33" s="17">
        <v>0.75</v>
      </c>
      <c r="AU33" s="17">
        <v>0.75</v>
      </c>
      <c r="AV33" s="8">
        <v>0.75</v>
      </c>
      <c r="AW33" s="17">
        <v>0.75</v>
      </c>
      <c r="AX33" s="17">
        <v>0.75</v>
      </c>
      <c r="AY33" s="17">
        <v>0.75</v>
      </c>
      <c r="AZ33" s="38">
        <v>0.75</v>
      </c>
      <c r="BA33" s="17">
        <v>0.75</v>
      </c>
      <c r="BB33" s="17">
        <v>0.75</v>
      </c>
      <c r="BC33" s="17">
        <v>0.75</v>
      </c>
      <c r="BD33" s="8">
        <v>0.75</v>
      </c>
      <c r="BE33" s="8">
        <v>0.75</v>
      </c>
    </row>
    <row r="34" spans="3:57" x14ac:dyDescent="0.2">
      <c r="C34" s="16" t="s">
        <v>78</v>
      </c>
      <c r="D34" s="6" t="s">
        <v>58</v>
      </c>
      <c r="E34" s="17">
        <v>0.18</v>
      </c>
      <c r="F34" s="17">
        <v>0.18</v>
      </c>
      <c r="G34" s="17">
        <v>0.17</v>
      </c>
      <c r="H34" s="8">
        <v>0.17</v>
      </c>
      <c r="I34" s="8">
        <v>0.17</v>
      </c>
      <c r="J34" s="8">
        <v>0.16</v>
      </c>
      <c r="K34" s="8">
        <v>0.16</v>
      </c>
      <c r="L34" s="8">
        <v>0.16</v>
      </c>
      <c r="M34" s="8">
        <v>0.18</v>
      </c>
      <c r="N34" s="8">
        <v>0.19</v>
      </c>
      <c r="O34" s="8">
        <v>0.21</v>
      </c>
      <c r="P34" s="8">
        <v>0.22</v>
      </c>
      <c r="Q34" s="8">
        <v>0.26</v>
      </c>
      <c r="R34" s="8">
        <v>0.35</v>
      </c>
      <c r="S34" s="8">
        <v>0.35</v>
      </c>
      <c r="T34" s="8">
        <v>0.38</v>
      </c>
      <c r="U34" s="8">
        <v>0.36</v>
      </c>
      <c r="V34" s="8">
        <v>0.35</v>
      </c>
      <c r="W34" s="8">
        <v>0.36</v>
      </c>
      <c r="X34" s="8">
        <v>0.3</v>
      </c>
      <c r="Y34" s="8">
        <v>0.24</v>
      </c>
      <c r="Z34" s="8">
        <v>0.19</v>
      </c>
      <c r="AA34" s="17">
        <v>0.18</v>
      </c>
      <c r="AB34" s="17">
        <v>0.19</v>
      </c>
      <c r="AC34" s="17">
        <v>0.16</v>
      </c>
      <c r="AD34" s="8">
        <v>0.16</v>
      </c>
      <c r="AE34" s="8">
        <v>0.18</v>
      </c>
      <c r="AF34" s="17">
        <v>0.21</v>
      </c>
      <c r="AG34" s="17">
        <v>0.21</v>
      </c>
      <c r="AH34" s="40">
        <v>0.18</v>
      </c>
      <c r="AI34" s="40">
        <v>0.15</v>
      </c>
      <c r="AJ34" s="8">
        <v>0.17</v>
      </c>
      <c r="AK34" s="8">
        <v>0.18</v>
      </c>
      <c r="AL34" s="40">
        <v>0.18</v>
      </c>
      <c r="AM34" s="40">
        <v>0.18</v>
      </c>
      <c r="AN34" s="40">
        <v>0.17</v>
      </c>
      <c r="AO34" s="62">
        <v>0.17</v>
      </c>
      <c r="AP34" s="17">
        <v>0.15</v>
      </c>
      <c r="AQ34" s="17">
        <v>0.14000000000000001</v>
      </c>
      <c r="AR34" s="17">
        <v>0.13</v>
      </c>
      <c r="AS34" s="17">
        <v>0.13</v>
      </c>
      <c r="AT34" s="17">
        <v>0.1</v>
      </c>
      <c r="AU34" s="17">
        <v>0.1</v>
      </c>
      <c r="AV34" s="8">
        <v>0.1</v>
      </c>
      <c r="AW34" s="17">
        <v>0.09</v>
      </c>
      <c r="AX34" s="17">
        <v>0.09</v>
      </c>
      <c r="AY34" s="17">
        <v>0.09</v>
      </c>
      <c r="AZ34" s="40">
        <v>0.08</v>
      </c>
      <c r="BA34" s="17">
        <v>0.09</v>
      </c>
      <c r="BB34" s="17">
        <v>0.1</v>
      </c>
      <c r="BC34" s="17">
        <v>0.1</v>
      </c>
      <c r="BD34" s="8">
        <v>0.1</v>
      </c>
      <c r="BE34" s="8">
        <v>0.1</v>
      </c>
    </row>
    <row r="35" spans="3:57" x14ac:dyDescent="0.2">
      <c r="C35" s="16" t="s">
        <v>79</v>
      </c>
      <c r="D35" s="6" t="s">
        <v>58</v>
      </c>
      <c r="E35" s="17">
        <v>0.32</v>
      </c>
      <c r="F35" s="17">
        <v>0.45</v>
      </c>
      <c r="G35" s="17">
        <v>0.49</v>
      </c>
      <c r="H35" s="8">
        <v>0.51</v>
      </c>
      <c r="I35" s="8">
        <v>0.55000000000000004</v>
      </c>
      <c r="J35" s="8">
        <v>0.55000000000000004</v>
      </c>
      <c r="K35" s="8">
        <v>0.49</v>
      </c>
      <c r="L35" s="8">
        <v>0.47</v>
      </c>
      <c r="M35" s="8">
        <v>0.41</v>
      </c>
      <c r="N35" s="8">
        <v>0.43</v>
      </c>
      <c r="O35" s="8">
        <v>0.41</v>
      </c>
      <c r="P35" s="8">
        <v>0.41</v>
      </c>
      <c r="Q35" s="8">
        <v>0.38</v>
      </c>
      <c r="R35" s="8">
        <v>0.35</v>
      </c>
      <c r="S35" s="8">
        <v>0.35</v>
      </c>
      <c r="T35" s="8">
        <v>0.36</v>
      </c>
      <c r="U35" s="8">
        <v>0.4</v>
      </c>
      <c r="V35" s="8">
        <v>0.42</v>
      </c>
      <c r="W35" s="8">
        <v>0.4</v>
      </c>
      <c r="X35" s="8">
        <v>0.42</v>
      </c>
      <c r="Y35" s="8">
        <v>0.4</v>
      </c>
      <c r="Z35" s="8">
        <v>0.43</v>
      </c>
      <c r="AA35" s="17">
        <v>0.45</v>
      </c>
      <c r="AB35" s="17">
        <v>0.42</v>
      </c>
      <c r="AC35" s="17">
        <v>0.43</v>
      </c>
      <c r="AD35" s="8">
        <v>0.43</v>
      </c>
      <c r="AE35" s="8">
        <v>0.37</v>
      </c>
      <c r="AF35" s="17">
        <v>0.33</v>
      </c>
      <c r="AG35" s="17">
        <v>0.48</v>
      </c>
      <c r="AH35" s="40">
        <v>0.33</v>
      </c>
      <c r="AI35" s="40">
        <v>0.33</v>
      </c>
      <c r="AJ35" s="8">
        <v>0.37</v>
      </c>
      <c r="AK35" s="8">
        <v>0.41</v>
      </c>
      <c r="AL35" s="40">
        <v>0.39</v>
      </c>
      <c r="AM35" s="40">
        <v>0.44</v>
      </c>
      <c r="AN35" s="40">
        <v>0.45</v>
      </c>
      <c r="AO35" s="62">
        <v>0.38</v>
      </c>
      <c r="AP35" s="17">
        <v>0.36</v>
      </c>
      <c r="AQ35" s="17">
        <v>0.4</v>
      </c>
      <c r="AR35" s="17">
        <v>0.41</v>
      </c>
      <c r="AS35" s="17">
        <v>0.41</v>
      </c>
      <c r="AT35" s="17">
        <v>0.33</v>
      </c>
      <c r="AU35" s="17">
        <v>0.34</v>
      </c>
      <c r="AV35" s="8">
        <v>0.4</v>
      </c>
      <c r="AW35" s="17">
        <v>0.29638465094775773</v>
      </c>
      <c r="AX35" s="17">
        <v>0.30258206195099402</v>
      </c>
      <c r="AY35" s="17">
        <v>0.35437047310833714</v>
      </c>
      <c r="AZ35" s="40">
        <v>0.36</v>
      </c>
      <c r="BA35" s="17">
        <v>0.34</v>
      </c>
      <c r="BB35" s="17">
        <v>0.35</v>
      </c>
      <c r="BC35" s="17">
        <v>0.37</v>
      </c>
      <c r="BD35" s="8">
        <v>0.37</v>
      </c>
      <c r="BE35" s="8">
        <v>0.35</v>
      </c>
    </row>
    <row r="36" spans="3:57" x14ac:dyDescent="0.2">
      <c r="C36" s="16" t="s">
        <v>80</v>
      </c>
      <c r="D36" s="6" t="s">
        <v>58</v>
      </c>
      <c r="E36" s="17">
        <v>0.73</v>
      </c>
      <c r="F36" s="17">
        <v>0.84</v>
      </c>
      <c r="G36" s="17">
        <v>1.1100000000000001</v>
      </c>
      <c r="H36" s="8">
        <v>0.92</v>
      </c>
      <c r="I36" s="8">
        <v>0.89</v>
      </c>
      <c r="J36" s="8">
        <v>1.1499999999999999</v>
      </c>
      <c r="K36" s="8">
        <v>1.03</v>
      </c>
      <c r="L36" s="8">
        <v>0.64</v>
      </c>
      <c r="M36" s="8">
        <v>0.56999999999999995</v>
      </c>
      <c r="N36" s="8">
        <v>0.44</v>
      </c>
      <c r="O36" s="8">
        <v>0.4</v>
      </c>
      <c r="P36" s="8">
        <v>0.39</v>
      </c>
      <c r="Q36" s="8">
        <v>0.28999999999999998</v>
      </c>
      <c r="R36" s="8">
        <v>0.28999999999999998</v>
      </c>
      <c r="S36" s="8">
        <v>0.33</v>
      </c>
      <c r="T36" s="8">
        <v>0.17</v>
      </c>
      <c r="U36" s="8">
        <v>0.17</v>
      </c>
      <c r="V36" s="8">
        <v>0.17</v>
      </c>
      <c r="W36" s="8">
        <v>0.2</v>
      </c>
      <c r="X36" s="8">
        <v>0.25</v>
      </c>
      <c r="Y36" s="8">
        <v>0.21</v>
      </c>
      <c r="Z36" s="8">
        <v>0.15</v>
      </c>
      <c r="AA36" s="17">
        <v>0.16</v>
      </c>
      <c r="AB36" s="17">
        <v>0.25</v>
      </c>
      <c r="AC36" s="17">
        <v>0.21</v>
      </c>
      <c r="AD36" s="8">
        <v>0.25</v>
      </c>
      <c r="AE36" s="8">
        <v>0.24</v>
      </c>
      <c r="AF36" s="17">
        <v>0.21</v>
      </c>
      <c r="AG36" s="17">
        <v>0.24</v>
      </c>
      <c r="AH36" s="40">
        <v>0.25</v>
      </c>
      <c r="AI36" s="40">
        <v>0.22</v>
      </c>
      <c r="AJ36" s="8">
        <v>0.28000000000000003</v>
      </c>
      <c r="AK36" s="8">
        <v>0.33</v>
      </c>
      <c r="AL36" s="40">
        <v>0.26</v>
      </c>
      <c r="AM36" s="40">
        <v>0.25</v>
      </c>
      <c r="AN36" s="40">
        <v>0.32</v>
      </c>
      <c r="AO36" s="17">
        <v>0.27</v>
      </c>
      <c r="AP36" s="17">
        <v>0.27</v>
      </c>
      <c r="AQ36" s="17">
        <v>0.43</v>
      </c>
      <c r="AR36" s="17">
        <v>0.37</v>
      </c>
      <c r="AS36" s="17">
        <v>0.3</v>
      </c>
      <c r="AT36" s="17">
        <v>0.21</v>
      </c>
      <c r="AU36" s="17">
        <v>0.37</v>
      </c>
      <c r="AV36" s="8">
        <v>0.48</v>
      </c>
      <c r="AW36" s="17">
        <v>0.49</v>
      </c>
      <c r="AX36" s="17">
        <v>0.63</v>
      </c>
      <c r="AY36" s="17">
        <v>0.53</v>
      </c>
      <c r="AZ36" s="40">
        <v>0.35</v>
      </c>
      <c r="BA36" s="17">
        <v>0.33</v>
      </c>
      <c r="BB36" s="17">
        <v>0.57999999999999996</v>
      </c>
      <c r="BC36" s="17">
        <v>0.44</v>
      </c>
      <c r="BD36" s="8">
        <v>0.5</v>
      </c>
      <c r="BE36" s="8">
        <v>0.47</v>
      </c>
    </row>
    <row r="37" spans="3:57" x14ac:dyDescent="0.2">
      <c r="C37" s="16" t="s">
        <v>81</v>
      </c>
      <c r="D37" s="6" t="s">
        <v>58</v>
      </c>
      <c r="E37" s="17">
        <v>0.15</v>
      </c>
      <c r="F37" s="17">
        <v>0.13</v>
      </c>
      <c r="G37" s="17">
        <v>0.13</v>
      </c>
      <c r="H37" s="8">
        <v>0.15</v>
      </c>
      <c r="I37" s="8">
        <v>0.15</v>
      </c>
      <c r="J37" s="8">
        <v>0.15</v>
      </c>
      <c r="K37" s="8">
        <v>0.13</v>
      </c>
      <c r="L37" s="8">
        <v>0.13</v>
      </c>
      <c r="M37" s="8">
        <v>0.13</v>
      </c>
      <c r="N37" s="8">
        <v>0.14000000000000001</v>
      </c>
      <c r="O37" s="8">
        <v>0.15</v>
      </c>
      <c r="P37" s="8">
        <v>0.16</v>
      </c>
      <c r="Q37" s="8">
        <v>0.17</v>
      </c>
      <c r="R37" s="8">
        <v>0.2</v>
      </c>
      <c r="S37" s="8">
        <v>0.2</v>
      </c>
      <c r="T37" s="8">
        <v>0.2</v>
      </c>
      <c r="U37" s="8">
        <v>0.23</v>
      </c>
      <c r="V37" s="8">
        <v>0.22</v>
      </c>
      <c r="W37" s="8">
        <v>0.26</v>
      </c>
      <c r="X37" s="8">
        <v>0.25</v>
      </c>
      <c r="Y37" s="8">
        <v>0.24</v>
      </c>
      <c r="Z37" s="8">
        <v>0.24</v>
      </c>
      <c r="AA37" s="17">
        <v>0.28000000000000003</v>
      </c>
      <c r="AB37" s="17">
        <v>0.27</v>
      </c>
      <c r="AC37" s="17">
        <v>0.26</v>
      </c>
      <c r="AD37" s="8">
        <v>0.26</v>
      </c>
      <c r="AE37" s="8">
        <v>0.18</v>
      </c>
      <c r="AF37" s="17">
        <v>0.14000000000000001</v>
      </c>
      <c r="AG37" s="17">
        <v>0.13</v>
      </c>
      <c r="AH37" s="40">
        <v>0.13</v>
      </c>
      <c r="AI37" s="40">
        <v>0.13</v>
      </c>
      <c r="AJ37" s="8">
        <v>0.15</v>
      </c>
      <c r="AK37" s="8">
        <v>0.14000000000000001</v>
      </c>
      <c r="AL37" s="40">
        <v>0.14000000000000001</v>
      </c>
      <c r="AM37" s="40">
        <v>0.14000000000000001</v>
      </c>
      <c r="AN37" s="40">
        <v>0.1</v>
      </c>
      <c r="AO37" s="40">
        <v>0.09</v>
      </c>
      <c r="AP37" s="17">
        <v>0.09</v>
      </c>
      <c r="AQ37" s="17">
        <v>0.08</v>
      </c>
      <c r="AR37" s="17">
        <v>0.09</v>
      </c>
      <c r="AS37" s="17">
        <v>0.08</v>
      </c>
      <c r="AT37" s="17">
        <v>0.08</v>
      </c>
      <c r="AU37" s="17">
        <v>0.09</v>
      </c>
      <c r="AV37" s="8">
        <v>0.1</v>
      </c>
      <c r="AW37" s="17">
        <v>0.09</v>
      </c>
      <c r="AX37" s="17">
        <v>0.09</v>
      </c>
      <c r="AY37" s="17">
        <v>0.08</v>
      </c>
      <c r="AZ37" s="40">
        <v>0.08</v>
      </c>
      <c r="BA37" s="17">
        <v>0.09</v>
      </c>
      <c r="BB37" s="17">
        <v>0.09</v>
      </c>
      <c r="BC37" s="17">
        <v>0.09</v>
      </c>
      <c r="BD37" s="8">
        <v>0.09</v>
      </c>
      <c r="BE37" s="8">
        <v>0.09</v>
      </c>
    </row>
    <row r="38" spans="3:57" x14ac:dyDescent="0.2">
      <c r="C38" s="16" t="s">
        <v>82</v>
      </c>
      <c r="D38" s="6" t="s">
        <v>58</v>
      </c>
      <c r="E38" s="17">
        <v>1.94</v>
      </c>
      <c r="F38" s="17">
        <v>1.96</v>
      </c>
      <c r="G38" s="17">
        <v>2.61</v>
      </c>
      <c r="H38" s="8">
        <v>3.07</v>
      </c>
      <c r="I38" s="8">
        <v>3.02</v>
      </c>
      <c r="J38" s="8">
        <v>3</v>
      </c>
      <c r="K38" s="8">
        <v>2.76</v>
      </c>
      <c r="L38" s="8">
        <v>2.64</v>
      </c>
      <c r="M38" s="8">
        <v>2.4</v>
      </c>
      <c r="N38" s="8">
        <v>2.4500000000000002</v>
      </c>
      <c r="O38" s="8">
        <v>2.5499999999999998</v>
      </c>
      <c r="P38" s="8">
        <v>2.2200000000000002</v>
      </c>
      <c r="Q38" s="8">
        <v>1.87</v>
      </c>
      <c r="R38" s="8">
        <v>1.84</v>
      </c>
      <c r="S38" s="8">
        <v>1.63</v>
      </c>
      <c r="T38" s="8">
        <v>1.55</v>
      </c>
      <c r="U38" s="8">
        <v>1.43</v>
      </c>
      <c r="V38" s="8">
        <v>1.32</v>
      </c>
      <c r="W38" s="8">
        <v>0.91</v>
      </c>
      <c r="X38" s="8">
        <v>0.89</v>
      </c>
      <c r="Y38" s="8">
        <v>0.88</v>
      </c>
      <c r="Z38" s="8">
        <v>0.91</v>
      </c>
      <c r="AA38" s="17">
        <v>0.98</v>
      </c>
      <c r="AB38" s="17">
        <v>1</v>
      </c>
      <c r="AC38" s="17">
        <v>1.08</v>
      </c>
      <c r="AD38" s="8">
        <v>1.08</v>
      </c>
      <c r="AE38" s="8">
        <v>1.25</v>
      </c>
      <c r="AF38" s="17">
        <v>1.67</v>
      </c>
      <c r="AG38" s="17">
        <v>1.57</v>
      </c>
      <c r="AH38" s="40">
        <v>1.28</v>
      </c>
      <c r="AI38" s="40">
        <v>1.21</v>
      </c>
      <c r="AJ38" s="8">
        <v>1.35</v>
      </c>
      <c r="AK38" s="8">
        <v>1.67</v>
      </c>
      <c r="AL38" s="40">
        <v>2.06</v>
      </c>
      <c r="AM38" s="40">
        <v>2.08</v>
      </c>
      <c r="AN38" s="40">
        <v>1.72</v>
      </c>
      <c r="AO38" s="40">
        <v>1.36</v>
      </c>
      <c r="AP38" s="17">
        <v>1.78</v>
      </c>
      <c r="AQ38" s="17">
        <v>2.25</v>
      </c>
      <c r="AR38" s="17">
        <v>2.5099999999999998</v>
      </c>
      <c r="AS38" s="17">
        <v>1.91</v>
      </c>
      <c r="AT38" s="17">
        <v>1.21</v>
      </c>
      <c r="AU38" s="17">
        <v>1.2</v>
      </c>
      <c r="AV38" s="8">
        <v>1.26</v>
      </c>
      <c r="AW38" s="17">
        <v>1.37</v>
      </c>
      <c r="AX38" s="17">
        <v>1.37</v>
      </c>
      <c r="AY38" s="17">
        <v>1.5</v>
      </c>
      <c r="AZ38" s="40">
        <v>1.42</v>
      </c>
      <c r="BA38" s="17">
        <v>1.47</v>
      </c>
      <c r="BB38" s="17">
        <v>2.08</v>
      </c>
      <c r="BC38" s="17">
        <v>2.02</v>
      </c>
      <c r="BD38" s="8">
        <v>1.96</v>
      </c>
      <c r="BE38" s="8">
        <v>1.98</v>
      </c>
    </row>
    <row r="39" spans="3:57" x14ac:dyDescent="0.2">
      <c r="C39" s="16" t="s">
        <v>84</v>
      </c>
      <c r="D39" s="6" t="s">
        <v>85</v>
      </c>
      <c r="E39" s="17">
        <v>0.42</v>
      </c>
      <c r="F39" s="17">
        <v>0.35</v>
      </c>
      <c r="G39" s="17">
        <v>0.32</v>
      </c>
      <c r="H39" s="8">
        <v>0.31</v>
      </c>
      <c r="I39" s="8">
        <v>0.28000000000000003</v>
      </c>
      <c r="J39" s="8">
        <v>0.28999999999999998</v>
      </c>
      <c r="K39" s="8">
        <v>0.28000000000000003</v>
      </c>
      <c r="L39" s="8">
        <v>0.24</v>
      </c>
      <c r="M39" s="8">
        <v>0.24</v>
      </c>
      <c r="N39" s="8">
        <v>0.25</v>
      </c>
      <c r="O39" s="8">
        <v>0.24</v>
      </c>
      <c r="P39" s="8">
        <v>0.2</v>
      </c>
      <c r="Q39" s="8">
        <v>0.22</v>
      </c>
      <c r="R39" s="8">
        <v>0.2</v>
      </c>
      <c r="S39" s="8">
        <v>0.21</v>
      </c>
      <c r="T39" s="8">
        <v>0.2</v>
      </c>
      <c r="U39" s="8">
        <v>0.23</v>
      </c>
      <c r="V39" s="8">
        <v>0.21</v>
      </c>
      <c r="W39" s="8">
        <v>0.22</v>
      </c>
      <c r="X39" s="8">
        <v>0.16</v>
      </c>
      <c r="Y39" s="8">
        <v>0.14000000000000001</v>
      </c>
      <c r="Z39" s="8">
        <v>0.14000000000000001</v>
      </c>
      <c r="AA39" s="17">
        <v>0.18</v>
      </c>
      <c r="AB39" s="17">
        <v>0.21</v>
      </c>
      <c r="AC39" s="17">
        <v>0.2</v>
      </c>
      <c r="AD39" s="8">
        <v>0.2</v>
      </c>
      <c r="AE39" s="8">
        <v>0.2</v>
      </c>
      <c r="AF39" s="17">
        <v>0.15</v>
      </c>
      <c r="AG39" s="17">
        <v>0.17</v>
      </c>
      <c r="AH39" s="40">
        <v>0.17</v>
      </c>
      <c r="AI39" s="40">
        <v>0.2</v>
      </c>
      <c r="AJ39" s="8">
        <v>0.2</v>
      </c>
      <c r="AK39" s="8">
        <v>0.2</v>
      </c>
      <c r="AL39" s="40">
        <v>0.2</v>
      </c>
      <c r="AM39" s="40">
        <v>0.2</v>
      </c>
      <c r="AN39" s="40">
        <v>0.22</v>
      </c>
      <c r="AO39" s="62">
        <v>0.2</v>
      </c>
      <c r="AP39" s="17">
        <v>0.22</v>
      </c>
      <c r="AQ39" s="17">
        <v>0.22</v>
      </c>
      <c r="AR39" s="17">
        <v>0.28000000000000003</v>
      </c>
      <c r="AS39" s="17">
        <v>0.31</v>
      </c>
      <c r="AT39" s="17">
        <v>0.32</v>
      </c>
      <c r="AU39" s="17">
        <v>0.32</v>
      </c>
      <c r="AV39" s="8">
        <v>0.33</v>
      </c>
      <c r="AW39" s="17">
        <v>0.21</v>
      </c>
      <c r="AX39" s="17">
        <v>0.21</v>
      </c>
      <c r="AY39" s="17">
        <v>0.2</v>
      </c>
      <c r="AZ39" s="40">
        <v>0.2</v>
      </c>
      <c r="BA39" s="17">
        <v>0.19</v>
      </c>
      <c r="BB39" s="17">
        <v>0.21</v>
      </c>
      <c r="BC39" s="17">
        <v>0.21</v>
      </c>
      <c r="BD39" s="8">
        <v>0.23</v>
      </c>
      <c r="BE39" s="8">
        <v>0.21</v>
      </c>
    </row>
    <row r="40" spans="3:57" x14ac:dyDescent="0.2">
      <c r="C40" s="16" t="s">
        <v>86</v>
      </c>
      <c r="D40" s="6" t="s">
        <v>58</v>
      </c>
      <c r="E40" s="17">
        <v>1.33</v>
      </c>
      <c r="F40" s="17">
        <v>1.01</v>
      </c>
      <c r="G40" s="17">
        <v>0.9</v>
      </c>
      <c r="H40" s="8">
        <v>0.8</v>
      </c>
      <c r="I40" s="8">
        <v>1.17</v>
      </c>
      <c r="J40" s="8">
        <v>1.1399999999999999</v>
      </c>
      <c r="K40" s="8">
        <v>1.18</v>
      </c>
      <c r="L40" s="8">
        <v>1.1000000000000001</v>
      </c>
      <c r="M40" s="8">
        <v>1.1299999999999999</v>
      </c>
      <c r="N40" s="8">
        <v>1.29</v>
      </c>
      <c r="O40" s="8">
        <v>1.42</v>
      </c>
      <c r="P40" s="8">
        <v>1.4</v>
      </c>
      <c r="Q40" s="8">
        <v>1.45</v>
      </c>
      <c r="R40" s="8">
        <v>1.22</v>
      </c>
      <c r="S40" s="8">
        <v>1.28</v>
      </c>
      <c r="T40" s="8">
        <v>1.1000000000000001</v>
      </c>
      <c r="U40" s="8">
        <v>0.84</v>
      </c>
      <c r="V40" s="8">
        <v>0.77</v>
      </c>
      <c r="W40" s="8">
        <v>0.61</v>
      </c>
      <c r="X40" s="8">
        <v>0.43</v>
      </c>
      <c r="Y40" s="8">
        <v>0.39</v>
      </c>
      <c r="Z40" s="8">
        <v>0.28999999999999998</v>
      </c>
      <c r="AA40" s="17">
        <v>0.31</v>
      </c>
      <c r="AB40" s="17">
        <v>0.42</v>
      </c>
      <c r="AC40" s="17">
        <v>0.38</v>
      </c>
      <c r="AD40" s="8">
        <v>0.4</v>
      </c>
      <c r="AE40" s="8">
        <v>0.36</v>
      </c>
      <c r="AF40" s="17">
        <v>0.34</v>
      </c>
      <c r="AG40" s="17">
        <v>0.33</v>
      </c>
      <c r="AH40" s="40">
        <v>0.37</v>
      </c>
      <c r="AI40" s="40">
        <v>0.34</v>
      </c>
      <c r="AJ40" s="8">
        <v>0.3</v>
      </c>
      <c r="AK40" s="8">
        <v>0.32</v>
      </c>
      <c r="AL40" s="40">
        <v>0.34</v>
      </c>
      <c r="AM40" s="40">
        <v>0.34</v>
      </c>
      <c r="AN40" s="40">
        <v>0.45</v>
      </c>
      <c r="AO40" s="40">
        <v>0.47</v>
      </c>
      <c r="AP40" s="17">
        <v>0.54</v>
      </c>
      <c r="AQ40" s="17">
        <v>0.62</v>
      </c>
      <c r="AR40" s="17">
        <v>0.56000000000000005</v>
      </c>
      <c r="AS40" s="17">
        <v>0.8</v>
      </c>
      <c r="AT40" s="17">
        <v>0.84</v>
      </c>
      <c r="AU40" s="17">
        <v>0.64</v>
      </c>
      <c r="AV40" s="8">
        <v>0.46</v>
      </c>
      <c r="AW40" s="17">
        <v>0.4</v>
      </c>
      <c r="AX40" s="17">
        <v>0.36</v>
      </c>
      <c r="AY40" s="17">
        <v>0.28000000000000003</v>
      </c>
      <c r="AZ40" s="40">
        <v>0.28999999999999998</v>
      </c>
      <c r="BA40" s="17">
        <v>0.27</v>
      </c>
      <c r="BB40" s="17">
        <v>0.41</v>
      </c>
      <c r="BC40" s="17">
        <v>0.47</v>
      </c>
      <c r="BD40" s="8">
        <v>0.56000000000000005</v>
      </c>
      <c r="BE40" s="8">
        <v>0.59</v>
      </c>
    </row>
    <row r="41" spans="3:57" x14ac:dyDescent="0.2">
      <c r="C41" s="16" t="s">
        <v>104</v>
      </c>
      <c r="D41" s="6" t="s">
        <v>58</v>
      </c>
      <c r="E41" s="17">
        <v>0.52</v>
      </c>
      <c r="F41" s="17">
        <v>0.55000000000000004</v>
      </c>
      <c r="G41" s="17">
        <v>0.55000000000000004</v>
      </c>
      <c r="H41" s="8">
        <v>0.57999999999999996</v>
      </c>
      <c r="I41" s="8">
        <v>0.46</v>
      </c>
      <c r="J41" s="8">
        <v>0.37</v>
      </c>
      <c r="K41" s="8">
        <v>0.35</v>
      </c>
      <c r="L41" s="8">
        <v>0.36</v>
      </c>
      <c r="M41" s="8">
        <v>0.42</v>
      </c>
      <c r="N41" s="8">
        <v>0.71</v>
      </c>
      <c r="O41" s="8">
        <v>0.64</v>
      </c>
      <c r="P41" s="8">
        <v>0.65</v>
      </c>
      <c r="Q41" s="8">
        <v>0.62</v>
      </c>
      <c r="R41" s="8">
        <v>0.82</v>
      </c>
      <c r="S41" s="8">
        <v>0.91</v>
      </c>
      <c r="T41" s="8">
        <v>1.01</v>
      </c>
      <c r="U41" s="8">
        <v>1.04</v>
      </c>
      <c r="V41" s="8">
        <v>0.9</v>
      </c>
      <c r="W41" s="8">
        <v>0.7</v>
      </c>
      <c r="X41" s="8">
        <v>0.48</v>
      </c>
      <c r="Y41" s="8">
        <v>0.32</v>
      </c>
      <c r="Z41" s="8">
        <v>0.3</v>
      </c>
      <c r="AA41" s="17">
        <v>0.26</v>
      </c>
      <c r="AB41" s="17">
        <v>0.28000000000000003</v>
      </c>
      <c r="AC41" s="17">
        <v>0.3</v>
      </c>
      <c r="AD41" s="8">
        <v>0.28999999999999998</v>
      </c>
      <c r="AE41" s="8">
        <v>0.32</v>
      </c>
      <c r="AF41" s="17">
        <v>0.4</v>
      </c>
      <c r="AG41" s="17">
        <v>0.37</v>
      </c>
      <c r="AH41" s="40">
        <v>0.36</v>
      </c>
      <c r="AI41" s="40">
        <v>0.41</v>
      </c>
      <c r="AJ41" s="8">
        <v>0.44</v>
      </c>
      <c r="AK41" s="8">
        <v>0.4</v>
      </c>
      <c r="AL41" s="40">
        <v>0.42</v>
      </c>
      <c r="AM41" s="40">
        <v>0.46</v>
      </c>
      <c r="AN41" s="40">
        <v>0.48</v>
      </c>
      <c r="AO41" s="40">
        <v>0.5</v>
      </c>
      <c r="AP41" s="17">
        <v>0.55000000000000004</v>
      </c>
      <c r="AQ41" s="17">
        <v>0.59</v>
      </c>
      <c r="AR41" s="17">
        <v>0.6</v>
      </c>
      <c r="AS41" s="17">
        <v>0.67</v>
      </c>
      <c r="AT41" s="17">
        <v>0.51</v>
      </c>
      <c r="AU41" s="17">
        <v>0.42</v>
      </c>
      <c r="AV41" s="8">
        <v>0.49</v>
      </c>
      <c r="AW41" s="17">
        <v>0.43</v>
      </c>
      <c r="AX41" s="17">
        <v>0.26</v>
      </c>
      <c r="AY41" s="17">
        <v>0.27</v>
      </c>
      <c r="AZ41" s="40">
        <v>0.27</v>
      </c>
      <c r="BA41" s="17">
        <v>0.31</v>
      </c>
      <c r="BB41" s="17">
        <v>0.46</v>
      </c>
      <c r="BC41" s="17">
        <v>0.6</v>
      </c>
      <c r="BD41" s="8">
        <v>0.63</v>
      </c>
      <c r="BE41" s="8">
        <v>0.6</v>
      </c>
    </row>
    <row r="42" spans="3:57" x14ac:dyDescent="0.2">
      <c r="C42" s="16" t="s">
        <v>87</v>
      </c>
      <c r="D42" s="6" t="s">
        <v>58</v>
      </c>
      <c r="E42" s="17">
        <v>0.18</v>
      </c>
      <c r="F42" s="17">
        <v>0.22</v>
      </c>
      <c r="G42" s="17">
        <v>0.24</v>
      </c>
      <c r="H42" s="8">
        <v>0.25</v>
      </c>
      <c r="I42" s="8">
        <v>0.23</v>
      </c>
      <c r="J42" s="8">
        <v>0.26</v>
      </c>
      <c r="K42" s="8">
        <v>0.28999999999999998</v>
      </c>
      <c r="L42" s="8">
        <v>0.24</v>
      </c>
      <c r="M42" s="8">
        <v>0.24</v>
      </c>
      <c r="N42" s="8">
        <v>0.27</v>
      </c>
      <c r="O42" s="8">
        <v>0.3</v>
      </c>
      <c r="P42" s="8">
        <v>0.31</v>
      </c>
      <c r="Q42" s="8">
        <v>0.31</v>
      </c>
      <c r="R42" s="8">
        <v>0.35</v>
      </c>
      <c r="S42" s="8">
        <v>0.37</v>
      </c>
      <c r="T42" s="8">
        <v>0.37</v>
      </c>
      <c r="U42" s="8">
        <v>0.37</v>
      </c>
      <c r="V42" s="8">
        <v>0.33</v>
      </c>
      <c r="W42" s="8">
        <v>0.31</v>
      </c>
      <c r="X42" s="8">
        <v>0.3</v>
      </c>
      <c r="Y42" s="8">
        <v>0.28999999999999998</v>
      </c>
      <c r="Z42" s="8">
        <v>0.28999999999999998</v>
      </c>
      <c r="AA42" s="17">
        <v>0.3</v>
      </c>
      <c r="AB42" s="17">
        <v>0.3</v>
      </c>
      <c r="AC42" s="17">
        <v>0.32</v>
      </c>
      <c r="AD42" s="8">
        <v>0.32</v>
      </c>
      <c r="AE42" s="8">
        <v>0.23</v>
      </c>
      <c r="AF42" s="17">
        <v>0.15</v>
      </c>
      <c r="AG42" s="17">
        <v>0.14000000000000001</v>
      </c>
      <c r="AH42" s="40">
        <v>0.14000000000000001</v>
      </c>
      <c r="AI42" s="40">
        <v>0.12</v>
      </c>
      <c r="AJ42" s="8">
        <v>0.11</v>
      </c>
      <c r="AK42" s="8">
        <v>0.11</v>
      </c>
      <c r="AL42" s="40">
        <v>0.11</v>
      </c>
      <c r="AM42" s="40">
        <v>0.11</v>
      </c>
      <c r="AN42" s="40">
        <v>0.12</v>
      </c>
      <c r="AO42" s="40">
        <v>0.11</v>
      </c>
      <c r="AP42" s="17">
        <v>0.11</v>
      </c>
      <c r="AQ42" s="17">
        <v>0.1</v>
      </c>
      <c r="AR42" s="17">
        <v>0.1</v>
      </c>
      <c r="AS42" s="17">
        <v>0.09</v>
      </c>
      <c r="AT42" s="17">
        <v>0.08</v>
      </c>
      <c r="AU42" s="17">
        <v>0.08</v>
      </c>
      <c r="AV42" s="8">
        <v>0.08</v>
      </c>
      <c r="AW42" s="17">
        <v>0.08</v>
      </c>
      <c r="AX42" s="17">
        <v>0.09</v>
      </c>
      <c r="AY42" s="17">
        <v>0.08</v>
      </c>
      <c r="AZ42" s="40">
        <v>0.08</v>
      </c>
      <c r="BA42" s="17">
        <v>0.08</v>
      </c>
      <c r="BB42" s="17">
        <v>0.08</v>
      </c>
      <c r="BC42" s="17">
        <v>0.08</v>
      </c>
      <c r="BD42" s="8">
        <v>0.08</v>
      </c>
      <c r="BE42" s="8">
        <v>0.08</v>
      </c>
    </row>
    <row r="43" spans="3:57" x14ac:dyDescent="0.2">
      <c r="C43" s="16" t="s">
        <v>88</v>
      </c>
      <c r="D43" s="6" t="s">
        <v>58</v>
      </c>
      <c r="E43" s="17">
        <v>0.1</v>
      </c>
      <c r="F43" s="17">
        <v>0.09</v>
      </c>
      <c r="G43" s="17">
        <v>0.09</v>
      </c>
      <c r="H43" s="8">
        <v>0.08</v>
      </c>
      <c r="I43" s="8">
        <v>0.08</v>
      </c>
      <c r="J43" s="8">
        <v>7.0000000000000007E-2</v>
      </c>
      <c r="K43" s="8">
        <v>0.06</v>
      </c>
      <c r="L43" s="8">
        <v>0.05</v>
      </c>
      <c r="M43" s="8">
        <v>0.05</v>
      </c>
      <c r="N43" s="8">
        <v>7.0000000000000007E-2</v>
      </c>
      <c r="O43" s="8">
        <v>7.0000000000000007E-2</v>
      </c>
      <c r="P43" s="8">
        <v>0.06</v>
      </c>
      <c r="Q43" s="8">
        <v>7.0000000000000007E-2</v>
      </c>
      <c r="R43" s="8">
        <v>7.0000000000000007E-2</v>
      </c>
      <c r="S43" s="8">
        <v>7.0000000000000007E-2</v>
      </c>
      <c r="T43" s="8">
        <v>0.08</v>
      </c>
      <c r="U43" s="8">
        <v>0.1</v>
      </c>
      <c r="V43" s="8">
        <v>0.11</v>
      </c>
      <c r="W43" s="8">
        <v>0.11</v>
      </c>
      <c r="X43" s="8">
        <v>0.12</v>
      </c>
      <c r="Y43" s="8">
        <v>0.1</v>
      </c>
      <c r="Z43" s="8">
        <v>0.1</v>
      </c>
      <c r="AA43" s="17">
        <v>0.1</v>
      </c>
      <c r="AB43" s="17">
        <v>0.1</v>
      </c>
      <c r="AC43" s="17">
        <v>0.1</v>
      </c>
      <c r="AD43" s="8">
        <v>0.1</v>
      </c>
      <c r="AE43" s="8">
        <v>0.1</v>
      </c>
      <c r="AF43" s="17">
        <v>0.1</v>
      </c>
      <c r="AG43" s="17">
        <v>0.1</v>
      </c>
      <c r="AH43" s="40">
        <v>0.1</v>
      </c>
      <c r="AI43" s="40">
        <v>0.11</v>
      </c>
      <c r="AJ43" s="8">
        <v>0.14000000000000001</v>
      </c>
      <c r="AK43" s="8">
        <v>0.17</v>
      </c>
      <c r="AL43" s="40">
        <v>0.19</v>
      </c>
      <c r="AM43" s="40">
        <v>0.19</v>
      </c>
      <c r="AN43" s="40">
        <v>0.2</v>
      </c>
      <c r="AO43" s="62">
        <v>0.26</v>
      </c>
      <c r="AP43" s="17">
        <v>0.35</v>
      </c>
      <c r="AQ43" s="17">
        <v>0.4</v>
      </c>
      <c r="AR43" s="17">
        <v>0.32</v>
      </c>
      <c r="AS43" s="17">
        <v>0.33</v>
      </c>
      <c r="AT43" s="17">
        <v>0.3</v>
      </c>
      <c r="AU43" s="17">
        <v>0.28000000000000003</v>
      </c>
      <c r="AV43" s="8">
        <v>0.26</v>
      </c>
      <c r="AW43" s="17">
        <v>0.27</v>
      </c>
      <c r="AX43" s="17">
        <v>0.27</v>
      </c>
      <c r="AY43" s="17">
        <v>0.28000000000000003</v>
      </c>
      <c r="AZ43" s="40">
        <v>0.28999999999999998</v>
      </c>
      <c r="BA43" s="17">
        <v>0.32</v>
      </c>
      <c r="BB43" s="17">
        <v>0.32</v>
      </c>
      <c r="BC43" s="17">
        <v>0.33</v>
      </c>
      <c r="BD43" s="8">
        <v>0.36</v>
      </c>
      <c r="BE43" s="8">
        <v>0.36</v>
      </c>
    </row>
    <row r="44" spans="3:57" x14ac:dyDescent="0.2">
      <c r="C44" s="18" t="s">
        <v>91</v>
      </c>
      <c r="D44" s="6" t="s">
        <v>58</v>
      </c>
      <c r="E44" s="17">
        <v>0.14000000000000001</v>
      </c>
      <c r="F44" s="17">
        <v>0.18</v>
      </c>
      <c r="G44" s="17">
        <v>0.2</v>
      </c>
      <c r="H44" s="8">
        <v>0.19</v>
      </c>
      <c r="I44" s="8">
        <v>0.19</v>
      </c>
      <c r="J44" s="8">
        <v>0.26</v>
      </c>
      <c r="K44" s="8">
        <v>0.18</v>
      </c>
      <c r="L44" s="8">
        <v>0.27</v>
      </c>
      <c r="M44" s="8">
        <v>0.31</v>
      </c>
      <c r="N44" s="8">
        <v>0.45</v>
      </c>
      <c r="O44" s="8">
        <v>0.45</v>
      </c>
      <c r="P44" s="8">
        <v>0.45</v>
      </c>
      <c r="Q44" s="8">
        <v>0.45</v>
      </c>
      <c r="R44" s="8"/>
      <c r="S44" s="8"/>
      <c r="T44" s="8"/>
      <c r="U44" s="15"/>
      <c r="V44" s="15"/>
      <c r="W44" s="15"/>
      <c r="X44" s="15"/>
      <c r="Y44" s="15"/>
      <c r="Z44" s="15"/>
      <c r="AA44" s="17" t="s">
        <v>90</v>
      </c>
      <c r="AB44" s="17" t="s">
        <v>90</v>
      </c>
      <c r="AC44" s="17" t="s">
        <v>90</v>
      </c>
      <c r="AD44" s="8" t="s">
        <v>90</v>
      </c>
      <c r="AE44" s="8" t="s">
        <v>90</v>
      </c>
      <c r="AF44" s="17" t="s">
        <v>90</v>
      </c>
      <c r="AG44" s="17" t="s">
        <v>90</v>
      </c>
      <c r="AH44" s="17" t="s">
        <v>90</v>
      </c>
      <c r="AI44" s="17" t="s">
        <v>90</v>
      </c>
      <c r="AJ44" s="8">
        <v>0.28999999999999998</v>
      </c>
      <c r="AK44" s="8">
        <v>0.3</v>
      </c>
      <c r="AL44" s="17">
        <v>0.28999999999999998</v>
      </c>
      <c r="AM44" s="17">
        <v>0.31</v>
      </c>
      <c r="AN44" s="17">
        <v>0.31</v>
      </c>
      <c r="AO44" s="40">
        <v>0.28000000000000003</v>
      </c>
      <c r="AP44" s="17">
        <v>0.28000000000000003</v>
      </c>
      <c r="AQ44" s="17">
        <v>0.3</v>
      </c>
      <c r="AR44" s="17">
        <v>0.32</v>
      </c>
      <c r="AS44" s="17">
        <v>0.26</v>
      </c>
      <c r="AT44" s="17">
        <v>0.25</v>
      </c>
      <c r="AU44" s="17">
        <v>0.27</v>
      </c>
      <c r="AV44" s="8">
        <v>0.28999999999999998</v>
      </c>
      <c r="AW44" s="17">
        <v>0.28000000000000003</v>
      </c>
      <c r="AX44" s="17">
        <v>0.28999999999999998</v>
      </c>
      <c r="AY44" s="17">
        <v>0.28999999999999998</v>
      </c>
      <c r="AZ44" s="40">
        <v>0.3</v>
      </c>
      <c r="BA44" s="17">
        <v>0.28999999999999998</v>
      </c>
      <c r="BB44" s="17">
        <v>0.3</v>
      </c>
      <c r="BC44" s="17">
        <v>0.28999999999999998</v>
      </c>
      <c r="BD44" s="8">
        <v>0.28999999999999998</v>
      </c>
      <c r="BE44" s="8">
        <v>0.28999999999999998</v>
      </c>
    </row>
    <row r="45" spans="3:57" x14ac:dyDescent="0.2">
      <c r="C45" s="18" t="s">
        <v>100</v>
      </c>
      <c r="D45" s="6" t="s">
        <v>58</v>
      </c>
      <c r="E45" s="17">
        <v>0.05</v>
      </c>
      <c r="F45" s="17">
        <v>0.06</v>
      </c>
      <c r="G45" s="17">
        <v>7.0000000000000007E-2</v>
      </c>
      <c r="H45" s="8">
        <v>0.04</v>
      </c>
      <c r="I45" s="8">
        <v>0.04</v>
      </c>
      <c r="J45" s="8">
        <v>0.06</v>
      </c>
      <c r="K45" s="8">
        <v>0.08</v>
      </c>
      <c r="L45" s="8">
        <v>0.1</v>
      </c>
      <c r="M45" s="8">
        <v>0.1</v>
      </c>
      <c r="N45" s="8">
        <v>0.24</v>
      </c>
      <c r="O45" s="8">
        <v>0.24</v>
      </c>
      <c r="P45" s="8">
        <v>0.23</v>
      </c>
      <c r="Q45" s="8">
        <v>0.23</v>
      </c>
      <c r="R45" s="8">
        <v>0.24</v>
      </c>
      <c r="S45" s="8">
        <v>0.25</v>
      </c>
      <c r="T45" s="8">
        <v>0.26</v>
      </c>
      <c r="U45" s="8">
        <v>0.25</v>
      </c>
      <c r="V45" s="8">
        <v>0.25</v>
      </c>
      <c r="W45" s="8">
        <v>0.2</v>
      </c>
      <c r="X45" s="8">
        <v>0.2</v>
      </c>
      <c r="Y45" s="8">
        <v>0.17</v>
      </c>
      <c r="Z45" s="8">
        <v>0.15</v>
      </c>
      <c r="AA45" s="17">
        <v>0.12</v>
      </c>
      <c r="AB45" s="17">
        <v>0.1</v>
      </c>
      <c r="AC45" s="17">
        <v>0.12</v>
      </c>
      <c r="AD45" s="8">
        <v>0.1</v>
      </c>
      <c r="AE45" s="8" t="s">
        <v>90</v>
      </c>
      <c r="AF45" s="17" t="s">
        <v>90</v>
      </c>
      <c r="AG45" s="17" t="s">
        <v>90</v>
      </c>
      <c r="AH45" s="17" t="s">
        <v>90</v>
      </c>
      <c r="AI45" s="17" t="s">
        <v>90</v>
      </c>
      <c r="AJ45" s="8">
        <v>0.21</v>
      </c>
      <c r="AK45" s="8">
        <v>0.2</v>
      </c>
      <c r="AL45" s="17">
        <v>0.21</v>
      </c>
      <c r="AM45" s="17">
        <v>0.2</v>
      </c>
      <c r="AN45" s="17">
        <v>0.19450549450549451</v>
      </c>
      <c r="AO45" s="40">
        <v>0.21</v>
      </c>
      <c r="AP45" s="17">
        <v>0.2</v>
      </c>
      <c r="AQ45" s="17">
        <v>0.2</v>
      </c>
      <c r="AR45" s="17">
        <v>0.18</v>
      </c>
      <c r="AS45" s="17">
        <v>0.18</v>
      </c>
      <c r="AT45" s="17">
        <v>0.19</v>
      </c>
      <c r="AU45" s="17">
        <v>0.21</v>
      </c>
      <c r="AV45" s="8">
        <v>0.2</v>
      </c>
      <c r="AW45" s="17">
        <v>0.2</v>
      </c>
      <c r="AX45" s="17">
        <v>0.2</v>
      </c>
      <c r="AY45" s="17">
        <v>0.19</v>
      </c>
      <c r="AZ45" s="40">
        <v>0.19</v>
      </c>
      <c r="BA45" s="17">
        <v>0.21</v>
      </c>
      <c r="BB45" s="17">
        <v>0.22</v>
      </c>
      <c r="BC45" s="17">
        <v>0.22</v>
      </c>
      <c r="BD45" s="8">
        <v>0.21</v>
      </c>
      <c r="BE45" s="8">
        <v>0.21</v>
      </c>
    </row>
    <row r="46" spans="3:57" x14ac:dyDescent="0.2">
      <c r="C46" s="16" t="s">
        <v>89</v>
      </c>
      <c r="D46" s="6" t="s">
        <v>58</v>
      </c>
      <c r="E46" s="17">
        <v>0.38</v>
      </c>
      <c r="F46" s="17">
        <v>0.38</v>
      </c>
      <c r="G46" s="17">
        <v>0.38</v>
      </c>
      <c r="H46" s="8">
        <v>0.37</v>
      </c>
      <c r="I46" s="8">
        <v>0.37</v>
      </c>
      <c r="J46" s="8">
        <v>0.37</v>
      </c>
      <c r="K46" s="8">
        <v>0.37</v>
      </c>
      <c r="L46" s="8">
        <v>0.36</v>
      </c>
      <c r="M46" s="8">
        <v>0.36</v>
      </c>
      <c r="N46" s="8">
        <v>0.37</v>
      </c>
      <c r="O46" s="8">
        <v>0.33</v>
      </c>
      <c r="P46" s="8">
        <v>0.33</v>
      </c>
      <c r="Q46" s="8">
        <v>0.33</v>
      </c>
      <c r="R46" s="8">
        <v>0.36</v>
      </c>
      <c r="S46" s="8">
        <v>0.36</v>
      </c>
      <c r="T46" s="8">
        <v>0.36</v>
      </c>
      <c r="U46" s="8">
        <v>0.33</v>
      </c>
      <c r="V46" s="8">
        <v>0.33</v>
      </c>
      <c r="W46" s="8"/>
      <c r="X46" s="8"/>
      <c r="Y46" s="8"/>
      <c r="Z46" s="8"/>
      <c r="AA46" s="17" t="s">
        <v>90</v>
      </c>
      <c r="AB46" s="17" t="s">
        <v>90</v>
      </c>
      <c r="AC46" s="17" t="s">
        <v>90</v>
      </c>
      <c r="AD46" s="8" t="s">
        <v>90</v>
      </c>
      <c r="AE46" s="8" t="s">
        <v>90</v>
      </c>
      <c r="AF46" s="17" t="s">
        <v>90</v>
      </c>
      <c r="AG46" s="17" t="s">
        <v>90</v>
      </c>
      <c r="AH46" s="17" t="s">
        <v>90</v>
      </c>
      <c r="AI46" s="40" t="s">
        <v>90</v>
      </c>
      <c r="AJ46" s="8">
        <v>0.21</v>
      </c>
      <c r="AK46" s="8">
        <v>0.2</v>
      </c>
      <c r="AL46" s="40">
        <v>0.21</v>
      </c>
      <c r="AM46" s="40">
        <v>0.21</v>
      </c>
      <c r="AN46" s="40">
        <v>0.2</v>
      </c>
      <c r="AO46" s="62">
        <v>0.25</v>
      </c>
      <c r="AP46" s="17">
        <v>0.25</v>
      </c>
      <c r="AQ46" s="17">
        <v>0.26</v>
      </c>
      <c r="AR46" s="17">
        <v>0.26</v>
      </c>
      <c r="AS46" s="17">
        <v>0.28999999999999998</v>
      </c>
      <c r="AT46" s="17">
        <v>0.28999999999999998</v>
      </c>
      <c r="AU46" s="17">
        <v>0.28999999999999998</v>
      </c>
      <c r="AV46" s="8">
        <v>0.28999999999999998</v>
      </c>
      <c r="AW46" s="17">
        <v>0.3</v>
      </c>
      <c r="AX46" s="17">
        <v>0.3</v>
      </c>
      <c r="AY46" s="17">
        <v>0.3</v>
      </c>
      <c r="AZ46" s="40">
        <v>0.3</v>
      </c>
      <c r="BA46" s="17">
        <v>0.31</v>
      </c>
      <c r="BB46" s="17">
        <v>0.31</v>
      </c>
      <c r="BC46" s="17">
        <v>0.31</v>
      </c>
      <c r="BD46" s="8">
        <v>0.31</v>
      </c>
      <c r="BE46" s="8">
        <v>0.31</v>
      </c>
    </row>
    <row r="47" spans="3:57" x14ac:dyDescent="0.2">
      <c r="C47" s="16" t="s">
        <v>95</v>
      </c>
      <c r="D47" s="6" t="s">
        <v>58</v>
      </c>
      <c r="E47" s="17">
        <v>0.63</v>
      </c>
      <c r="F47" s="17">
        <v>0.62</v>
      </c>
      <c r="G47" s="17">
        <v>0.63</v>
      </c>
      <c r="H47" s="8">
        <v>0.67</v>
      </c>
      <c r="I47" s="8">
        <v>0.67</v>
      </c>
      <c r="J47" s="8">
        <v>0.67</v>
      </c>
      <c r="K47" s="8">
        <v>0.67</v>
      </c>
      <c r="L47" s="8">
        <v>0.67</v>
      </c>
      <c r="M47" s="8">
        <v>0.7</v>
      </c>
      <c r="N47" s="8">
        <v>0.7</v>
      </c>
      <c r="O47" s="8">
        <v>0.7</v>
      </c>
      <c r="P47" s="8">
        <v>0.7</v>
      </c>
      <c r="Q47" s="8">
        <v>0.7</v>
      </c>
      <c r="R47" s="8">
        <v>0.74</v>
      </c>
      <c r="S47" s="8">
        <v>0.74</v>
      </c>
      <c r="T47" s="8">
        <v>0.74</v>
      </c>
      <c r="U47" s="8">
        <v>0.74</v>
      </c>
      <c r="V47" s="8"/>
      <c r="W47" s="8"/>
      <c r="X47" s="8"/>
      <c r="Y47" s="8"/>
      <c r="Z47" s="8"/>
      <c r="AA47" s="17" t="s">
        <v>90</v>
      </c>
      <c r="AB47" s="17" t="s">
        <v>90</v>
      </c>
      <c r="AC47" s="17" t="s">
        <v>90</v>
      </c>
      <c r="AD47" s="8" t="s">
        <v>90</v>
      </c>
      <c r="AE47" s="8" t="s">
        <v>90</v>
      </c>
      <c r="AF47" s="17" t="s">
        <v>90</v>
      </c>
      <c r="AG47" s="17" t="s">
        <v>90</v>
      </c>
      <c r="AH47" s="17" t="s">
        <v>90</v>
      </c>
      <c r="AI47" s="17" t="s">
        <v>90</v>
      </c>
      <c r="AJ47" s="8" t="s">
        <v>90</v>
      </c>
      <c r="AK47" s="8">
        <v>0.43</v>
      </c>
      <c r="AL47" s="17">
        <v>0.4</v>
      </c>
      <c r="AM47" s="17">
        <v>0.4</v>
      </c>
      <c r="AN47" s="17">
        <v>0.43</v>
      </c>
      <c r="AO47" s="62">
        <v>0.47</v>
      </c>
      <c r="AP47" s="17">
        <v>0.49</v>
      </c>
      <c r="AQ47" s="17">
        <v>0.49</v>
      </c>
      <c r="AR47" s="17">
        <v>0.5</v>
      </c>
      <c r="AS47" s="17">
        <v>0.52</v>
      </c>
      <c r="AT47" s="17">
        <v>0.51</v>
      </c>
      <c r="AU47" s="17">
        <v>0.52</v>
      </c>
      <c r="AV47" s="8">
        <v>0.52</v>
      </c>
      <c r="AW47" s="17">
        <v>0.52</v>
      </c>
      <c r="AX47" s="17">
        <v>0.52</v>
      </c>
      <c r="AY47" s="17">
        <v>0.52</v>
      </c>
      <c r="AZ47" s="40">
        <v>0.52</v>
      </c>
      <c r="BA47" s="17">
        <v>0.53</v>
      </c>
      <c r="BB47" s="17">
        <v>0.53</v>
      </c>
      <c r="BC47" s="17">
        <v>0.53</v>
      </c>
      <c r="BD47" s="8">
        <v>0.53</v>
      </c>
      <c r="BE47" s="8">
        <v>0.53</v>
      </c>
    </row>
    <row r="48" spans="3:57" x14ac:dyDescent="0.2">
      <c r="C48" s="23" t="s">
        <v>96</v>
      </c>
      <c r="D48" s="6" t="s">
        <v>58</v>
      </c>
      <c r="E48" s="17">
        <v>0.52</v>
      </c>
      <c r="F48" s="17">
        <v>0.62</v>
      </c>
      <c r="G48" s="17">
        <v>0.71</v>
      </c>
      <c r="H48" s="8">
        <v>0.71</v>
      </c>
      <c r="I48" s="8">
        <v>0.76</v>
      </c>
      <c r="J48" s="8">
        <v>0.76</v>
      </c>
      <c r="K48" s="8">
        <v>0.76</v>
      </c>
      <c r="L48" s="8">
        <v>0.76</v>
      </c>
      <c r="M48" s="8">
        <v>0.76</v>
      </c>
      <c r="N48" s="8">
        <v>0.71</v>
      </c>
      <c r="O48" s="8">
        <v>0.66</v>
      </c>
      <c r="P48" s="8">
        <v>0.66</v>
      </c>
      <c r="Q48" s="8">
        <v>0.56000000000000005</v>
      </c>
      <c r="R48" s="8">
        <v>0.47</v>
      </c>
      <c r="S48" s="8">
        <v>0.47</v>
      </c>
      <c r="T48" s="8">
        <v>0.46</v>
      </c>
      <c r="U48" s="8">
        <v>0.46</v>
      </c>
      <c r="V48" s="8">
        <v>0.41</v>
      </c>
      <c r="W48" s="8">
        <v>0.41</v>
      </c>
      <c r="X48" s="8">
        <v>0.36</v>
      </c>
      <c r="Y48" s="8">
        <v>0.36</v>
      </c>
      <c r="Z48" s="8">
        <v>0.26</v>
      </c>
      <c r="AA48" s="17">
        <v>0.22</v>
      </c>
      <c r="AB48" s="17">
        <v>0.22</v>
      </c>
      <c r="AC48" s="17">
        <v>0.17</v>
      </c>
      <c r="AD48" s="8">
        <v>0.17</v>
      </c>
      <c r="AE48" s="8">
        <v>0.17</v>
      </c>
      <c r="AF48" s="17">
        <v>0.12</v>
      </c>
      <c r="AG48" s="17">
        <v>0.12</v>
      </c>
      <c r="AH48" s="17">
        <v>0.12</v>
      </c>
      <c r="AI48" s="17">
        <v>0.12</v>
      </c>
      <c r="AJ48" s="8">
        <v>0.12</v>
      </c>
      <c r="AK48" s="8">
        <v>0.17</v>
      </c>
      <c r="AL48" s="17">
        <v>0.22</v>
      </c>
      <c r="AM48" s="17">
        <v>0.25</v>
      </c>
      <c r="AN48" s="17">
        <v>0.26</v>
      </c>
      <c r="AO48" s="40">
        <v>0.3</v>
      </c>
      <c r="AP48" s="17">
        <v>0.4</v>
      </c>
      <c r="AQ48" s="17">
        <v>0.59</v>
      </c>
      <c r="AR48" s="17">
        <v>0.66</v>
      </c>
      <c r="AS48" s="17">
        <v>0.8</v>
      </c>
      <c r="AT48" s="17">
        <v>0.91</v>
      </c>
      <c r="AU48" s="17">
        <v>1.01</v>
      </c>
      <c r="AV48" s="8">
        <v>1.01</v>
      </c>
      <c r="AW48" s="17">
        <v>0.91</v>
      </c>
      <c r="AX48" s="17">
        <v>0.76</v>
      </c>
      <c r="AY48" s="17">
        <v>0.56000000000000005</v>
      </c>
      <c r="AZ48" s="40">
        <v>0.47</v>
      </c>
      <c r="BA48" s="17">
        <v>0.36</v>
      </c>
      <c r="BB48" s="17">
        <v>0.36</v>
      </c>
      <c r="BC48" s="17">
        <v>0.26</v>
      </c>
      <c r="BD48" s="8">
        <v>0.26</v>
      </c>
      <c r="BE48" s="8">
        <v>0.26</v>
      </c>
    </row>
    <row r="49" spans="3:57" x14ac:dyDescent="0.2">
      <c r="C49" s="23"/>
    </row>
    <row r="52" spans="3:57" x14ac:dyDescent="0.2">
      <c r="C52" s="1" t="s">
        <v>1</v>
      </c>
      <c r="E52" s="2">
        <v>2009</v>
      </c>
      <c r="F52" s="2"/>
      <c r="G52" s="2"/>
      <c r="H52" s="2"/>
      <c r="I52" s="2"/>
      <c r="J52" s="2"/>
      <c r="K52" s="2"/>
      <c r="L52" s="2"/>
      <c r="M52" s="2"/>
    </row>
    <row r="53" spans="3:57" x14ac:dyDescent="0.2">
      <c r="C53" s="3" t="s">
        <v>2</v>
      </c>
      <c r="D53" s="3" t="s">
        <v>3</v>
      </c>
      <c r="E53" s="4" t="s">
        <v>15</v>
      </c>
      <c r="F53" s="4" t="s">
        <v>16</v>
      </c>
      <c r="G53" s="4" t="s">
        <v>17</v>
      </c>
      <c r="H53" s="4" t="s">
        <v>18</v>
      </c>
      <c r="I53" s="4" t="s">
        <v>19</v>
      </c>
      <c r="J53" s="4" t="s">
        <v>20</v>
      </c>
      <c r="K53" s="4" t="s">
        <v>21</v>
      </c>
      <c r="L53" s="4" t="s">
        <v>22</v>
      </c>
      <c r="M53" s="4" t="s">
        <v>23</v>
      </c>
      <c r="N53" s="4" t="s">
        <v>24</v>
      </c>
      <c r="O53" s="4" t="s">
        <v>25</v>
      </c>
      <c r="P53" s="4" t="s">
        <v>26</v>
      </c>
      <c r="Q53" s="4" t="s">
        <v>27</v>
      </c>
      <c r="R53" s="4" t="s">
        <v>28</v>
      </c>
      <c r="S53" s="4" t="s">
        <v>29</v>
      </c>
      <c r="T53" s="4" t="s">
        <v>30</v>
      </c>
      <c r="U53" s="4" t="s">
        <v>31</v>
      </c>
      <c r="V53" s="4" t="s">
        <v>32</v>
      </c>
      <c r="W53" s="4" t="s">
        <v>33</v>
      </c>
      <c r="X53" s="4" t="s">
        <v>34</v>
      </c>
      <c r="Y53" s="4" t="s">
        <v>35</v>
      </c>
      <c r="Z53" s="4" t="s">
        <v>36</v>
      </c>
      <c r="AA53" s="4" t="s">
        <v>37</v>
      </c>
      <c r="AB53" s="4" t="s">
        <v>38</v>
      </c>
      <c r="AC53" s="4" t="s">
        <v>39</v>
      </c>
      <c r="AD53" s="4" t="s">
        <v>40</v>
      </c>
      <c r="AE53" s="4" t="s">
        <v>41</v>
      </c>
      <c r="AF53" s="4" t="s">
        <v>42</v>
      </c>
      <c r="AG53" s="4" t="s">
        <v>43</v>
      </c>
      <c r="AH53" s="4" t="s">
        <v>44</v>
      </c>
      <c r="AI53" s="4" t="s">
        <v>45</v>
      </c>
      <c r="AJ53" s="4" t="s">
        <v>46</v>
      </c>
      <c r="AK53" s="4" t="s">
        <v>47</v>
      </c>
      <c r="AL53" s="4" t="s">
        <v>48</v>
      </c>
      <c r="AM53" s="4" t="s">
        <v>49</v>
      </c>
      <c r="AN53" s="4" t="s">
        <v>50</v>
      </c>
      <c r="AO53" s="4" t="s">
        <v>51</v>
      </c>
      <c r="AP53" s="4" t="s">
        <v>52</v>
      </c>
      <c r="AQ53" s="4" t="s">
        <v>53</v>
      </c>
      <c r="AR53" s="4" t="s">
        <v>54</v>
      </c>
      <c r="AS53" s="4" t="s">
        <v>55</v>
      </c>
      <c r="AT53" s="4" t="s">
        <v>4</v>
      </c>
      <c r="AU53" s="4" t="s">
        <v>5</v>
      </c>
      <c r="AV53" s="4" t="s">
        <v>6</v>
      </c>
      <c r="AW53" s="4" t="s">
        <v>7</v>
      </c>
      <c r="AX53" s="4" t="s">
        <v>8</v>
      </c>
      <c r="AY53" s="4" t="s">
        <v>9</v>
      </c>
      <c r="AZ53" s="4" t="s">
        <v>10</v>
      </c>
      <c r="BA53" s="4" t="s">
        <v>11</v>
      </c>
      <c r="BB53" s="4" t="s">
        <v>12</v>
      </c>
      <c r="BC53" s="4" t="s">
        <v>13</v>
      </c>
      <c r="BD53" s="4" t="s">
        <v>14</v>
      </c>
      <c r="BE53" s="4" t="s">
        <v>56</v>
      </c>
    </row>
    <row r="54" spans="3:57" x14ac:dyDescent="0.2">
      <c r="C54" s="5" t="s">
        <v>57</v>
      </c>
      <c r="D54" s="6" t="s">
        <v>58</v>
      </c>
      <c r="E54" s="17"/>
      <c r="F54" s="17"/>
      <c r="G54" s="17"/>
      <c r="H54" s="39"/>
      <c r="I54" s="39"/>
      <c r="J54" s="39"/>
      <c r="K54" s="39"/>
      <c r="L54" s="39"/>
      <c r="M54" s="39"/>
      <c r="N54" s="39"/>
      <c r="O54" s="39"/>
      <c r="P54" s="39"/>
      <c r="Q54" s="39"/>
      <c r="R54" s="39"/>
      <c r="S54" s="39"/>
      <c r="T54" s="39"/>
      <c r="U54" s="39"/>
      <c r="V54" s="39"/>
      <c r="W54" s="39"/>
      <c r="X54" s="39"/>
      <c r="Y54" s="39"/>
      <c r="Z54" s="39"/>
      <c r="AA54" s="17"/>
      <c r="AB54" s="17"/>
      <c r="AC54" s="17"/>
      <c r="AD54" s="17"/>
      <c r="AE54" s="17"/>
      <c r="AF54" s="17"/>
      <c r="AG54" s="17"/>
      <c r="AH54" s="17"/>
      <c r="AI54" s="17"/>
      <c r="AJ54" s="17"/>
      <c r="AK54" s="17"/>
      <c r="AL54" s="17"/>
      <c r="AM54" s="17"/>
      <c r="AN54" s="17"/>
      <c r="AO54" s="17"/>
      <c r="AP54" s="17"/>
      <c r="AQ54" s="17"/>
      <c r="AR54" s="17"/>
      <c r="AS54" s="17"/>
      <c r="AT54" s="17"/>
      <c r="AU54" s="17"/>
      <c r="AV54" s="17"/>
      <c r="AW54" s="17"/>
      <c r="AX54" s="17"/>
      <c r="AY54" s="17"/>
      <c r="AZ54" s="54"/>
      <c r="BA54" s="17"/>
      <c r="BB54" s="17"/>
      <c r="BC54" s="17"/>
      <c r="BD54" s="17"/>
      <c r="BE54" s="17"/>
    </row>
    <row r="55" spans="3:57" x14ac:dyDescent="0.2">
      <c r="C55" s="5" t="s">
        <v>59</v>
      </c>
      <c r="D55" s="6" t="s">
        <v>58</v>
      </c>
      <c r="E55" s="17"/>
      <c r="F55" s="17"/>
      <c r="G55" s="17"/>
      <c r="H55" s="39"/>
      <c r="I55" s="39"/>
      <c r="J55" s="39"/>
      <c r="K55" s="39"/>
      <c r="L55" s="39"/>
      <c r="M55" s="39"/>
      <c r="N55" s="39"/>
      <c r="O55" s="39"/>
      <c r="P55" s="39"/>
      <c r="Q55" s="39"/>
      <c r="R55" s="39"/>
      <c r="S55" s="39"/>
      <c r="T55" s="39"/>
      <c r="U55" s="39"/>
      <c r="V55" s="39"/>
      <c r="W55" s="39"/>
      <c r="X55" s="39"/>
      <c r="Y55" s="39"/>
      <c r="Z55" s="39"/>
      <c r="AA55" s="17"/>
      <c r="AB55" s="17"/>
      <c r="AC55" s="17"/>
      <c r="AD55" s="17"/>
      <c r="AE55" s="17"/>
      <c r="AF55" s="17"/>
      <c r="AG55" s="17"/>
      <c r="AH55" s="17"/>
      <c r="AI55" s="17"/>
      <c r="AJ55" s="17"/>
      <c r="AK55" s="17"/>
      <c r="AL55" s="17"/>
      <c r="AM55" s="17"/>
      <c r="AN55" s="17"/>
      <c r="AO55" s="17"/>
      <c r="AP55" s="17"/>
      <c r="AQ55" s="17"/>
      <c r="AR55" s="17"/>
      <c r="AS55" s="17"/>
      <c r="AT55" s="17"/>
      <c r="AU55" s="17"/>
      <c r="AV55" s="17"/>
      <c r="AW55" s="17"/>
      <c r="AX55" s="17"/>
      <c r="AY55" s="17"/>
      <c r="AZ55" s="54"/>
      <c r="BA55" s="17"/>
      <c r="BB55" s="17"/>
      <c r="BC55" s="17"/>
      <c r="BD55" s="17"/>
      <c r="BE55" s="17"/>
    </row>
    <row r="56" spans="3:57" x14ac:dyDescent="0.2">
      <c r="C56" s="5" t="s">
        <v>60</v>
      </c>
      <c r="D56" s="6" t="s">
        <v>58</v>
      </c>
      <c r="E56" s="17"/>
      <c r="F56" s="17"/>
      <c r="G56" s="17"/>
      <c r="H56" s="39"/>
      <c r="I56" s="39"/>
      <c r="J56" s="39"/>
      <c r="K56" s="39"/>
      <c r="L56" s="39"/>
      <c r="M56" s="39"/>
      <c r="N56" s="39"/>
      <c r="O56" s="39"/>
      <c r="P56" s="39"/>
      <c r="Q56" s="39"/>
      <c r="R56" s="39"/>
      <c r="S56" s="39"/>
      <c r="T56" s="39"/>
      <c r="U56" s="39"/>
      <c r="V56" s="39"/>
      <c r="W56" s="39"/>
      <c r="X56" s="39"/>
      <c r="Y56" s="39"/>
      <c r="Z56" s="39"/>
      <c r="AA56" s="17"/>
      <c r="AB56" s="17"/>
      <c r="AC56" s="17"/>
      <c r="AD56" s="17"/>
      <c r="AE56" s="17"/>
      <c r="AF56" s="17"/>
      <c r="AG56" s="17"/>
      <c r="AH56" s="17"/>
      <c r="AI56" s="17"/>
      <c r="AJ56" s="17"/>
      <c r="AK56" s="17"/>
      <c r="AL56" s="17"/>
      <c r="AM56" s="17"/>
      <c r="AN56" s="17"/>
      <c r="AO56" s="17"/>
      <c r="AP56" s="17"/>
      <c r="AQ56" s="17"/>
      <c r="AR56" s="17"/>
      <c r="AS56" s="17"/>
      <c r="AT56" s="17"/>
      <c r="AU56" s="17"/>
      <c r="AV56" s="17"/>
      <c r="AW56" s="17"/>
      <c r="AX56" s="17"/>
      <c r="AY56" s="17"/>
      <c r="AZ56" s="54"/>
      <c r="BA56" s="17"/>
      <c r="BB56" s="17"/>
      <c r="BC56" s="17"/>
      <c r="BD56" s="17"/>
      <c r="BE56" s="17"/>
    </row>
    <row r="57" spans="3:57" x14ac:dyDescent="0.2">
      <c r="C57" s="5" t="s">
        <v>61</v>
      </c>
      <c r="D57" s="6" t="s">
        <v>58</v>
      </c>
      <c r="E57" s="17"/>
      <c r="F57" s="17"/>
      <c r="G57" s="17"/>
      <c r="H57" s="39"/>
      <c r="I57" s="39"/>
      <c r="J57" s="39"/>
      <c r="K57" s="39"/>
      <c r="L57" s="39"/>
      <c r="M57" s="39"/>
      <c r="N57" s="39"/>
      <c r="O57" s="39"/>
      <c r="P57" s="39"/>
      <c r="Q57" s="39"/>
      <c r="R57" s="39"/>
      <c r="S57" s="39"/>
      <c r="T57" s="39"/>
      <c r="U57" s="39"/>
      <c r="V57" s="39"/>
      <c r="W57" s="39"/>
      <c r="X57" s="39"/>
      <c r="Y57" s="39"/>
      <c r="Z57" s="39"/>
      <c r="AA57" s="17"/>
      <c r="AB57" s="17"/>
      <c r="AC57" s="17"/>
      <c r="AD57" s="17"/>
      <c r="AE57" s="17"/>
      <c r="AF57" s="17"/>
      <c r="AG57" s="17"/>
      <c r="AH57" s="17"/>
      <c r="AI57" s="17"/>
      <c r="AJ57" s="17"/>
      <c r="AK57" s="17"/>
      <c r="AL57" s="17"/>
      <c r="AM57" s="17"/>
      <c r="AN57" s="17"/>
      <c r="AO57" s="17"/>
      <c r="AP57" s="17"/>
      <c r="AQ57" s="17"/>
      <c r="AR57" s="17"/>
      <c r="AS57" s="17"/>
      <c r="AT57" s="17"/>
      <c r="AU57" s="17"/>
      <c r="AV57" s="17"/>
      <c r="AW57" s="17"/>
      <c r="AX57" s="17"/>
      <c r="AY57" s="17"/>
      <c r="AZ57" s="54"/>
      <c r="BA57" s="17"/>
      <c r="BB57" s="17"/>
      <c r="BC57" s="17"/>
      <c r="BD57" s="17"/>
      <c r="BE57" s="17"/>
    </row>
    <row r="58" spans="3:57" x14ac:dyDescent="0.2">
      <c r="C58" s="5" t="s">
        <v>62</v>
      </c>
      <c r="D58" s="6" t="s">
        <v>58</v>
      </c>
      <c r="E58" s="17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39"/>
      <c r="U58" s="39"/>
      <c r="V58" s="39"/>
      <c r="W58" s="39"/>
      <c r="X58" s="39"/>
      <c r="Y58" s="39"/>
      <c r="Z58" s="39"/>
      <c r="AA58" s="17"/>
      <c r="AB58" s="17"/>
      <c r="AC58" s="17"/>
      <c r="AD58" s="17"/>
      <c r="AE58" s="17"/>
      <c r="AF58" s="17"/>
      <c r="AG58" s="17"/>
      <c r="AH58" s="17"/>
      <c r="AI58" s="17"/>
      <c r="AJ58" s="17"/>
      <c r="AK58" s="17"/>
      <c r="AL58" s="17"/>
      <c r="AM58" s="17"/>
      <c r="AN58" s="17"/>
      <c r="AO58" s="17"/>
      <c r="AP58" s="17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  <c r="BE58" s="17"/>
    </row>
    <row r="59" spans="3:57" x14ac:dyDescent="0.2">
      <c r="C59" s="5" t="s">
        <v>75</v>
      </c>
      <c r="D59" s="20" t="s">
        <v>76</v>
      </c>
      <c r="E59" s="17"/>
      <c r="F59" s="17"/>
      <c r="G59" s="17"/>
      <c r="H59" s="8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39"/>
      <c r="X59" s="39"/>
      <c r="Y59" s="39"/>
      <c r="Z59" s="39"/>
      <c r="AA59" s="17"/>
      <c r="AB59" s="17"/>
      <c r="AC59" s="17"/>
      <c r="AD59" s="17"/>
      <c r="AE59" s="17"/>
      <c r="AF59" s="17"/>
      <c r="AG59" s="17"/>
      <c r="AH59" s="17"/>
      <c r="AI59" s="17"/>
      <c r="AJ59" s="17"/>
      <c r="AK59" s="17"/>
      <c r="AL59" s="17"/>
      <c r="AM59" s="17"/>
      <c r="AN59" s="17"/>
      <c r="AO59" s="17"/>
      <c r="AP59" s="17"/>
      <c r="AQ59" s="17"/>
      <c r="AR59" s="17"/>
      <c r="AS59" s="17"/>
      <c r="AT59" s="17"/>
      <c r="AU59" s="17"/>
      <c r="AV59" s="17"/>
      <c r="AW59" s="17"/>
      <c r="AX59" s="17"/>
      <c r="AY59" s="17"/>
      <c r="AZ59" s="17"/>
      <c r="BA59" s="17"/>
      <c r="BB59" s="17"/>
      <c r="BC59" s="17"/>
      <c r="BD59" s="17"/>
      <c r="BE59" s="17"/>
    </row>
    <row r="60" spans="3:57" x14ac:dyDescent="0.2">
      <c r="C60" s="5" t="s">
        <v>63</v>
      </c>
      <c r="D60" s="6" t="s">
        <v>58</v>
      </c>
      <c r="E60" s="17">
        <v>10.974373866701029</v>
      </c>
      <c r="F60" s="17">
        <v>8.8062227178789243</v>
      </c>
      <c r="G60" s="17">
        <v>8.6328059967765807</v>
      </c>
      <c r="H60" s="8">
        <v>8.4448877071018238</v>
      </c>
      <c r="I60" s="8">
        <v>8.8548751409148352</v>
      </c>
      <c r="J60" s="8">
        <v>8.2325174019490195</v>
      </c>
      <c r="K60" s="8">
        <v>7.0689658476433284</v>
      </c>
      <c r="L60" s="8">
        <v>5.5145226253498336</v>
      </c>
      <c r="M60" s="8">
        <v>5.92</v>
      </c>
      <c r="N60" s="8">
        <v>7.22</v>
      </c>
      <c r="O60" s="8">
        <v>7.389256443153088</v>
      </c>
      <c r="P60" s="8">
        <v>7.11</v>
      </c>
      <c r="Q60" s="8">
        <v>5.72</v>
      </c>
      <c r="R60" s="8">
        <v>7.0290958762778066</v>
      </c>
      <c r="S60" s="8">
        <v>7.8520763581513808</v>
      </c>
      <c r="T60" s="8">
        <v>7.85</v>
      </c>
      <c r="U60" s="8">
        <v>6.93</v>
      </c>
      <c r="V60" s="8">
        <v>5.04</v>
      </c>
      <c r="W60" s="8">
        <v>5.92</v>
      </c>
      <c r="X60" s="8">
        <v>6.09</v>
      </c>
      <c r="Y60" s="8">
        <v>5.8872579557623919</v>
      </c>
      <c r="Z60" s="8">
        <v>6.04</v>
      </c>
      <c r="AA60" s="17">
        <v>5.86</v>
      </c>
      <c r="AB60" s="17">
        <v>6.57</v>
      </c>
      <c r="AC60" s="17">
        <v>8.1336470285607376</v>
      </c>
      <c r="AD60" s="8">
        <v>7.1011855662128713</v>
      </c>
      <c r="AE60" s="17">
        <v>7.07</v>
      </c>
      <c r="AF60" s="17">
        <v>6.31</v>
      </c>
      <c r="AG60" s="17">
        <v>5.94404513166341</v>
      </c>
      <c r="AH60" s="17">
        <v>5.4164034619239585</v>
      </c>
      <c r="AI60" s="17">
        <v>5.2981004392640552</v>
      </c>
      <c r="AJ60" s="8">
        <v>5.6272991106070549</v>
      </c>
      <c r="AK60" s="17">
        <v>5.39</v>
      </c>
      <c r="AL60" s="17">
        <v>5.488817611651303</v>
      </c>
      <c r="AM60" s="17">
        <v>5.7179507451329723</v>
      </c>
      <c r="AN60" s="17">
        <v>7.45</v>
      </c>
      <c r="AO60" s="17">
        <v>7.51</v>
      </c>
      <c r="AP60" s="17">
        <v>7.0827357396007038</v>
      </c>
      <c r="AQ60" s="17">
        <v>6.92639758752237</v>
      </c>
      <c r="AR60" s="17">
        <v>6.9230320464754485</v>
      </c>
      <c r="AS60" s="17">
        <v>6.3112319865297719</v>
      </c>
      <c r="AT60" s="17">
        <v>6.6884390359556098</v>
      </c>
      <c r="AU60" s="17">
        <v>6.23</v>
      </c>
      <c r="AV60" s="17">
        <v>7.4904301852313315</v>
      </c>
      <c r="AW60" s="17">
        <v>6.8851474244854121</v>
      </c>
      <c r="AX60" s="17">
        <v>7.58</v>
      </c>
      <c r="AY60" s="17">
        <v>6.92</v>
      </c>
      <c r="AZ60" s="17">
        <v>6.43</v>
      </c>
      <c r="BA60" s="17">
        <v>7.052244557158498</v>
      </c>
      <c r="BB60" s="17">
        <v>5.7355177210551114</v>
      </c>
      <c r="BC60" s="17">
        <v>7.7045379331159403</v>
      </c>
      <c r="BD60" s="8">
        <v>6.7368627143864046</v>
      </c>
      <c r="BE60" s="8">
        <v>7.77</v>
      </c>
    </row>
    <row r="61" spans="3:57" x14ac:dyDescent="0.2">
      <c r="C61" s="5" t="s">
        <v>64</v>
      </c>
      <c r="D61" s="6" t="s">
        <v>58</v>
      </c>
      <c r="E61" s="17">
        <v>6.1637616926503327</v>
      </c>
      <c r="F61" s="17">
        <v>5.1308336777612995</v>
      </c>
      <c r="G61" s="17">
        <v>5.0867391526288923</v>
      </c>
      <c r="H61" s="8">
        <v>4.7626163337635914</v>
      </c>
      <c r="I61" s="8">
        <v>5.0082332209289682</v>
      </c>
      <c r="J61" s="8">
        <v>4.7788681462644007</v>
      </c>
      <c r="K61" s="8">
        <v>4.4420195793350779</v>
      </c>
      <c r="L61" s="8">
        <v>3.8379412094513414</v>
      </c>
      <c r="M61" s="8">
        <v>2.9</v>
      </c>
      <c r="N61" s="8">
        <v>3.41</v>
      </c>
      <c r="O61" s="8">
        <v>4.3044025214829746</v>
      </c>
      <c r="P61" s="8">
        <v>3.93</v>
      </c>
      <c r="Q61" s="8">
        <v>3.67</v>
      </c>
      <c r="R61" s="8">
        <v>3.8394026538653141</v>
      </c>
      <c r="S61" s="8">
        <v>3.9680342765574923</v>
      </c>
      <c r="T61" s="8">
        <v>3.97</v>
      </c>
      <c r="U61" s="8">
        <v>4.1500000000000004</v>
      </c>
      <c r="V61" s="8">
        <v>3.32</v>
      </c>
      <c r="W61" s="8">
        <v>3.39</v>
      </c>
      <c r="X61" s="8">
        <v>3.28</v>
      </c>
      <c r="Y61" s="8">
        <v>3.4733712380751589</v>
      </c>
      <c r="Z61" s="8">
        <v>3.16</v>
      </c>
      <c r="AA61" s="17">
        <v>2.62</v>
      </c>
      <c r="AB61" s="17">
        <v>3.45</v>
      </c>
      <c r="AC61" s="17">
        <v>4.0243945692658896</v>
      </c>
      <c r="AD61" s="8">
        <v>3.7916553369973962</v>
      </c>
      <c r="AE61" s="17">
        <v>3.73</v>
      </c>
      <c r="AF61" s="17">
        <v>3.96</v>
      </c>
      <c r="AG61" s="17">
        <v>3.9547535488338426</v>
      </c>
      <c r="AH61" s="17">
        <v>3.6453943111708242</v>
      </c>
      <c r="AI61" s="17">
        <v>3.6464665451444054</v>
      </c>
      <c r="AJ61" s="8">
        <v>3.4380738727921893</v>
      </c>
      <c r="AK61" s="17">
        <v>3.42</v>
      </c>
      <c r="AL61" s="17">
        <v>2.8694509934821948</v>
      </c>
      <c r="AM61" s="17">
        <v>2.9296453085318142</v>
      </c>
      <c r="AN61" s="17">
        <v>3.4</v>
      </c>
      <c r="AO61" s="17">
        <v>3.44</v>
      </c>
      <c r="AP61" s="17">
        <v>4.1855586463327699</v>
      </c>
      <c r="AQ61" s="17">
        <v>4.1586270301209129</v>
      </c>
      <c r="AR61" s="17">
        <v>4.0655921589187933</v>
      </c>
      <c r="AS61" s="17">
        <v>3.1278046033906697</v>
      </c>
      <c r="AT61" s="17">
        <v>4.2797753151687683</v>
      </c>
      <c r="AU61" s="17">
        <v>4.07</v>
      </c>
      <c r="AV61" s="17">
        <v>4.3791957409334721</v>
      </c>
      <c r="AW61" s="17">
        <v>4.4601730549406033</v>
      </c>
      <c r="AX61" s="17">
        <v>4.9800000000000004</v>
      </c>
      <c r="AY61" s="17">
        <v>4.7</v>
      </c>
      <c r="AZ61" s="17">
        <v>4.25</v>
      </c>
      <c r="BA61" s="17">
        <v>5.2177976226301537</v>
      </c>
      <c r="BB61" s="17">
        <v>4.2052477124969903</v>
      </c>
      <c r="BC61" s="17">
        <v>4.6149901411011207</v>
      </c>
      <c r="BD61" s="8">
        <v>5.1173427548121877</v>
      </c>
      <c r="BE61" s="8">
        <v>5.49</v>
      </c>
    </row>
    <row r="62" spans="3:57" x14ac:dyDescent="0.2">
      <c r="C62" s="5" t="s">
        <v>65</v>
      </c>
      <c r="D62" s="6" t="s">
        <v>58</v>
      </c>
      <c r="E62" s="17">
        <v>2.8568747867621971</v>
      </c>
      <c r="F62" s="17">
        <v>2.5496635342688299</v>
      </c>
      <c r="G62" s="17">
        <v>2.1763400034781242</v>
      </c>
      <c r="H62" s="8">
        <v>2.2340952566408174</v>
      </c>
      <c r="I62" s="8">
        <v>2.151470852568647</v>
      </c>
      <c r="J62" s="8">
        <v>2.0549861212647356</v>
      </c>
      <c r="K62" s="8">
        <v>2.1717201048081507</v>
      </c>
      <c r="L62" s="8">
        <v>1.8728694967681851</v>
      </c>
      <c r="M62" s="8">
        <v>2.1800000000000002</v>
      </c>
      <c r="N62" s="8">
        <v>1.92</v>
      </c>
      <c r="O62" s="8">
        <v>1.7735121112577901</v>
      </c>
      <c r="P62" s="8">
        <v>2.02</v>
      </c>
      <c r="Q62" s="8">
        <v>1.94</v>
      </c>
      <c r="R62" s="8">
        <v>2.0839273835325423</v>
      </c>
      <c r="S62" s="8">
        <v>2.0478156495105648</v>
      </c>
      <c r="T62" s="8">
        <v>2.0499999999999998</v>
      </c>
      <c r="U62" s="8">
        <v>1.97</v>
      </c>
      <c r="V62" s="8">
        <v>2.2000000000000002</v>
      </c>
      <c r="W62" s="8">
        <v>2.11</v>
      </c>
      <c r="X62" s="8">
        <v>2.02</v>
      </c>
      <c r="Y62" s="8">
        <v>1.9721277414390153</v>
      </c>
      <c r="Z62" s="8">
        <v>1.96</v>
      </c>
      <c r="AA62" s="17">
        <v>2.4900000000000002</v>
      </c>
      <c r="AB62" s="17">
        <v>2.79</v>
      </c>
      <c r="AC62" s="17">
        <v>2.8237481120338619</v>
      </c>
      <c r="AD62" s="8">
        <v>3.1989315232183753</v>
      </c>
      <c r="AE62" s="17">
        <v>2.84</v>
      </c>
      <c r="AF62" s="17">
        <v>2.78</v>
      </c>
      <c r="AG62" s="17">
        <v>2.7683031180968967</v>
      </c>
      <c r="AH62" s="17">
        <v>3.3909227910218069</v>
      </c>
      <c r="AI62" s="17">
        <v>2.9780729897048261</v>
      </c>
      <c r="AJ62" s="8">
        <v>2.3755981569300109</v>
      </c>
      <c r="AK62" s="17">
        <v>2.52</v>
      </c>
      <c r="AL62" s="17">
        <v>2.3357568743188373</v>
      </c>
      <c r="AM62" s="17">
        <v>2.4127453025498573</v>
      </c>
      <c r="AN62" s="17">
        <v>2.37</v>
      </c>
      <c r="AO62" s="17">
        <v>1.94</v>
      </c>
      <c r="AP62" s="17">
        <v>2.2382900946132178</v>
      </c>
      <c r="AQ62" s="17">
        <v>2.216867130010165</v>
      </c>
      <c r="AR62" s="17">
        <v>1.8718644831936024</v>
      </c>
      <c r="AS62" s="17">
        <v>1.8689675185444103</v>
      </c>
      <c r="AT62" s="17">
        <v>1.996387339608376</v>
      </c>
      <c r="AU62" s="17">
        <v>1.68</v>
      </c>
      <c r="AV62" s="17">
        <v>1.8648371518185405</v>
      </c>
      <c r="AW62" s="17">
        <v>1.9979991465104392</v>
      </c>
      <c r="AX62" s="17">
        <v>2.02</v>
      </c>
      <c r="AY62" s="17">
        <v>1.84</v>
      </c>
      <c r="AZ62" s="17">
        <v>1.67</v>
      </c>
      <c r="BA62" s="17">
        <v>2.2305416389111246</v>
      </c>
      <c r="BB62" s="17">
        <v>1.8469731429954028</v>
      </c>
      <c r="BC62" s="17">
        <v>1.6228046337692408</v>
      </c>
      <c r="BD62" s="8">
        <v>2.1010479343943222</v>
      </c>
      <c r="BE62" s="8">
        <v>1.85</v>
      </c>
    </row>
    <row r="63" spans="3:57" x14ac:dyDescent="0.2">
      <c r="C63" s="5" t="s">
        <v>66</v>
      </c>
      <c r="D63" s="6" t="s">
        <v>58</v>
      </c>
      <c r="E63" s="17">
        <v>3.6513422882075104</v>
      </c>
      <c r="F63" s="17">
        <v>3.6347175709442294</v>
      </c>
      <c r="G63" s="17">
        <v>3.1961432346435559</v>
      </c>
      <c r="H63" s="8">
        <v>3.7149723977718385</v>
      </c>
      <c r="I63" s="8">
        <v>3.8063445384960271</v>
      </c>
      <c r="J63" s="8">
        <v>3.8142729808899425</v>
      </c>
      <c r="K63" s="8">
        <v>3.8437827228523926</v>
      </c>
      <c r="L63" s="8">
        <v>2.9707126501119481</v>
      </c>
      <c r="M63" s="8">
        <v>3.69</v>
      </c>
      <c r="N63" s="8">
        <v>2.81</v>
      </c>
      <c r="O63" s="8">
        <v>2.903225046371515</v>
      </c>
      <c r="P63" s="8">
        <v>2.8</v>
      </c>
      <c r="Q63" s="8">
        <v>2.2999999999999998</v>
      </c>
      <c r="R63" s="8">
        <v>2.5433990859107611</v>
      </c>
      <c r="S63" s="8">
        <v>2.948549525525896</v>
      </c>
      <c r="T63" s="8">
        <v>2.95</v>
      </c>
      <c r="U63" s="8">
        <v>2.54</v>
      </c>
      <c r="V63" s="8">
        <v>2.81</v>
      </c>
      <c r="W63" s="8">
        <v>2.89</v>
      </c>
      <c r="X63" s="8">
        <v>2.36</v>
      </c>
      <c r="Y63" s="8">
        <v>2.0806548362457811</v>
      </c>
      <c r="Z63" s="8">
        <v>2.77</v>
      </c>
      <c r="AA63" s="17">
        <v>2.63</v>
      </c>
      <c r="AB63" s="17">
        <v>2.64</v>
      </c>
      <c r="AC63" s="17">
        <v>2.6265646567635335</v>
      </c>
      <c r="AD63" s="8">
        <v>2.6131000950994436</v>
      </c>
      <c r="AE63" s="17">
        <v>2.37</v>
      </c>
      <c r="AF63" s="17">
        <v>2.21</v>
      </c>
      <c r="AG63" s="17">
        <v>2.7457643702962362</v>
      </c>
      <c r="AH63" s="17">
        <v>2.581347650592547</v>
      </c>
      <c r="AI63" s="17">
        <v>2.3697271123193611</v>
      </c>
      <c r="AJ63" s="8">
        <v>2.9226600175696991</v>
      </c>
      <c r="AK63" s="17">
        <v>2.96</v>
      </c>
      <c r="AL63" s="17">
        <v>2.085440368607034</v>
      </c>
      <c r="AM63" s="17">
        <v>2.4136398380174935</v>
      </c>
      <c r="AN63" s="17">
        <v>2.41</v>
      </c>
      <c r="AO63" s="17">
        <v>2.39</v>
      </c>
      <c r="AP63" s="17">
        <v>2.7015385703244479</v>
      </c>
      <c r="AQ63" s="17">
        <v>2.3460678182316181</v>
      </c>
      <c r="AR63" s="17">
        <v>2.3222804085338584</v>
      </c>
      <c r="AS63" s="17">
        <v>2.5808392179912398</v>
      </c>
      <c r="AT63" s="17">
        <v>2.8176831255506434</v>
      </c>
      <c r="AU63" s="17">
        <v>2.89</v>
      </c>
      <c r="AV63" s="17">
        <v>2.8377964469063857</v>
      </c>
      <c r="AW63" s="17">
        <v>3.3274531464512629</v>
      </c>
      <c r="AX63" s="17">
        <v>3.75</v>
      </c>
      <c r="AY63" s="17">
        <v>3.07</v>
      </c>
      <c r="AZ63" s="17">
        <v>2.76</v>
      </c>
      <c r="BA63" s="17">
        <v>3.6443322516993653</v>
      </c>
      <c r="BB63" s="17">
        <v>2.9564788051530169</v>
      </c>
      <c r="BC63" s="17">
        <v>4.0561809496720782</v>
      </c>
      <c r="BD63" s="8">
        <v>3.2866863001615809</v>
      </c>
      <c r="BE63" s="8">
        <v>3.15</v>
      </c>
    </row>
    <row r="64" spans="3:57" x14ac:dyDescent="0.2">
      <c r="C64" s="5" t="s">
        <v>67</v>
      </c>
      <c r="D64" s="6" t="s">
        <v>58</v>
      </c>
      <c r="E64" s="17">
        <v>6.4468089742263155</v>
      </c>
      <c r="F64" s="17">
        <v>6.7927414056125643</v>
      </c>
      <c r="G64" s="17">
        <v>6.8271787082720481</v>
      </c>
      <c r="H64" s="8">
        <v>7.9667450011430834</v>
      </c>
      <c r="I64" s="8">
        <v>7.9429904806509901</v>
      </c>
      <c r="J64" s="8">
        <v>6.7971149907141868</v>
      </c>
      <c r="K64" s="8">
        <v>6.0890494407922153</v>
      </c>
      <c r="L64" s="8">
        <v>4.6819073216743616</v>
      </c>
      <c r="M64" s="8">
        <v>4.1100000000000003</v>
      </c>
      <c r="N64" s="8">
        <v>4.75</v>
      </c>
      <c r="O64" s="8">
        <v>5.5916280831005754</v>
      </c>
      <c r="P64" s="8">
        <v>5.57</v>
      </c>
      <c r="Q64" s="8">
        <v>4.57</v>
      </c>
      <c r="R64" s="8">
        <v>4.9147261831989466</v>
      </c>
      <c r="S64" s="8">
        <v>5.5510136250496069</v>
      </c>
      <c r="T64" s="8">
        <v>5.55</v>
      </c>
      <c r="U64" s="8">
        <v>5.42</v>
      </c>
      <c r="V64" s="8">
        <v>4.97</v>
      </c>
      <c r="W64" s="8">
        <v>5.51</v>
      </c>
      <c r="X64" s="8">
        <v>6.34</v>
      </c>
      <c r="Y64" s="8">
        <v>5.990172780398864</v>
      </c>
      <c r="Z64" s="8">
        <v>5.26</v>
      </c>
      <c r="AA64" s="17">
        <v>5.21</v>
      </c>
      <c r="AB64" s="17">
        <v>4.88</v>
      </c>
      <c r="AC64" s="17">
        <v>5.4586314790818156</v>
      </c>
      <c r="AD64" s="8">
        <v>4.6365658918716539</v>
      </c>
      <c r="AE64" s="17">
        <v>4.9400000000000004</v>
      </c>
      <c r="AF64" s="17">
        <v>4.8099999999999996</v>
      </c>
      <c r="AG64" s="17">
        <v>5.0789850202419089</v>
      </c>
      <c r="AH64" s="17">
        <v>5.9072822198023509</v>
      </c>
      <c r="AI64" s="17">
        <v>5.2103014600513378</v>
      </c>
      <c r="AJ64" s="8">
        <v>5.7498933446417722</v>
      </c>
      <c r="AK64" s="17">
        <v>5.39</v>
      </c>
      <c r="AL64" s="17">
        <v>4.9571002393778514</v>
      </c>
      <c r="AM64" s="17">
        <v>5.0685284700004205</v>
      </c>
      <c r="AN64" s="17">
        <v>7.69</v>
      </c>
      <c r="AO64" s="17">
        <v>8.17</v>
      </c>
      <c r="AP64" s="17">
        <v>7.6860088462868577</v>
      </c>
      <c r="AQ64" s="17">
        <v>6.2427711161712658</v>
      </c>
      <c r="AR64" s="17">
        <v>5.1327536490643544</v>
      </c>
      <c r="AS64" s="17">
        <v>5.4779702799625039</v>
      </c>
      <c r="AT64" s="17">
        <v>5.5544406507463169</v>
      </c>
      <c r="AU64" s="17">
        <v>5.18</v>
      </c>
      <c r="AV64" s="17">
        <v>5.801162630774984</v>
      </c>
      <c r="AW64" s="17">
        <v>6.9957845671490189</v>
      </c>
      <c r="AX64" s="17">
        <v>7.35</v>
      </c>
      <c r="AY64" s="17">
        <v>7.47</v>
      </c>
      <c r="AZ64" s="17">
        <v>6.6</v>
      </c>
      <c r="BA64" s="17">
        <v>7.6491933805764569</v>
      </c>
      <c r="BB64" s="17">
        <v>6.8255911703924692</v>
      </c>
      <c r="BC64" s="17">
        <v>6.1425260244230611</v>
      </c>
      <c r="BD64" s="8">
        <v>5.6142344755290114</v>
      </c>
      <c r="BE64" s="8">
        <v>5.8</v>
      </c>
    </row>
    <row r="65" spans="3:57" x14ac:dyDescent="0.2">
      <c r="C65" s="5" t="s">
        <v>68</v>
      </c>
      <c r="D65" s="6" t="s">
        <v>58</v>
      </c>
      <c r="E65" s="17">
        <v>2.9287749070454758</v>
      </c>
      <c r="F65" s="17">
        <v>3.4120777200106254</v>
      </c>
      <c r="G65" s="17">
        <v>3.049180795033374</v>
      </c>
      <c r="H65" s="8">
        <v>3.3705454853802341</v>
      </c>
      <c r="I65" s="8">
        <v>3.4386118545623048</v>
      </c>
      <c r="J65" s="8">
        <v>3.4601480321744247</v>
      </c>
      <c r="K65" s="8">
        <v>3.7566065986903845</v>
      </c>
      <c r="L65" s="8">
        <v>2.576880322725235</v>
      </c>
      <c r="M65" s="8">
        <v>2.57</v>
      </c>
      <c r="N65" s="8">
        <v>2.66</v>
      </c>
      <c r="O65" s="8">
        <v>2.7791963135687316</v>
      </c>
      <c r="P65" s="8">
        <v>2.69</v>
      </c>
      <c r="Q65" s="8">
        <v>2.62</v>
      </c>
      <c r="R65" s="8">
        <v>2.8377123929455998</v>
      </c>
      <c r="S65" s="8">
        <v>2.6407695656314196</v>
      </c>
      <c r="T65" s="8">
        <v>2.64</v>
      </c>
      <c r="U65" s="8">
        <v>2.79</v>
      </c>
      <c r="V65" s="8">
        <v>2.74</v>
      </c>
      <c r="W65" s="8">
        <v>2.75</v>
      </c>
      <c r="X65" s="8">
        <v>2.57</v>
      </c>
      <c r="Y65" s="8">
        <v>2.5077672984087251</v>
      </c>
      <c r="Z65" s="8">
        <v>2.35</v>
      </c>
      <c r="AA65" s="17">
        <v>2.2400000000000002</v>
      </c>
      <c r="AB65" s="17">
        <v>2.42</v>
      </c>
      <c r="AC65" s="17">
        <v>2.2647468809197204</v>
      </c>
      <c r="AD65" s="8">
        <v>2.155907606113399</v>
      </c>
      <c r="AE65" s="17">
        <v>2.25</v>
      </c>
      <c r="AF65" s="17">
        <v>2.2999999999999998</v>
      </c>
      <c r="AG65" s="17">
        <v>2.3415293505573449</v>
      </c>
      <c r="AH65" s="17">
        <v>2.3878095905805692</v>
      </c>
      <c r="AI65" s="17">
        <v>2.0344908919469233</v>
      </c>
      <c r="AJ65" s="8">
        <v>2.5310868257250063</v>
      </c>
      <c r="AK65" s="17">
        <v>2.39</v>
      </c>
      <c r="AL65" s="17">
        <v>2.4250593146872292</v>
      </c>
      <c r="AM65" s="17">
        <v>2.3049666091631655</v>
      </c>
      <c r="AN65" s="17">
        <v>2.25</v>
      </c>
      <c r="AO65" s="17">
        <v>2.41</v>
      </c>
      <c r="AP65" s="17">
        <v>2.3707403251800323</v>
      </c>
      <c r="AQ65" s="17">
        <v>2.2110833456261987</v>
      </c>
      <c r="AR65" s="17">
        <v>2.1058147274840078</v>
      </c>
      <c r="AS65" s="17">
        <v>2.1914344190755481</v>
      </c>
      <c r="AT65" s="17">
        <v>2.6113973650751898</v>
      </c>
      <c r="AU65" s="17">
        <v>2.2999999999999998</v>
      </c>
      <c r="AV65" s="17">
        <v>2.31794708994709</v>
      </c>
      <c r="AW65" s="17">
        <v>2.6567363255512069</v>
      </c>
      <c r="AX65" s="17">
        <v>2.77</v>
      </c>
      <c r="AY65" s="17">
        <v>2.5</v>
      </c>
      <c r="AZ65" s="17">
        <v>2.58</v>
      </c>
      <c r="BA65" s="17">
        <v>2.7334952519112505</v>
      </c>
      <c r="BB65" s="17">
        <v>2.9559727933073434</v>
      </c>
      <c r="BC65" s="17">
        <v>3.0783956243281985</v>
      </c>
      <c r="BD65" s="8">
        <v>3.2875979695855619</v>
      </c>
      <c r="BE65" s="8">
        <v>3.66</v>
      </c>
    </row>
    <row r="66" spans="3:57" x14ac:dyDescent="0.2">
      <c r="C66" s="5" t="s">
        <v>69</v>
      </c>
      <c r="D66" s="6" t="s">
        <v>58</v>
      </c>
      <c r="E66" s="17">
        <v>2.4449182095200377</v>
      </c>
      <c r="F66" s="17">
        <v>2.4048538625976703</v>
      </c>
      <c r="G66" s="17">
        <v>2.6743183214687152</v>
      </c>
      <c r="H66" s="8">
        <v>3.1624940791101577</v>
      </c>
      <c r="I66" s="8">
        <v>4.57</v>
      </c>
      <c r="J66" s="8">
        <v>4.3078400753749442</v>
      </c>
      <c r="K66" s="8">
        <v>2.6349554816511565</v>
      </c>
      <c r="L66" s="8">
        <v>1.6215477999678174</v>
      </c>
      <c r="M66" s="8">
        <v>1.77</v>
      </c>
      <c r="N66" s="8">
        <v>1.98</v>
      </c>
      <c r="O66" s="8">
        <v>1.9017091458646966</v>
      </c>
      <c r="P66" s="8">
        <v>1.54</v>
      </c>
      <c r="Q66" s="8">
        <v>1.42</v>
      </c>
      <c r="R66" s="8">
        <v>1.4178823979481874</v>
      </c>
      <c r="S66" s="8">
        <v>1.2545200836571835</v>
      </c>
      <c r="T66" s="8">
        <v>1.25</v>
      </c>
      <c r="U66" s="8">
        <v>1.38</v>
      </c>
      <c r="V66" s="8">
        <v>1.23</v>
      </c>
      <c r="W66" s="8">
        <v>1.37</v>
      </c>
      <c r="X66" s="8">
        <v>1.34</v>
      </c>
      <c r="Y66" s="8">
        <v>1.2530180816680967</v>
      </c>
      <c r="Z66" s="8">
        <v>1.27</v>
      </c>
      <c r="AA66" s="17">
        <v>1.1100000000000001</v>
      </c>
      <c r="AB66" s="17">
        <v>1.41</v>
      </c>
      <c r="AC66" s="17">
        <v>1.3107569446796021</v>
      </c>
      <c r="AD66" s="8">
        <v>1.2904891221930592</v>
      </c>
      <c r="AE66" s="17">
        <v>1.22</v>
      </c>
      <c r="AF66" s="17">
        <v>1.28</v>
      </c>
      <c r="AG66" s="17">
        <v>1.3243259801881295</v>
      </c>
      <c r="AH66" s="17">
        <v>1.6550146763573341</v>
      </c>
      <c r="AI66" s="17">
        <v>1.5784255957828459</v>
      </c>
      <c r="AJ66" s="8">
        <v>1.602819174981337</v>
      </c>
      <c r="AK66" s="17">
        <v>1.48</v>
      </c>
      <c r="AL66" s="17">
        <v>1.4718546816591183</v>
      </c>
      <c r="AM66" s="17">
        <v>1.5689798139935855</v>
      </c>
      <c r="AN66" s="17">
        <v>1.47</v>
      </c>
      <c r="AO66" s="17">
        <v>1.42</v>
      </c>
      <c r="AP66" s="17">
        <v>1.8957610649773136</v>
      </c>
      <c r="AQ66" s="17">
        <v>1.6623481831296776</v>
      </c>
      <c r="AR66" s="17">
        <v>1.6301466591032641</v>
      </c>
      <c r="AS66" s="17">
        <v>1.6717748443306983</v>
      </c>
      <c r="AT66" s="17">
        <v>1.660403434280362</v>
      </c>
      <c r="AU66" s="17">
        <v>1.7</v>
      </c>
      <c r="AV66" s="17">
        <v>1.8199466074749537</v>
      </c>
      <c r="AW66" s="17">
        <v>2.1290510168956716</v>
      </c>
      <c r="AX66" s="17">
        <v>2.52</v>
      </c>
      <c r="AY66" s="17">
        <v>2.21</v>
      </c>
      <c r="AZ66" s="17">
        <v>1.94</v>
      </c>
      <c r="BA66" s="17">
        <v>2.2588098002116537</v>
      </c>
      <c r="BB66" s="17">
        <v>2.2977342651290589</v>
      </c>
      <c r="BC66" s="17">
        <v>2.7630540942506268</v>
      </c>
      <c r="BD66" s="8">
        <v>2.238527676637323</v>
      </c>
      <c r="BE66" s="8">
        <v>2.48</v>
      </c>
    </row>
    <row r="67" spans="3:57" x14ac:dyDescent="0.2">
      <c r="C67" s="5" t="s">
        <v>70</v>
      </c>
      <c r="D67" s="6" t="s">
        <v>58</v>
      </c>
      <c r="E67" s="17">
        <v>2.5222125235448156</v>
      </c>
      <c r="F67" s="17">
        <v>2.414065639651708</v>
      </c>
      <c r="G67" s="17">
        <v>2.1709266977557564</v>
      </c>
      <c r="H67" s="8">
        <v>2.3562729896508832</v>
      </c>
      <c r="I67" s="8">
        <v>2.3932540926908001</v>
      </c>
      <c r="J67" s="8">
        <v>1.790792325676047</v>
      </c>
      <c r="K67" s="8">
        <v>1.8729352803317108</v>
      </c>
      <c r="L67" s="8">
        <v>1.6911041707676575</v>
      </c>
      <c r="M67" s="8">
        <v>1.5</v>
      </c>
      <c r="N67" s="8">
        <v>1.0900000000000001</v>
      </c>
      <c r="O67" s="8">
        <v>1.137635514586534</v>
      </c>
      <c r="P67" s="8">
        <v>1.1599999999999999</v>
      </c>
      <c r="Q67" s="8">
        <v>1.17</v>
      </c>
      <c r="R67" s="8">
        <v>1.2914049795002176</v>
      </c>
      <c r="S67" s="8">
        <v>1.388991537164197</v>
      </c>
      <c r="T67" s="8">
        <v>1.39</v>
      </c>
      <c r="U67" s="8">
        <v>1.29</v>
      </c>
      <c r="V67" s="8">
        <v>1.35</v>
      </c>
      <c r="W67" s="8">
        <v>1.77</v>
      </c>
      <c r="X67" s="8">
        <v>1.87</v>
      </c>
      <c r="Y67" s="8">
        <v>2.0021635849818327</v>
      </c>
      <c r="Z67" s="8">
        <v>2.34</v>
      </c>
      <c r="AA67" s="17">
        <v>2.11</v>
      </c>
      <c r="AB67" s="17">
        <v>2.39</v>
      </c>
      <c r="AC67" s="17">
        <v>2.3082493882868858</v>
      </c>
      <c r="AD67" s="8">
        <v>2.5244653686562399</v>
      </c>
      <c r="AE67" s="17">
        <v>2.88</v>
      </c>
      <c r="AF67" s="17">
        <v>2.89</v>
      </c>
      <c r="AG67" s="17">
        <v>2.3188146476451466</v>
      </c>
      <c r="AH67" s="17">
        <v>2.6401923699983803</v>
      </c>
      <c r="AI67" s="17">
        <v>2.3909437372308662</v>
      </c>
      <c r="AJ67" s="8">
        <v>2.3992084244556433</v>
      </c>
      <c r="AK67" s="17">
        <v>2.34</v>
      </c>
      <c r="AL67" s="17">
        <v>2.4570051817539453</v>
      </c>
      <c r="AM67" s="17">
        <v>2.2402791238612139</v>
      </c>
      <c r="AN67" s="17">
        <v>2.0299999999999998</v>
      </c>
      <c r="AO67" s="17">
        <v>2.41</v>
      </c>
      <c r="AP67" s="17">
        <v>2.5241616227711434</v>
      </c>
      <c r="AQ67" s="17">
        <v>2.6450554125153922</v>
      </c>
      <c r="AR67" s="17">
        <v>2.1311094339622643</v>
      </c>
      <c r="AS67" s="17">
        <v>2.2817309544911564</v>
      </c>
      <c r="AT67" s="17">
        <v>2.3550711011869785</v>
      </c>
      <c r="AU67" s="17">
        <v>2.5</v>
      </c>
      <c r="AV67" s="17">
        <v>2.1240459273915522</v>
      </c>
      <c r="AW67" s="17">
        <v>2.1108752401122985</v>
      </c>
      <c r="AX67" s="17">
        <v>2.4700000000000002</v>
      </c>
      <c r="AY67" s="17">
        <v>2.13</v>
      </c>
      <c r="AZ67" s="17">
        <v>2.82</v>
      </c>
      <c r="BA67" s="17">
        <v>2.5379765294076799</v>
      </c>
      <c r="BB67" s="17">
        <v>2.6826824082363476</v>
      </c>
      <c r="BC67" s="17">
        <v>2.9703674147963426</v>
      </c>
      <c r="BD67" s="8">
        <v>2.5407030198359282</v>
      </c>
      <c r="BE67" s="8">
        <v>2.77</v>
      </c>
    </row>
    <row r="68" spans="3:57" x14ac:dyDescent="0.2">
      <c r="C68" s="5" t="s">
        <v>101</v>
      </c>
      <c r="D68" s="6" t="s">
        <v>58</v>
      </c>
      <c r="E68" s="17"/>
      <c r="F68" s="17"/>
      <c r="G68" s="17"/>
      <c r="H68" s="8">
        <v>6.6174365253617076</v>
      </c>
      <c r="I68" s="8">
        <v>7.3185604526813055</v>
      </c>
      <c r="J68" s="8">
        <v>6.9242873061565611</v>
      </c>
      <c r="K68" s="8">
        <v>6.6856137235402757</v>
      </c>
      <c r="L68" s="8">
        <v>6.6149701174405493</v>
      </c>
      <c r="M68" s="8">
        <v>6.04</v>
      </c>
      <c r="N68" s="8">
        <v>6.94</v>
      </c>
      <c r="O68" s="8">
        <v>6.7137272925560092</v>
      </c>
      <c r="P68" s="8">
        <v>6.52</v>
      </c>
      <c r="Q68" s="8">
        <v>6.34</v>
      </c>
      <c r="R68" s="8">
        <v>6.0209153799113277</v>
      </c>
      <c r="S68" s="8">
        <v>7.2297778139497026</v>
      </c>
      <c r="T68" s="8">
        <v>7.23</v>
      </c>
      <c r="U68" s="8">
        <v>7.55</v>
      </c>
      <c r="V68" s="8">
        <v>7.51</v>
      </c>
      <c r="W68" s="8">
        <v>8.17</v>
      </c>
      <c r="X68" s="8">
        <v>7.47</v>
      </c>
      <c r="Y68" s="8">
        <v>6.9714866209641748</v>
      </c>
      <c r="Z68" s="8">
        <v>7.09</v>
      </c>
      <c r="AA68" s="17">
        <v>7.5</v>
      </c>
      <c r="AB68" s="17">
        <v>7.75</v>
      </c>
      <c r="AC68" s="17">
        <v>7.5324529450437065</v>
      </c>
      <c r="AD68" s="8">
        <v>6.6696636627487447</v>
      </c>
      <c r="AE68" s="17">
        <v>5.35</v>
      </c>
      <c r="AF68" s="17">
        <v>5.56</v>
      </c>
      <c r="AG68" s="17">
        <v>5.0014628149279208</v>
      </c>
      <c r="AH68" s="17">
        <v>5.3980928141287032</v>
      </c>
      <c r="AI68" s="17">
        <v>5.6945475352651389</v>
      </c>
      <c r="AJ68" s="8">
        <v>5.7816233658626413</v>
      </c>
      <c r="AK68" s="17">
        <v>7.08</v>
      </c>
      <c r="AL68" s="17">
        <v>7.1500852034081372</v>
      </c>
      <c r="AM68" s="17">
        <v>7.257036725765599</v>
      </c>
      <c r="AN68" s="17">
        <v>7.22</v>
      </c>
      <c r="AO68" s="17">
        <v>8.0399999999999991</v>
      </c>
      <c r="AP68" s="17">
        <v>7.7911498914657829</v>
      </c>
      <c r="AQ68" s="17">
        <v>6.6634869269355876</v>
      </c>
      <c r="AR68" s="17">
        <v>5.8704955294827785</v>
      </c>
      <c r="AS68" s="17">
        <v>5.2377534937594037</v>
      </c>
      <c r="AT68" s="17">
        <v>5.092459115687463</v>
      </c>
      <c r="AU68" s="17">
        <v>5.68</v>
      </c>
      <c r="AV68" s="17">
        <v>5.9264784778064294</v>
      </c>
      <c r="AW68" s="17">
        <v>5.9555272742153287</v>
      </c>
      <c r="AX68" s="17">
        <v>6.42</v>
      </c>
      <c r="AY68" s="17">
        <v>6.47</v>
      </c>
      <c r="AZ68" s="17">
        <v>6.09</v>
      </c>
      <c r="BA68" s="17">
        <v>5.8534184344775051</v>
      </c>
      <c r="BB68" s="17">
        <v>6.1684316434406536</v>
      </c>
      <c r="BC68" s="17">
        <v>6.4911536962063288</v>
      </c>
      <c r="BD68" s="8">
        <v>6.2681097795891878</v>
      </c>
      <c r="BE68" s="8">
        <v>5.66</v>
      </c>
    </row>
    <row r="69" spans="3:57" x14ac:dyDescent="0.2">
      <c r="C69" s="5" t="s">
        <v>71</v>
      </c>
      <c r="D69" s="6" t="s">
        <v>58</v>
      </c>
      <c r="E69" s="17">
        <v>2.7631993057564364</v>
      </c>
      <c r="F69" s="17">
        <v>2.7687437320119872</v>
      </c>
      <c r="G69" s="17">
        <v>2.8835746303045537</v>
      </c>
      <c r="H69" s="8">
        <v>2.6519744310038411</v>
      </c>
      <c r="I69" s="8">
        <v>2.7116719495131218</v>
      </c>
      <c r="J69" s="8">
        <v>2.7989949139097572</v>
      </c>
      <c r="K69" s="8">
        <v>2.8616145286018377</v>
      </c>
      <c r="L69" s="8">
        <v>2.783812951343672</v>
      </c>
      <c r="M69" s="8">
        <v>2.77</v>
      </c>
      <c r="N69" s="8">
        <v>2.71</v>
      </c>
      <c r="O69" s="8">
        <v>2.7614496569331419</v>
      </c>
      <c r="P69" s="8">
        <v>2.68</v>
      </c>
      <c r="Q69" s="8">
        <v>2.72</v>
      </c>
      <c r="R69" s="8">
        <v>2.8484748666807849</v>
      </c>
      <c r="S69" s="8">
        <v>2.8326173191599686</v>
      </c>
      <c r="T69" s="8">
        <v>2.83</v>
      </c>
      <c r="U69" s="8">
        <v>2.75</v>
      </c>
      <c r="V69" s="8">
        <v>2.68</v>
      </c>
      <c r="W69" s="8">
        <v>2.81</v>
      </c>
      <c r="X69" s="8">
        <v>2.78</v>
      </c>
      <c r="Y69" s="8">
        <v>2.8148010357290567</v>
      </c>
      <c r="Z69" s="8">
        <v>2.71</v>
      </c>
      <c r="AA69" s="17">
        <v>2.72</v>
      </c>
      <c r="AB69" s="17">
        <v>2.71</v>
      </c>
      <c r="AC69" s="17">
        <v>2.7281072291992041</v>
      </c>
      <c r="AD69" s="8">
        <v>2.7352930578449035</v>
      </c>
      <c r="AE69" s="17">
        <v>2.71</v>
      </c>
      <c r="AF69" s="17">
        <v>2.72</v>
      </c>
      <c r="AG69" s="17">
        <v>2.6943385070214338</v>
      </c>
      <c r="AH69" s="17">
        <v>2.8124778156996584</v>
      </c>
      <c r="AI69" s="17">
        <v>2.6763331329580851</v>
      </c>
      <c r="AJ69" s="8">
        <v>2.8570504851764076</v>
      </c>
      <c r="AK69" s="17">
        <v>2.82</v>
      </c>
      <c r="AL69" s="17">
        <v>2.5736113286757107</v>
      </c>
      <c r="AM69" s="17">
        <v>2.5711113922449242</v>
      </c>
      <c r="AN69" s="17">
        <v>2.58</v>
      </c>
      <c r="AO69" s="17">
        <v>2.5099999999999998</v>
      </c>
      <c r="AP69" s="17">
        <v>2.5519725031743947</v>
      </c>
      <c r="AQ69" s="17">
        <v>2.5660450941398278</v>
      </c>
      <c r="AR69" s="17">
        <v>2.5326895987640299</v>
      </c>
      <c r="AS69" s="17">
        <v>2.5369466131143099</v>
      </c>
      <c r="AT69" s="17">
        <v>2.5795043572984748</v>
      </c>
      <c r="AU69" s="17">
        <v>2.5299999999999998</v>
      </c>
      <c r="AV69" s="17">
        <v>2.5504609313875561</v>
      </c>
      <c r="AW69" s="17">
        <v>2.5476118050611611</v>
      </c>
      <c r="AX69" s="17">
        <v>2.54</v>
      </c>
      <c r="AY69" s="17">
        <v>2.5299999999999998</v>
      </c>
      <c r="AZ69" s="17">
        <v>2.56</v>
      </c>
      <c r="BA69" s="17">
        <v>2.5943813822027719</v>
      </c>
      <c r="BB69" s="17">
        <v>2.6086455986606869</v>
      </c>
      <c r="BC69" s="17">
        <v>2.5963750604156597</v>
      </c>
      <c r="BD69" s="8">
        <v>2.5687548298641407</v>
      </c>
      <c r="BE69" s="8">
        <v>2.56</v>
      </c>
    </row>
    <row r="70" spans="3:57" x14ac:dyDescent="0.2">
      <c r="C70" s="5" t="s">
        <v>102</v>
      </c>
      <c r="D70" s="6" t="s">
        <v>58</v>
      </c>
      <c r="E70" s="17">
        <v>3.72</v>
      </c>
      <c r="F70" s="17">
        <v>3.7264946200214077</v>
      </c>
      <c r="G70" s="17">
        <v>3.8313950459394883</v>
      </c>
      <c r="H70" s="8">
        <v>4.0087321825160043</v>
      </c>
      <c r="I70" s="8">
        <v>3.9140243676514177</v>
      </c>
      <c r="J70" s="8">
        <v>3.961277808599168</v>
      </c>
      <c r="K70" s="8">
        <v>3.9731634970415115</v>
      </c>
      <c r="L70" s="8">
        <v>4.0501049343324134</v>
      </c>
      <c r="M70" s="8">
        <v>4.07</v>
      </c>
      <c r="N70" s="8">
        <v>4.1100000000000003</v>
      </c>
      <c r="O70" s="8">
        <v>4.1495353899527236</v>
      </c>
      <c r="P70" s="8">
        <v>4.1399999999999997</v>
      </c>
      <c r="Q70" s="8">
        <v>4.08</v>
      </c>
      <c r="R70" s="8">
        <v>4.0240472057232273</v>
      </c>
      <c r="S70" s="8">
        <v>3.7777059498666223</v>
      </c>
      <c r="T70" s="8">
        <v>3.78</v>
      </c>
      <c r="U70" s="8">
        <v>4.0599999999999996</v>
      </c>
      <c r="V70" s="8">
        <v>4.5999999999999996</v>
      </c>
      <c r="W70" s="8">
        <v>4.8600000000000003</v>
      </c>
      <c r="X70" s="8">
        <v>4.91</v>
      </c>
      <c r="Y70" s="8">
        <v>5.2788928732036364</v>
      </c>
      <c r="Z70" s="8">
        <v>5.33</v>
      </c>
      <c r="AA70" s="17">
        <v>5.14</v>
      </c>
      <c r="AB70" s="17">
        <v>5.07</v>
      </c>
      <c r="AC70" s="17">
        <v>5.0013514506059487</v>
      </c>
      <c r="AD70" s="8">
        <v>4.9858760178403374</v>
      </c>
      <c r="AE70" s="17">
        <v>5.04</v>
      </c>
      <c r="AF70" s="17">
        <v>5</v>
      </c>
      <c r="AG70" s="17">
        <v>4.9360286712174668</v>
      </c>
      <c r="AH70" s="17">
        <v>4.8528352538683626</v>
      </c>
      <c r="AI70" s="17">
        <v>4.6820382275185377</v>
      </c>
      <c r="AJ70" s="8">
        <v>4.5877691092294963</v>
      </c>
      <c r="AK70" s="17">
        <v>4.34</v>
      </c>
      <c r="AL70" s="17">
        <v>4.4018487463939771</v>
      </c>
      <c r="AM70" s="17">
        <v>4.3935649294638139</v>
      </c>
      <c r="AN70" s="17">
        <v>4.2699999999999996</v>
      </c>
      <c r="AO70" s="17">
        <v>4.2699999999999996</v>
      </c>
      <c r="AP70" s="17">
        <v>4.2641423130997396</v>
      </c>
      <c r="AQ70" s="17">
        <v>4.2965259221649426</v>
      </c>
      <c r="AR70" s="17">
        <v>4.3325794107965772</v>
      </c>
      <c r="AS70" s="17">
        <v>4.381486432561851</v>
      </c>
      <c r="AT70" s="17">
        <v>4.4486202054187203</v>
      </c>
      <c r="AU70" s="17">
        <v>4.43</v>
      </c>
      <c r="AV70" s="17">
        <v>4.442811392937605</v>
      </c>
      <c r="AW70" s="17">
        <v>4.3820748917388777</v>
      </c>
      <c r="AX70" s="17">
        <v>4.29</v>
      </c>
      <c r="AY70" s="17">
        <v>4.32</v>
      </c>
      <c r="AZ70" s="17">
        <v>4.3</v>
      </c>
      <c r="BA70" s="17">
        <v>4.2459239426762476</v>
      </c>
      <c r="BB70" s="17">
        <v>4.3355571310523997</v>
      </c>
      <c r="BC70" s="17">
        <v>4.3463658070678122</v>
      </c>
      <c r="BD70" s="8">
        <v>4.3185472510767662</v>
      </c>
      <c r="BE70" s="8">
        <v>4.32</v>
      </c>
    </row>
    <row r="71" spans="3:57" x14ac:dyDescent="0.2">
      <c r="C71" s="5" t="s">
        <v>72</v>
      </c>
      <c r="D71" s="6" t="s">
        <v>58</v>
      </c>
      <c r="E71" s="17">
        <v>3.1565862322217986</v>
      </c>
      <c r="F71" s="17">
        <v>3.3565543595263723</v>
      </c>
      <c r="G71" s="17">
        <v>3.3413309452674058</v>
      </c>
      <c r="H71" s="8">
        <v>3.2710830550152314</v>
      </c>
      <c r="I71" s="8">
        <v>3.5749839503220806</v>
      </c>
      <c r="J71" s="8">
        <v>3.4180516914548171</v>
      </c>
      <c r="K71" s="8">
        <v>3.7969282068231061</v>
      </c>
      <c r="L71" s="8">
        <v>3.6872096679751039</v>
      </c>
      <c r="M71" s="8">
        <v>3.73</v>
      </c>
      <c r="N71" s="8">
        <v>4</v>
      </c>
      <c r="O71" s="8">
        <v>4.195576455539312</v>
      </c>
      <c r="P71" s="8">
        <v>4.22</v>
      </c>
      <c r="Q71" s="8">
        <v>4.2</v>
      </c>
      <c r="R71" s="8">
        <v>4.2049986528051395</v>
      </c>
      <c r="S71" s="8">
        <v>4.3724126077701646</v>
      </c>
      <c r="T71" s="8">
        <v>4.37</v>
      </c>
      <c r="U71" s="8">
        <v>4.96</v>
      </c>
      <c r="V71" s="8">
        <v>4.62</v>
      </c>
      <c r="W71" s="8">
        <v>4.6500000000000004</v>
      </c>
      <c r="X71" s="8">
        <v>4.93</v>
      </c>
      <c r="Y71" s="8">
        <v>5.1322798317640235</v>
      </c>
      <c r="Z71" s="8">
        <v>5.5</v>
      </c>
      <c r="AA71" s="17">
        <v>5.59</v>
      </c>
      <c r="AB71" s="17">
        <v>4.67</v>
      </c>
      <c r="AC71" s="17">
        <v>4.8042655447435667</v>
      </c>
      <c r="AD71" s="8">
        <v>5.3154678829526398</v>
      </c>
      <c r="AE71" s="17">
        <v>5.37</v>
      </c>
      <c r="AF71" s="17">
        <v>5.26</v>
      </c>
      <c r="AG71" s="17">
        <v>5.3909250730451141</v>
      </c>
      <c r="AH71" s="17">
        <v>5.8125072835655915</v>
      </c>
      <c r="AI71" s="17">
        <v>5.561363232897051</v>
      </c>
      <c r="AJ71" s="8">
        <v>5.2448507778171578</v>
      </c>
      <c r="AK71" s="17">
        <v>4.8</v>
      </c>
      <c r="AL71" s="17">
        <v>4.8306978534988936</v>
      </c>
      <c r="AM71" s="17">
        <v>4.5918028617842301</v>
      </c>
      <c r="AN71" s="17">
        <v>4.5599999999999996</v>
      </c>
      <c r="AO71" s="17">
        <v>4.6399999999999997</v>
      </c>
      <c r="AP71" s="17">
        <v>4.796739823912211</v>
      </c>
      <c r="AQ71" s="17">
        <v>4.5211117869365642</v>
      </c>
      <c r="AR71" s="17">
        <v>4.0221490425123632</v>
      </c>
      <c r="AS71" s="17">
        <v>4.0769221380882845</v>
      </c>
      <c r="AT71" s="17">
        <v>4.1267630793757988</v>
      </c>
      <c r="AU71" s="17">
        <v>4.12</v>
      </c>
      <c r="AV71" s="17">
        <v>3.9364702137405767</v>
      </c>
      <c r="AW71" s="17">
        <v>3.9169426085854848</v>
      </c>
      <c r="AX71" s="17">
        <v>3.89</v>
      </c>
      <c r="AY71" s="17">
        <v>3.99</v>
      </c>
      <c r="AZ71" s="17">
        <v>3.92</v>
      </c>
      <c r="BA71" s="17">
        <v>3.9703321620122067</v>
      </c>
      <c r="BB71" s="17">
        <v>4.065446154531732</v>
      </c>
      <c r="BC71" s="17">
        <v>4.0780342359014323</v>
      </c>
      <c r="BD71" s="8">
        <v>4.1932926361973006</v>
      </c>
      <c r="BE71" s="8">
        <v>4.25</v>
      </c>
    </row>
    <row r="72" spans="3:57" x14ac:dyDescent="0.2">
      <c r="C72" s="5" t="s">
        <v>73</v>
      </c>
      <c r="D72" s="6" t="s">
        <v>58</v>
      </c>
      <c r="E72" s="17">
        <v>5.2362286825278437</v>
      </c>
      <c r="F72" s="17">
        <v>4.6976107044036723</v>
      </c>
      <c r="G72" s="17">
        <v>3.996327017599492</v>
      </c>
      <c r="H72" s="8">
        <v>3.8267427950380393</v>
      </c>
      <c r="I72" s="8">
        <v>4.5470701968576197</v>
      </c>
      <c r="J72" s="8">
        <v>5.5242636390996172</v>
      </c>
      <c r="K72" s="8">
        <v>4.3489799017358211</v>
      </c>
      <c r="L72" s="8">
        <v>4.0149608999506379</v>
      </c>
      <c r="M72" s="8">
        <v>4.18</v>
      </c>
      <c r="N72" s="8">
        <v>4.34</v>
      </c>
      <c r="O72" s="8">
        <v>4.3725058309351752</v>
      </c>
      <c r="P72" s="8">
        <v>3.94</v>
      </c>
      <c r="Q72" s="8">
        <v>4.03</v>
      </c>
      <c r="R72" s="8">
        <v>4.5394811966369035</v>
      </c>
      <c r="S72" s="8">
        <v>5.4635893063640459</v>
      </c>
      <c r="T72" s="8">
        <v>5.46</v>
      </c>
      <c r="U72" s="8">
        <v>5.43</v>
      </c>
      <c r="V72" s="8">
        <v>4.87</v>
      </c>
      <c r="W72" s="8">
        <v>6.39</v>
      </c>
      <c r="X72" s="8">
        <v>5.34</v>
      </c>
      <c r="Y72" s="8">
        <v>5.8358495594959292</v>
      </c>
      <c r="Z72" s="8">
        <v>5.38</v>
      </c>
      <c r="AA72" s="17">
        <v>5.33</v>
      </c>
      <c r="AB72" s="17">
        <v>3.96</v>
      </c>
      <c r="AC72" s="17">
        <v>4.9188334632372053</v>
      </c>
      <c r="AD72" s="8">
        <v>5.469225592160897</v>
      </c>
      <c r="AE72" s="17">
        <v>4.9000000000000004</v>
      </c>
      <c r="AF72" s="17">
        <v>4.22</v>
      </c>
      <c r="AG72" s="17">
        <v>4.3257426796321399</v>
      </c>
      <c r="AH72" s="17">
        <v>4.4467859529218616</v>
      </c>
      <c r="AI72" s="17">
        <v>6.4651384211722416</v>
      </c>
      <c r="AJ72" s="8">
        <v>6.2188303110874772</v>
      </c>
      <c r="AK72" s="17">
        <v>6.15</v>
      </c>
      <c r="AL72" s="17">
        <v>5.0499332165746065</v>
      </c>
      <c r="AM72" s="17">
        <v>4.2607389744925568</v>
      </c>
      <c r="AN72" s="17">
        <v>4.83</v>
      </c>
      <c r="AO72" s="17">
        <v>5.15</v>
      </c>
      <c r="AP72" s="17">
        <v>5.5766314451589283</v>
      </c>
      <c r="AQ72" s="17">
        <v>4.8453837106733308</v>
      </c>
      <c r="AR72" s="17">
        <v>4.867298357890105</v>
      </c>
      <c r="AS72" s="17">
        <v>5.2564762024758247</v>
      </c>
      <c r="AT72" s="17">
        <v>5.3058697936461803</v>
      </c>
      <c r="AU72" s="17">
        <v>5.3</v>
      </c>
      <c r="AV72" s="17">
        <v>5.0898436307415311</v>
      </c>
      <c r="AW72" s="17">
        <v>4.7188404748816177</v>
      </c>
      <c r="AX72" s="17">
        <v>4.88</v>
      </c>
      <c r="AY72" s="17">
        <v>4.68</v>
      </c>
      <c r="AZ72" s="17">
        <v>4.26</v>
      </c>
      <c r="BA72" s="17">
        <v>4.8235678400561444</v>
      </c>
      <c r="BB72" s="17">
        <v>4.8757448530672107</v>
      </c>
      <c r="BC72" s="17">
        <v>5.457282212625258</v>
      </c>
      <c r="BD72" s="8">
        <v>6.0900606088717781</v>
      </c>
      <c r="BE72" s="8">
        <v>5.3</v>
      </c>
    </row>
    <row r="73" spans="3:57" x14ac:dyDescent="0.2">
      <c r="C73" s="5" t="s">
        <v>74</v>
      </c>
      <c r="D73" s="6" t="s">
        <v>58</v>
      </c>
      <c r="E73" s="17">
        <v>1.7057240053630025</v>
      </c>
      <c r="F73" s="17">
        <v>1.648384287816991</v>
      </c>
      <c r="G73" s="17">
        <v>1.6384591518707075</v>
      </c>
      <c r="H73" s="8">
        <v>1.6776606305411974</v>
      </c>
      <c r="I73" s="8">
        <v>1.6523742505157224</v>
      </c>
      <c r="J73" s="8">
        <v>1.6633550847696164</v>
      </c>
      <c r="K73" s="8">
        <v>1.65391618350117</v>
      </c>
      <c r="L73" s="8">
        <v>1.6571480283570583</v>
      </c>
      <c r="M73" s="8">
        <v>1.66</v>
      </c>
      <c r="N73" s="8">
        <v>1.67</v>
      </c>
      <c r="O73" s="8">
        <v>1.68440370824838</v>
      </c>
      <c r="P73" s="8">
        <v>1.67</v>
      </c>
      <c r="Q73" s="8">
        <v>1.68</v>
      </c>
      <c r="R73" s="8">
        <v>1.6809603614781343</v>
      </c>
      <c r="S73" s="8">
        <v>1.6759449721585327</v>
      </c>
      <c r="T73" s="8">
        <v>1.68</v>
      </c>
      <c r="U73" s="8">
        <v>1.67</v>
      </c>
      <c r="V73" s="8">
        <v>1.66</v>
      </c>
      <c r="W73" s="8">
        <v>1.68</v>
      </c>
      <c r="X73" s="8">
        <v>1.67</v>
      </c>
      <c r="Y73" s="8">
        <v>1.6869550676166933</v>
      </c>
      <c r="Z73" s="8">
        <v>1.66</v>
      </c>
      <c r="AA73" s="17">
        <v>1.67</v>
      </c>
      <c r="AB73" s="17">
        <v>1.67</v>
      </c>
      <c r="AC73" s="17">
        <v>1.6561731553667547</v>
      </c>
      <c r="AD73" s="8">
        <v>1.6585928416917954</v>
      </c>
      <c r="AE73" s="17">
        <v>1.67</v>
      </c>
      <c r="AF73" s="17">
        <v>1.65</v>
      </c>
      <c r="AG73" s="17">
        <v>1.6534879464991754</v>
      </c>
      <c r="AH73" s="17">
        <v>1.6438370976072443</v>
      </c>
      <c r="AI73" s="17">
        <v>1.6613908661639298</v>
      </c>
      <c r="AJ73" s="8">
        <v>1.6523554548851112</v>
      </c>
      <c r="AK73" s="17">
        <v>1.65</v>
      </c>
      <c r="AL73" s="17">
        <v>1.6508054923400799</v>
      </c>
      <c r="AM73" s="17">
        <v>1.6465555511073746</v>
      </c>
      <c r="AN73" s="17">
        <v>1.66</v>
      </c>
      <c r="AO73" s="17">
        <v>1.66</v>
      </c>
      <c r="AP73" s="17">
        <v>1.6644131769960915</v>
      </c>
      <c r="AQ73" s="17">
        <v>1.6560647535020798</v>
      </c>
      <c r="AR73" s="17">
        <v>1.6540241273076397</v>
      </c>
      <c r="AS73" s="17">
        <v>1.6792904344916548</v>
      </c>
      <c r="AT73" s="17">
        <v>1.6496067184992742</v>
      </c>
      <c r="AU73" s="17">
        <v>1.67</v>
      </c>
      <c r="AV73" s="17">
        <v>1.6672456463002066</v>
      </c>
      <c r="AW73" s="17">
        <v>1.6637165243720131</v>
      </c>
      <c r="AX73" s="17">
        <v>1.75</v>
      </c>
      <c r="AY73" s="17">
        <v>1.67</v>
      </c>
      <c r="AZ73" s="17">
        <v>1.68</v>
      </c>
      <c r="BA73" s="17">
        <v>1.673251733930424</v>
      </c>
      <c r="BB73" s="17">
        <v>1.6310312404231018</v>
      </c>
      <c r="BC73" s="17">
        <v>1.6416797174947615</v>
      </c>
      <c r="BD73" s="8">
        <v>1.74122900077382</v>
      </c>
      <c r="BE73" s="8">
        <v>1.72</v>
      </c>
    </row>
    <row r="74" spans="3:57" x14ac:dyDescent="0.2">
      <c r="C74" s="16" t="s">
        <v>78</v>
      </c>
      <c r="D74" s="6" t="s">
        <v>58</v>
      </c>
      <c r="E74" s="17">
        <v>0.26040554438644947</v>
      </c>
      <c r="F74" s="17">
        <v>0.28257737534116339</v>
      </c>
      <c r="G74" s="17">
        <v>0.281846697469948</v>
      </c>
      <c r="H74" s="8">
        <v>0.28000000000000003</v>
      </c>
      <c r="I74" s="8">
        <v>0.28000000000000003</v>
      </c>
      <c r="J74" s="8">
        <v>0.28999999999999998</v>
      </c>
      <c r="K74" s="8">
        <v>0.28999999999999998</v>
      </c>
      <c r="L74" s="8">
        <v>0.28999999999999998</v>
      </c>
      <c r="M74" s="8">
        <v>0.3</v>
      </c>
      <c r="N74" s="8">
        <v>0.3</v>
      </c>
      <c r="O74" s="8">
        <v>0.32</v>
      </c>
      <c r="P74" s="8">
        <v>0.32</v>
      </c>
      <c r="Q74" s="8">
        <v>0.34</v>
      </c>
      <c r="R74" s="8">
        <v>0.34603951462971938</v>
      </c>
      <c r="S74" s="8">
        <v>0.35983960701360446</v>
      </c>
      <c r="T74" s="8">
        <v>0.36</v>
      </c>
      <c r="U74" s="8">
        <v>0.35</v>
      </c>
      <c r="V74" s="8">
        <v>0.34</v>
      </c>
      <c r="W74" s="8">
        <v>0.31</v>
      </c>
      <c r="X74" s="8">
        <v>0.28999999999999998</v>
      </c>
      <c r="Y74" s="8">
        <v>0.28334528222183375</v>
      </c>
      <c r="Z74" s="8">
        <v>0.28000000000000003</v>
      </c>
      <c r="AA74" s="17">
        <v>0.28000000000000003</v>
      </c>
      <c r="AB74" s="17">
        <v>0.21</v>
      </c>
      <c r="AC74" s="17">
        <v>0.21196477660669619</v>
      </c>
      <c r="AD74" s="8">
        <v>0.20614131209057771</v>
      </c>
      <c r="AE74" s="17">
        <v>0.2</v>
      </c>
      <c r="AF74" s="17">
        <v>0.19</v>
      </c>
      <c r="AG74" s="17">
        <v>0.21</v>
      </c>
      <c r="AH74" s="17">
        <v>0.20336852515879619</v>
      </c>
      <c r="AI74" s="17">
        <v>0.21171732293713799</v>
      </c>
      <c r="AJ74" s="8">
        <v>0.2053172744671416</v>
      </c>
      <c r="AK74" s="17">
        <v>0.2</v>
      </c>
      <c r="AL74" s="17">
        <v>0.19067477477296316</v>
      </c>
      <c r="AM74" s="17">
        <v>0.19531646090241919</v>
      </c>
      <c r="AN74" s="17">
        <v>0.2</v>
      </c>
      <c r="AO74" s="17">
        <v>0.18</v>
      </c>
      <c r="AP74" s="17">
        <v>0.1756537076866386</v>
      </c>
      <c r="AQ74" s="17">
        <v>0.19319513686688145</v>
      </c>
      <c r="AR74" s="17">
        <v>0.17842107380428551</v>
      </c>
      <c r="AS74" s="17">
        <v>0.1898400198941633</v>
      </c>
      <c r="AT74" s="17">
        <v>0.16552265973101457</v>
      </c>
      <c r="AU74" s="17">
        <v>0.18</v>
      </c>
      <c r="AV74" s="17">
        <v>0.19027505353132573</v>
      </c>
      <c r="AW74" s="17">
        <v>0.18894734334941488</v>
      </c>
      <c r="AX74" s="17">
        <v>0.18</v>
      </c>
      <c r="AY74" s="17">
        <v>0.2</v>
      </c>
      <c r="AZ74" s="17">
        <v>0.19</v>
      </c>
      <c r="BA74" s="17">
        <v>0.18453979493894851</v>
      </c>
      <c r="BB74" s="17">
        <v>0.19868850483348213</v>
      </c>
      <c r="BC74" s="17">
        <v>0.19407086152885239</v>
      </c>
      <c r="BD74" s="8">
        <v>0.20145915202521092</v>
      </c>
      <c r="BE74" s="8">
        <v>0.23</v>
      </c>
    </row>
    <row r="75" spans="3:57" x14ac:dyDescent="0.2">
      <c r="C75" s="16" t="s">
        <v>79</v>
      </c>
      <c r="D75" s="6" t="s">
        <v>58</v>
      </c>
      <c r="E75" s="17">
        <v>0.93115956555016943</v>
      </c>
      <c r="F75" s="17">
        <v>0.94804155341748508</v>
      </c>
      <c r="G75" s="17">
        <v>0.96891702387373324</v>
      </c>
      <c r="H75" s="8">
        <v>0.92912096140084288</v>
      </c>
      <c r="I75" s="8">
        <v>1.000641514542302</v>
      </c>
      <c r="J75" s="8">
        <v>1.1104216155007549</v>
      </c>
      <c r="K75" s="8">
        <v>0.95977346855250367</v>
      </c>
      <c r="L75" s="8">
        <v>0.76804143810319569</v>
      </c>
      <c r="M75" s="8">
        <v>0.64</v>
      </c>
      <c r="N75" s="8">
        <v>0.61</v>
      </c>
      <c r="O75" s="8">
        <v>0.60453611206797575</v>
      </c>
      <c r="P75" s="8">
        <v>0.47</v>
      </c>
      <c r="Q75" s="8">
        <v>0.46</v>
      </c>
      <c r="R75" s="8">
        <v>0.44663610342500637</v>
      </c>
      <c r="S75" s="8">
        <v>0.45467154486930134</v>
      </c>
      <c r="T75" s="8">
        <v>0.45</v>
      </c>
      <c r="U75" s="8">
        <v>0.57999999999999996</v>
      </c>
      <c r="V75" s="8">
        <v>0.57999999999999996</v>
      </c>
      <c r="W75" s="8">
        <v>0.54</v>
      </c>
      <c r="X75" s="8">
        <v>0.53</v>
      </c>
      <c r="Y75" s="8">
        <v>0.53118469425538672</v>
      </c>
      <c r="Z75" s="8">
        <v>0.52</v>
      </c>
      <c r="AA75" s="17">
        <v>0.53</v>
      </c>
      <c r="AB75" s="17">
        <v>0.54</v>
      </c>
      <c r="AC75" s="17">
        <v>0.53379263202967409</v>
      </c>
      <c r="AD75" s="8">
        <v>0.54935110479329552</v>
      </c>
      <c r="AE75" s="17">
        <v>0.53</v>
      </c>
      <c r="AF75" s="17">
        <v>0.52</v>
      </c>
      <c r="AG75" s="17">
        <v>0.57739756555488941</v>
      </c>
      <c r="AH75" s="17">
        <v>0.59506398518749948</v>
      </c>
      <c r="AI75" s="17">
        <v>0.60048448627196338</v>
      </c>
      <c r="AJ75" s="8">
        <v>0.60576394170486547</v>
      </c>
      <c r="AK75" s="17">
        <v>0.57999999999999996</v>
      </c>
      <c r="AL75" s="17">
        <v>0.44404120588342644</v>
      </c>
      <c r="AM75" s="17">
        <v>0.44</v>
      </c>
      <c r="AN75" s="17">
        <v>0.51</v>
      </c>
      <c r="AO75" s="17">
        <v>0.52</v>
      </c>
      <c r="AP75" s="17">
        <v>0.53292106523783334</v>
      </c>
      <c r="AQ75" s="17">
        <v>0.53878469647077432</v>
      </c>
      <c r="AR75" s="17">
        <v>0.52553313637642574</v>
      </c>
      <c r="AS75" s="17">
        <v>0.54751444135639715</v>
      </c>
      <c r="AT75" s="17">
        <v>0.49216168113626646</v>
      </c>
      <c r="AU75" s="17">
        <v>0.76</v>
      </c>
      <c r="AV75" s="17">
        <v>0.78743497833913256</v>
      </c>
      <c r="AW75" s="17">
        <v>0.61816613498325479</v>
      </c>
      <c r="AX75" s="17">
        <v>0.56000000000000005</v>
      </c>
      <c r="AY75" s="17">
        <v>0.59</v>
      </c>
      <c r="AZ75" s="17">
        <v>0.55000000000000004</v>
      </c>
      <c r="BA75" s="17">
        <v>0.57009729398390174</v>
      </c>
      <c r="BB75" s="17">
        <v>0.5291242045661152</v>
      </c>
      <c r="BC75" s="17">
        <v>0.50100167916121263</v>
      </c>
      <c r="BD75" s="8">
        <v>0.5599066136283497</v>
      </c>
      <c r="BE75" s="8">
        <v>0.59</v>
      </c>
    </row>
    <row r="76" spans="3:57" x14ac:dyDescent="0.2">
      <c r="C76" s="16" t="s">
        <v>80</v>
      </c>
      <c r="D76" s="6" t="s">
        <v>58</v>
      </c>
      <c r="E76" s="17">
        <v>1.4392329508996178</v>
      </c>
      <c r="F76" s="17">
        <v>1.2780268555530878</v>
      </c>
      <c r="G76" s="17">
        <v>1.83</v>
      </c>
      <c r="H76" s="8">
        <v>1.9841362757246921</v>
      </c>
      <c r="I76" s="8">
        <v>1.8375275527116888</v>
      </c>
      <c r="J76" s="8">
        <v>1.4855074073544958</v>
      </c>
      <c r="K76" s="8">
        <v>1.381733793575677</v>
      </c>
      <c r="L76" s="8">
        <v>0.8917312587645766</v>
      </c>
      <c r="M76" s="8">
        <v>0.77</v>
      </c>
      <c r="N76" s="8">
        <v>0.67</v>
      </c>
      <c r="O76" s="8">
        <v>0.63850540574937731</v>
      </c>
      <c r="P76" s="8">
        <v>0.62</v>
      </c>
      <c r="Q76" s="8">
        <v>0.55000000000000004</v>
      </c>
      <c r="R76" s="8">
        <v>0.4726263546519241</v>
      </c>
      <c r="S76" s="8">
        <v>0.48953466848709115</v>
      </c>
      <c r="T76" s="8">
        <v>0.49</v>
      </c>
      <c r="U76" s="8">
        <v>0.42</v>
      </c>
      <c r="V76" s="8">
        <v>0.41</v>
      </c>
      <c r="W76" s="8">
        <v>0.45</v>
      </c>
      <c r="X76" s="8">
        <v>0.45</v>
      </c>
      <c r="Y76" s="8">
        <v>0.4289967514739596</v>
      </c>
      <c r="Z76" s="8">
        <v>0.41</v>
      </c>
      <c r="AA76" s="17">
        <v>0.41</v>
      </c>
      <c r="AB76" s="17">
        <v>0.42</v>
      </c>
      <c r="AC76" s="17">
        <v>0.45510278542216848</v>
      </c>
      <c r="AD76" s="8">
        <v>0.42550987958082892</v>
      </c>
      <c r="AE76" s="17">
        <v>0.44</v>
      </c>
      <c r="AF76" s="17">
        <v>0.4</v>
      </c>
      <c r="AG76" s="17">
        <v>0.39399328604688938</v>
      </c>
      <c r="AH76" s="17">
        <v>0.39404874227831876</v>
      </c>
      <c r="AI76" s="17">
        <v>0.39269776469851614</v>
      </c>
      <c r="AJ76" s="8">
        <v>0.39644452862883567</v>
      </c>
      <c r="AK76" s="17">
        <v>0.47</v>
      </c>
      <c r="AL76" s="17">
        <v>0.64825108238567908</v>
      </c>
      <c r="AM76" s="17">
        <v>0.57722026901120616</v>
      </c>
      <c r="AN76" s="17">
        <v>0.55000000000000004</v>
      </c>
      <c r="AO76" s="17">
        <v>0.53</v>
      </c>
      <c r="AP76" s="17">
        <v>0.65243309717690179</v>
      </c>
      <c r="AQ76" s="17">
        <v>0.70999826524416698</v>
      </c>
      <c r="AR76" s="17">
        <v>0.62151021912116344</v>
      </c>
      <c r="AS76" s="17">
        <v>0.52028564081448492</v>
      </c>
      <c r="AT76" s="17">
        <v>0.41699305038844925</v>
      </c>
      <c r="AU76" s="17">
        <v>0.53</v>
      </c>
      <c r="AV76" s="17">
        <v>0.63851017278825362</v>
      </c>
      <c r="AW76" s="17">
        <v>0.68309570193089619</v>
      </c>
      <c r="AX76" s="17">
        <v>0.72</v>
      </c>
      <c r="AY76" s="17">
        <v>0.64</v>
      </c>
      <c r="AZ76" s="17">
        <v>0.61</v>
      </c>
      <c r="BA76" s="17">
        <v>0.63247624859002372</v>
      </c>
      <c r="BB76" s="17">
        <v>0.70771890659282743</v>
      </c>
      <c r="BC76" s="17">
        <v>0.7594444478913962</v>
      </c>
      <c r="BD76" s="8">
        <v>0.72210993879705165</v>
      </c>
      <c r="BE76" s="8">
        <v>0.69</v>
      </c>
    </row>
    <row r="77" spans="3:57" x14ac:dyDescent="0.2">
      <c r="C77" s="16" t="s">
        <v>81</v>
      </c>
      <c r="D77" s="6" t="s">
        <v>58</v>
      </c>
      <c r="E77" s="17">
        <v>0.22047346782296021</v>
      </c>
      <c r="F77" s="17">
        <v>0.23542767734885753</v>
      </c>
      <c r="G77" s="17">
        <v>0.23842847077364709</v>
      </c>
      <c r="H77" s="8">
        <v>0.24071175285496263</v>
      </c>
      <c r="I77" s="8">
        <v>0.238071460494758</v>
      </c>
      <c r="J77" s="8">
        <v>0.23258163220362257</v>
      </c>
      <c r="K77" s="8">
        <v>0.23757116546996984</v>
      </c>
      <c r="L77" s="8">
        <v>0.24093708812245532</v>
      </c>
      <c r="M77" s="8">
        <v>0.23</v>
      </c>
      <c r="N77" s="8">
        <v>0.23</v>
      </c>
      <c r="O77" s="8">
        <v>0.23737414161820444</v>
      </c>
      <c r="P77" s="8">
        <v>0.24</v>
      </c>
      <c r="Q77" s="8">
        <v>0.24</v>
      </c>
      <c r="R77" s="8">
        <v>0.24255604168988967</v>
      </c>
      <c r="S77" s="8">
        <v>0.23955416129552046</v>
      </c>
      <c r="T77" s="8">
        <v>0.24</v>
      </c>
      <c r="U77" s="8">
        <v>0.24</v>
      </c>
      <c r="V77" s="8">
        <v>0.32</v>
      </c>
      <c r="W77" s="8">
        <v>0.32</v>
      </c>
      <c r="X77" s="8">
        <v>0.32</v>
      </c>
      <c r="Y77" s="8">
        <v>0.32345505280460624</v>
      </c>
      <c r="Z77" s="8">
        <v>0.32</v>
      </c>
      <c r="AA77" s="17">
        <v>0.27</v>
      </c>
      <c r="AB77" s="17">
        <v>0.28000000000000003</v>
      </c>
      <c r="AC77" s="17">
        <v>0.27305985541950312</v>
      </c>
      <c r="AD77" s="8">
        <v>0.26919215154622272</v>
      </c>
      <c r="AE77" s="17">
        <v>0.27</v>
      </c>
      <c r="AF77" s="17">
        <v>0.22</v>
      </c>
      <c r="AG77" s="17">
        <v>0.21707488823561602</v>
      </c>
      <c r="AH77" s="17">
        <v>0.21809568573390264</v>
      </c>
      <c r="AI77" s="17">
        <v>0.22146074451123998</v>
      </c>
      <c r="AJ77" s="8">
        <v>0.20648901314031196</v>
      </c>
      <c r="AK77" s="17">
        <v>0.21</v>
      </c>
      <c r="AL77" s="17">
        <v>0.20721224645349395</v>
      </c>
      <c r="AM77" s="17">
        <v>0.20631947453991881</v>
      </c>
      <c r="AN77" s="17">
        <v>0.22</v>
      </c>
      <c r="AO77" s="17">
        <v>0.22</v>
      </c>
      <c r="AP77" s="17">
        <v>0.22165183306501474</v>
      </c>
      <c r="AQ77" s="17">
        <v>0.22140377403992517</v>
      </c>
      <c r="AR77" s="17">
        <v>0.22049509356080149</v>
      </c>
      <c r="AS77" s="17">
        <v>0.22502032292134458</v>
      </c>
      <c r="AT77" s="17">
        <v>0.20405996827681291</v>
      </c>
      <c r="AU77" s="17">
        <v>0.21</v>
      </c>
      <c r="AV77" s="17">
        <v>0.20606734381042696</v>
      </c>
      <c r="AW77" s="17">
        <v>0.21005964084899201</v>
      </c>
      <c r="AX77" s="17">
        <v>0.2</v>
      </c>
      <c r="AY77" s="17">
        <v>0.2</v>
      </c>
      <c r="AZ77" s="17">
        <v>0.21</v>
      </c>
      <c r="BA77" s="17">
        <v>0.2147450125836754</v>
      </c>
      <c r="BB77" s="17">
        <v>0.1944696041672962</v>
      </c>
      <c r="BC77" s="17">
        <v>0.20129215938963463</v>
      </c>
      <c r="BD77" s="8">
        <v>0.21161611139701414</v>
      </c>
      <c r="BE77" s="8">
        <v>0.22</v>
      </c>
    </row>
    <row r="78" spans="3:57" x14ac:dyDescent="0.2">
      <c r="C78" s="16" t="s">
        <v>82</v>
      </c>
      <c r="D78" s="6" t="s">
        <v>58</v>
      </c>
      <c r="E78" s="17">
        <v>2.3040877159299571</v>
      </c>
      <c r="F78" s="17">
        <v>2.6186674611129086</v>
      </c>
      <c r="G78" s="17">
        <v>3.376026976533169</v>
      </c>
      <c r="H78" s="8">
        <v>3.8291754224997776</v>
      </c>
      <c r="I78" s="8">
        <v>3.6446052797776938</v>
      </c>
      <c r="J78" s="8">
        <v>3.5237044706905665</v>
      </c>
      <c r="K78" s="8">
        <v>3.3469707911652229</v>
      </c>
      <c r="L78" s="8">
        <v>3.1609421921921923</v>
      </c>
      <c r="M78" s="8">
        <v>3.28</v>
      </c>
      <c r="N78" s="8">
        <v>3.01</v>
      </c>
      <c r="O78" s="8">
        <v>2.9979601396524274</v>
      </c>
      <c r="P78" s="8">
        <v>2.77</v>
      </c>
      <c r="Q78" s="8">
        <v>2.41</v>
      </c>
      <c r="R78" s="8">
        <v>2.2247293709062426</v>
      </c>
      <c r="S78" s="8">
        <v>2.1468376282016237</v>
      </c>
      <c r="T78" s="8">
        <v>2.15</v>
      </c>
      <c r="U78" s="8">
        <v>1.89</v>
      </c>
      <c r="V78" s="8">
        <v>1.85</v>
      </c>
      <c r="W78" s="8">
        <v>1.49</v>
      </c>
      <c r="X78" s="8">
        <v>1.55</v>
      </c>
      <c r="Y78" s="8">
        <v>1.4887858523925721</v>
      </c>
      <c r="Z78" s="8">
        <v>1.36</v>
      </c>
      <c r="AA78" s="17">
        <v>1.24</v>
      </c>
      <c r="AB78" s="17">
        <v>1.36</v>
      </c>
      <c r="AC78" s="17">
        <v>1.2979354360688935</v>
      </c>
      <c r="AD78" s="8">
        <v>1.5786962126223305</v>
      </c>
      <c r="AE78" s="17">
        <v>1.89</v>
      </c>
      <c r="AF78" s="17">
        <v>2.21</v>
      </c>
      <c r="AG78" s="17">
        <v>1.9631449892258537</v>
      </c>
      <c r="AH78" s="17">
        <v>1.8133225296845537</v>
      </c>
      <c r="AI78" s="17">
        <v>1.9826257665135159</v>
      </c>
      <c r="AJ78" s="8">
        <v>1.8077440296226845</v>
      </c>
      <c r="AK78" s="17">
        <v>2.06</v>
      </c>
      <c r="AL78" s="17">
        <v>2.5744176550317071</v>
      </c>
      <c r="AM78" s="17">
        <v>2.8072247861047783</v>
      </c>
      <c r="AN78" s="17">
        <v>2.0099999999999998</v>
      </c>
      <c r="AO78" s="17">
        <v>1.89</v>
      </c>
      <c r="AP78" s="17">
        <v>2.1341867150973859</v>
      </c>
      <c r="AQ78" s="17">
        <v>2.5460692602578918</v>
      </c>
      <c r="AR78" s="17">
        <v>3.0567719673147193</v>
      </c>
      <c r="AS78" s="17">
        <v>2.1868723236847281</v>
      </c>
      <c r="AT78" s="17">
        <v>1.6041523271929028</v>
      </c>
      <c r="AU78" s="17">
        <v>1.67</v>
      </c>
      <c r="AV78" s="17">
        <v>1.7174996114996117</v>
      </c>
      <c r="AW78" s="17">
        <v>2.2517823861541468</v>
      </c>
      <c r="AX78" s="17">
        <v>1.83</v>
      </c>
      <c r="AY78" s="17">
        <v>1.89</v>
      </c>
      <c r="AZ78" s="17">
        <v>1.85</v>
      </c>
      <c r="BA78" s="17">
        <v>1.9758550533554151</v>
      </c>
      <c r="BB78" s="17">
        <v>2.1446975826490409</v>
      </c>
      <c r="BC78" s="17">
        <v>2.4415285230569936</v>
      </c>
      <c r="BD78" s="8">
        <v>2.3210943354230809</v>
      </c>
      <c r="BE78" s="8">
        <v>2.3199999999999998</v>
      </c>
    </row>
    <row r="79" spans="3:57" x14ac:dyDescent="0.2">
      <c r="C79" s="16" t="s">
        <v>84</v>
      </c>
      <c r="D79" s="6" t="s">
        <v>85</v>
      </c>
      <c r="E79" s="17">
        <v>0.54233374446980875</v>
      </c>
      <c r="F79" s="17">
        <v>0.48994956330601586</v>
      </c>
      <c r="G79" s="17">
        <v>0.48818185451461205</v>
      </c>
      <c r="H79" s="8">
        <v>0.47331931012642819</v>
      </c>
      <c r="I79" s="8">
        <v>0.46040134859205095</v>
      </c>
      <c r="J79" s="8">
        <v>0.46107637998187878</v>
      </c>
      <c r="K79" s="8">
        <v>0.45651406858602778</v>
      </c>
      <c r="L79" s="8">
        <v>0.47388684262477815</v>
      </c>
      <c r="M79" s="8">
        <v>0.46</v>
      </c>
      <c r="N79" s="8">
        <v>0.46</v>
      </c>
      <c r="O79" s="8">
        <v>0.44519828731130184</v>
      </c>
      <c r="P79" s="8">
        <v>0.44</v>
      </c>
      <c r="Q79" s="8">
        <v>0.43</v>
      </c>
      <c r="R79" s="8">
        <v>0.42163713467389702</v>
      </c>
      <c r="S79" s="8">
        <v>0.42348709405222962</v>
      </c>
      <c r="T79" s="8">
        <v>0.42</v>
      </c>
      <c r="U79" s="8">
        <v>0.41</v>
      </c>
      <c r="V79" s="8">
        <v>0.42</v>
      </c>
      <c r="W79" s="8">
        <v>0.44</v>
      </c>
      <c r="X79" s="8">
        <v>0.42</v>
      </c>
      <c r="Y79" s="8">
        <v>0.40983808423306234</v>
      </c>
      <c r="Z79" s="8">
        <v>0.41</v>
      </c>
      <c r="AA79" s="17">
        <v>0.4</v>
      </c>
      <c r="AB79" s="17">
        <v>0.4</v>
      </c>
      <c r="AC79" s="17">
        <v>0.3359738450867889</v>
      </c>
      <c r="AD79" s="8">
        <v>0.32139630354119703</v>
      </c>
      <c r="AE79" s="17">
        <v>0.32</v>
      </c>
      <c r="AF79" s="17">
        <v>0.35</v>
      </c>
      <c r="AG79" s="17">
        <v>0.34777071734898596</v>
      </c>
      <c r="AH79" s="17">
        <v>0.34890331126860902</v>
      </c>
      <c r="AI79" s="17">
        <v>0.34189145312095914</v>
      </c>
      <c r="AJ79" s="8">
        <v>0.36301762588068176</v>
      </c>
      <c r="AK79" s="17">
        <v>0.37</v>
      </c>
      <c r="AL79" s="17">
        <v>0.34719798708853905</v>
      </c>
      <c r="AM79" s="17">
        <v>0.38576664061506938</v>
      </c>
      <c r="AN79" s="17">
        <v>0.41</v>
      </c>
      <c r="AO79" s="17">
        <v>0.46</v>
      </c>
      <c r="AP79" s="17">
        <v>0.46244257300091823</v>
      </c>
      <c r="AQ79" s="17">
        <v>0.47556750492738803</v>
      </c>
      <c r="AR79" s="17">
        <v>0.47439984965184206</v>
      </c>
      <c r="AS79" s="17">
        <v>0.47430272680987096</v>
      </c>
      <c r="AT79" s="17">
        <v>0.45984661436061441</v>
      </c>
      <c r="AU79" s="17">
        <v>0.43</v>
      </c>
      <c r="AV79" s="17">
        <v>0.43039427881378339</v>
      </c>
      <c r="AW79" s="17">
        <v>0.4538665092843438</v>
      </c>
      <c r="AX79" s="17">
        <v>0.43</v>
      </c>
      <c r="AY79" s="17">
        <v>0.4</v>
      </c>
      <c r="AZ79" s="17">
        <v>0.38</v>
      </c>
      <c r="BA79" s="17">
        <v>0.37514986275967793</v>
      </c>
      <c r="BB79" s="17">
        <v>0.39696797214020269</v>
      </c>
      <c r="BC79" s="17">
        <v>0.38462024509836795</v>
      </c>
      <c r="BD79" s="8">
        <v>0.38684085500115728</v>
      </c>
      <c r="BE79" s="8">
        <v>0.36</v>
      </c>
    </row>
    <row r="80" spans="3:57" x14ac:dyDescent="0.2">
      <c r="C80" s="16" t="s">
        <v>86</v>
      </c>
      <c r="D80" s="6" t="s">
        <v>58</v>
      </c>
      <c r="E80" s="17">
        <v>1.6044291829342867</v>
      </c>
      <c r="F80" s="17">
        <v>1.6933044703957265</v>
      </c>
      <c r="G80" s="17">
        <v>1.3959983724003442</v>
      </c>
      <c r="H80" s="8">
        <v>1.3020841015173783</v>
      </c>
      <c r="I80" s="8">
        <v>1.2851246136171361</v>
      </c>
      <c r="J80" s="8">
        <v>1.4041375003845091</v>
      </c>
      <c r="K80" s="8">
        <v>1.3444268967700248</v>
      </c>
      <c r="L80" s="8">
        <v>1.2352232376739041</v>
      </c>
      <c r="M80" s="8">
        <v>1.4</v>
      </c>
      <c r="N80" s="8">
        <v>1.75</v>
      </c>
      <c r="O80" s="8">
        <v>1.6489739008743305</v>
      </c>
      <c r="P80" s="8">
        <v>1.6</v>
      </c>
      <c r="Q80" s="8">
        <v>1.54</v>
      </c>
      <c r="R80" s="8">
        <v>1.4901378719266221</v>
      </c>
      <c r="S80" s="8">
        <v>1.5437544788332138</v>
      </c>
      <c r="T80" s="8">
        <v>1.54</v>
      </c>
      <c r="U80" s="8">
        <v>1.27</v>
      </c>
      <c r="V80" s="8">
        <v>1.17</v>
      </c>
      <c r="W80" s="8">
        <v>0.91</v>
      </c>
      <c r="X80" s="8">
        <v>0.75</v>
      </c>
      <c r="Y80" s="8">
        <v>0.64286268993421614</v>
      </c>
      <c r="Z80" s="8">
        <v>0.63</v>
      </c>
      <c r="AA80" s="17">
        <v>0.65</v>
      </c>
      <c r="AB80" s="17">
        <v>0.63</v>
      </c>
      <c r="AC80" s="17">
        <v>0.66455947071009769</v>
      </c>
      <c r="AD80" s="8">
        <v>0.67834480301950861</v>
      </c>
      <c r="AE80" s="17">
        <v>0.66</v>
      </c>
      <c r="AF80" s="17">
        <v>0.63</v>
      </c>
      <c r="AG80" s="17">
        <v>0.64034069133639093</v>
      </c>
      <c r="AH80" s="17">
        <v>0.64154608028543214</v>
      </c>
      <c r="AI80" s="17">
        <v>0.67151719837282764</v>
      </c>
      <c r="AJ80" s="8">
        <v>0.6345456489392981</v>
      </c>
      <c r="AK80" s="17">
        <v>0.6</v>
      </c>
      <c r="AL80" s="17">
        <v>0.79082881370490976</v>
      </c>
      <c r="AM80" s="17">
        <v>0.7522711790974651</v>
      </c>
      <c r="AN80" s="17">
        <v>0.75</v>
      </c>
      <c r="AO80" s="17">
        <v>0.69</v>
      </c>
      <c r="AP80" s="17">
        <v>0.68375105847434203</v>
      </c>
      <c r="AQ80" s="17">
        <v>0.72593412391259138</v>
      </c>
      <c r="AR80" s="17">
        <v>0.96871736068057823</v>
      </c>
      <c r="AS80" s="17">
        <v>1.1291566556262835</v>
      </c>
      <c r="AT80" s="17">
        <v>1.0897736278029375</v>
      </c>
      <c r="AU80" s="17">
        <v>0.97</v>
      </c>
      <c r="AV80" s="17">
        <v>0.93593683510827175</v>
      </c>
      <c r="AW80" s="17">
        <v>0.79325179004997048</v>
      </c>
      <c r="AX80" s="17">
        <v>0.66</v>
      </c>
      <c r="AY80" s="17">
        <v>0.57999999999999996</v>
      </c>
      <c r="AZ80" s="17">
        <v>0.59</v>
      </c>
      <c r="BA80" s="17">
        <v>0.54451673148455315</v>
      </c>
      <c r="BB80" s="17">
        <v>0.7680893504933537</v>
      </c>
      <c r="BC80" s="17">
        <v>0.7871483993979812</v>
      </c>
      <c r="BD80" s="8">
        <v>0.805673638397848</v>
      </c>
      <c r="BE80" s="8">
        <v>0.98</v>
      </c>
    </row>
    <row r="81" spans="3:57" x14ac:dyDescent="0.2">
      <c r="C81" s="16" t="s">
        <v>104</v>
      </c>
      <c r="D81" s="6" t="s">
        <v>58</v>
      </c>
      <c r="E81" s="17">
        <v>1.1800781935854596</v>
      </c>
      <c r="F81" s="17">
        <v>0.98997545209066362</v>
      </c>
      <c r="G81" s="17">
        <v>1.0260127237635639</v>
      </c>
      <c r="H81" s="8">
        <v>1.0800267877415335</v>
      </c>
      <c r="I81" s="8">
        <v>0.95734324371152579</v>
      </c>
      <c r="J81" s="8">
        <v>0.91560021461726393</v>
      </c>
      <c r="K81" s="8">
        <v>0.94046893326341041</v>
      </c>
      <c r="L81" s="8">
        <v>0.80617577028185783</v>
      </c>
      <c r="M81" s="8">
        <v>1.24</v>
      </c>
      <c r="N81" s="8">
        <v>1.44</v>
      </c>
      <c r="O81" s="8">
        <v>1.4446402538335805</v>
      </c>
      <c r="P81" s="8">
        <v>1.47</v>
      </c>
      <c r="Q81" s="8">
        <v>1.43</v>
      </c>
      <c r="R81" s="8">
        <v>1.3999345666640908</v>
      </c>
      <c r="S81" s="8">
        <v>1.4296698256201288</v>
      </c>
      <c r="T81" s="8">
        <v>1.43</v>
      </c>
      <c r="U81" s="8">
        <v>1.56</v>
      </c>
      <c r="V81" s="8">
        <v>1.53</v>
      </c>
      <c r="W81" s="8">
        <v>1.2</v>
      </c>
      <c r="X81" s="8">
        <v>0.98</v>
      </c>
      <c r="Y81" s="8">
        <v>0.73373729419701583</v>
      </c>
      <c r="Z81" s="8">
        <v>0.66</v>
      </c>
      <c r="AA81" s="17">
        <v>0.69</v>
      </c>
      <c r="AB81" s="17">
        <v>0.64</v>
      </c>
      <c r="AC81" s="17">
        <v>0.66254938804482177</v>
      </c>
      <c r="AD81" s="8">
        <v>0.67693675296092015</v>
      </c>
      <c r="AE81" s="17">
        <v>0.78</v>
      </c>
      <c r="AF81" s="17">
        <v>0.8</v>
      </c>
      <c r="AG81" s="17">
        <v>0.80117570116290149</v>
      </c>
      <c r="AH81" s="17">
        <v>0.77965412330170036</v>
      </c>
      <c r="AI81" s="17">
        <v>0.67912072579232519</v>
      </c>
      <c r="AJ81" s="8">
        <v>0.65203281540564217</v>
      </c>
      <c r="AK81" s="17">
        <v>0.6</v>
      </c>
      <c r="AL81" s="17">
        <v>0.70075490283937902</v>
      </c>
      <c r="AM81" s="17">
        <v>0.80527778576856601</v>
      </c>
      <c r="AN81" s="17">
        <v>0.79</v>
      </c>
      <c r="AO81" s="17">
        <v>0.84</v>
      </c>
      <c r="AP81" s="17">
        <v>0.89703063331196209</v>
      </c>
      <c r="AQ81" s="17">
        <v>0.97665446233122177</v>
      </c>
      <c r="AR81" s="17">
        <v>0.97161275941763758</v>
      </c>
      <c r="AS81" s="17">
        <v>1.0989135124179064</v>
      </c>
      <c r="AT81" s="17">
        <v>1.0116468894722792</v>
      </c>
      <c r="AU81" s="17">
        <v>0.98</v>
      </c>
      <c r="AV81" s="17">
        <v>0.91452982985711728</v>
      </c>
      <c r="AW81" s="17">
        <v>0.91463665538803984</v>
      </c>
      <c r="AX81" s="17">
        <v>0.86</v>
      </c>
      <c r="AY81" s="17">
        <v>0.7</v>
      </c>
      <c r="AZ81" s="17">
        <v>0.73</v>
      </c>
      <c r="BA81" s="17">
        <v>0.82744835640974301</v>
      </c>
      <c r="BB81" s="17">
        <v>0.8905023252348625</v>
      </c>
      <c r="BC81" s="17">
        <v>1.1258155425606526</v>
      </c>
      <c r="BD81" s="8">
        <v>1.3378174895926647</v>
      </c>
      <c r="BE81" s="8">
        <v>1.29</v>
      </c>
    </row>
    <row r="82" spans="3:57" x14ac:dyDescent="0.2">
      <c r="C82" s="16" t="s">
        <v>87</v>
      </c>
      <c r="D82" s="6" t="s">
        <v>58</v>
      </c>
      <c r="E82" s="17">
        <v>0.55814184444763071</v>
      </c>
      <c r="F82" s="17">
        <v>0.56577534859050704</v>
      </c>
      <c r="G82" s="17">
        <v>0.55951765732162195</v>
      </c>
      <c r="H82" s="8">
        <v>0.54674568696303905</v>
      </c>
      <c r="I82" s="8">
        <v>0.54235964415007687</v>
      </c>
      <c r="J82" s="8">
        <v>0.54683996606810759</v>
      </c>
      <c r="K82" s="8">
        <v>0.54740023351724221</v>
      </c>
      <c r="L82" s="8">
        <v>0.55004426367469395</v>
      </c>
      <c r="M82" s="8">
        <v>0.54</v>
      </c>
      <c r="N82" s="8">
        <v>0.54</v>
      </c>
      <c r="O82" s="8">
        <v>0.52926103067191343</v>
      </c>
      <c r="P82" s="8">
        <v>0.55000000000000004</v>
      </c>
      <c r="Q82" s="8">
        <v>0.54</v>
      </c>
      <c r="R82" s="8">
        <v>0.54303600025135057</v>
      </c>
      <c r="S82" s="8">
        <v>0.54258110068126086</v>
      </c>
      <c r="T82" s="8">
        <v>0.54</v>
      </c>
      <c r="U82" s="8">
        <v>0.56000000000000005</v>
      </c>
      <c r="V82" s="8">
        <v>0.54</v>
      </c>
      <c r="W82" s="8">
        <v>0.54</v>
      </c>
      <c r="X82" s="8">
        <v>0.52</v>
      </c>
      <c r="Y82" s="8">
        <v>0.53205889083301161</v>
      </c>
      <c r="Z82" s="8">
        <v>0.52</v>
      </c>
      <c r="AA82" s="17">
        <v>0.54</v>
      </c>
      <c r="AB82" s="17">
        <v>0.54</v>
      </c>
      <c r="AC82" s="17">
        <v>0.52628943024313646</v>
      </c>
      <c r="AD82" s="8">
        <v>0.51957310733833595</v>
      </c>
      <c r="AE82" s="17">
        <v>0.52</v>
      </c>
      <c r="AF82" s="17">
        <v>0.52</v>
      </c>
      <c r="AG82" s="17">
        <v>0.51505475491578079</v>
      </c>
      <c r="AH82" s="17">
        <v>0.50455142877461734</v>
      </c>
      <c r="AI82" s="17">
        <v>0.50795226438451557</v>
      </c>
      <c r="AJ82" s="8">
        <v>0.50732466658607189</v>
      </c>
      <c r="AK82" s="17">
        <v>0.51</v>
      </c>
      <c r="AL82" s="17">
        <v>0.50656545957397248</v>
      </c>
      <c r="AM82" s="17">
        <v>0.52221018539984976</v>
      </c>
      <c r="AN82" s="17">
        <v>0.51</v>
      </c>
      <c r="AO82" s="17">
        <v>0.5</v>
      </c>
      <c r="AP82" s="17">
        <v>0.48783234634407291</v>
      </c>
      <c r="AQ82" s="17">
        <v>0.50812701865880971</v>
      </c>
      <c r="AR82" s="17">
        <v>0.49116859494850412</v>
      </c>
      <c r="AS82" s="17">
        <v>0.49217686264098903</v>
      </c>
      <c r="AT82" s="17">
        <v>0.49074230133066976</v>
      </c>
      <c r="AU82" s="17">
        <v>0.5</v>
      </c>
      <c r="AV82" s="17">
        <v>0.49786915464239223</v>
      </c>
      <c r="AW82" s="17">
        <v>0.49852060028209705</v>
      </c>
      <c r="AX82" s="17">
        <v>0.51</v>
      </c>
      <c r="AY82" s="17">
        <v>0.49</v>
      </c>
      <c r="AZ82" s="17">
        <v>0.48</v>
      </c>
      <c r="BA82" s="17">
        <v>0.47559854494963011</v>
      </c>
      <c r="BB82" s="17">
        <v>0.44916147498222436</v>
      </c>
      <c r="BC82" s="17">
        <v>0.43716360180301173</v>
      </c>
      <c r="BD82" s="8">
        <v>0.43523297379228343</v>
      </c>
      <c r="BE82" s="8">
        <v>0.43</v>
      </c>
    </row>
    <row r="83" spans="3:57" x14ac:dyDescent="0.2">
      <c r="C83" s="16" t="s">
        <v>88</v>
      </c>
      <c r="D83" s="6" t="s">
        <v>58</v>
      </c>
      <c r="E83" s="17">
        <v>0.78153161014623751</v>
      </c>
      <c r="F83" s="17">
        <v>0.67941211383802724</v>
      </c>
      <c r="G83" s="17">
        <v>0.63681043411187321</v>
      </c>
      <c r="H83" s="17">
        <v>0.62440864085495995</v>
      </c>
      <c r="I83" s="17">
        <v>0.61694876858888004</v>
      </c>
      <c r="J83" s="17">
        <v>0.6098223987236</v>
      </c>
      <c r="K83" s="17">
        <v>0.6157092758928584</v>
      </c>
      <c r="L83" s="17">
        <v>0.60330629050472973</v>
      </c>
      <c r="M83" s="17">
        <v>0.6</v>
      </c>
      <c r="N83" s="17">
        <v>0.57999999999999996</v>
      </c>
      <c r="O83" s="17">
        <v>0.52739088245913479</v>
      </c>
      <c r="P83" s="17">
        <v>0.51</v>
      </c>
      <c r="Q83" s="17">
        <v>0.51</v>
      </c>
      <c r="R83" s="17">
        <v>0.50431606216572422</v>
      </c>
      <c r="S83" s="17">
        <v>0.50709397174795001</v>
      </c>
      <c r="T83" s="17">
        <v>0.51</v>
      </c>
      <c r="U83" s="17">
        <v>0.52</v>
      </c>
      <c r="V83" s="17">
        <v>0.51</v>
      </c>
      <c r="W83" s="17">
        <v>0.5</v>
      </c>
      <c r="X83" s="17">
        <v>0.5</v>
      </c>
      <c r="Y83" s="17">
        <v>0.495282475733129</v>
      </c>
      <c r="Z83" s="17">
        <v>0.51</v>
      </c>
      <c r="AA83" s="17">
        <v>0.56999999999999995</v>
      </c>
      <c r="AB83" s="17">
        <v>0.56999999999999995</v>
      </c>
      <c r="AC83" s="17">
        <v>0.57757452637660622</v>
      </c>
      <c r="AD83" s="17">
        <v>0.57720557993178645</v>
      </c>
      <c r="AE83" s="17">
        <v>0.59</v>
      </c>
      <c r="AF83" s="17">
        <v>0.57999999999999996</v>
      </c>
      <c r="AG83" s="17">
        <v>0.58435553848194954</v>
      </c>
      <c r="AH83" s="17">
        <v>0.56017421408230506</v>
      </c>
      <c r="AI83" s="17">
        <v>0.56220121239999343</v>
      </c>
      <c r="AJ83" s="17">
        <v>0.57959577829568987</v>
      </c>
      <c r="AK83" s="17">
        <v>0.59</v>
      </c>
      <c r="AL83" s="17">
        <v>0.71095703385901643</v>
      </c>
      <c r="AM83" s="17">
        <v>0.787606420657467</v>
      </c>
      <c r="AN83" s="17">
        <v>0.82</v>
      </c>
      <c r="AO83" s="17">
        <v>0.87</v>
      </c>
      <c r="AP83" s="17">
        <v>0.9386767832735543</v>
      </c>
      <c r="AQ83" s="17">
        <v>0.91255745623762619</v>
      </c>
      <c r="AR83" s="17">
        <v>0.89946978216406748</v>
      </c>
      <c r="AS83" s="17">
        <v>0.89887340398898452</v>
      </c>
      <c r="AT83" s="17">
        <v>0.91770363338346617</v>
      </c>
      <c r="AU83" s="17">
        <v>0.91</v>
      </c>
      <c r="AV83" s="17">
        <v>0.87900846685235834</v>
      </c>
      <c r="AW83" s="17">
        <v>0.87440295718551786</v>
      </c>
      <c r="AX83" s="17">
        <v>0.81</v>
      </c>
      <c r="AY83" s="17">
        <v>0.8</v>
      </c>
      <c r="AZ83" s="17">
        <v>0.79</v>
      </c>
      <c r="BA83" s="17">
        <v>0.77798986041475227</v>
      </c>
      <c r="BB83" s="17">
        <v>0.78556245351743603</v>
      </c>
      <c r="BC83" s="17">
        <v>0.77786224533600368</v>
      </c>
      <c r="BD83" s="17">
        <v>0.78686646742197652</v>
      </c>
      <c r="BE83" s="17">
        <v>0.78</v>
      </c>
    </row>
    <row r="84" spans="3:57" x14ac:dyDescent="0.2">
      <c r="C84" s="18" t="s">
        <v>91</v>
      </c>
      <c r="D84" s="6" t="s">
        <v>58</v>
      </c>
      <c r="E84" s="17">
        <v>0.63105880803293235</v>
      </c>
      <c r="F84" s="17">
        <v>0.66647034336737632</v>
      </c>
      <c r="G84" s="17">
        <v>0.76</v>
      </c>
      <c r="H84" s="8">
        <v>0.78519076394130682</v>
      </c>
      <c r="I84" s="8">
        <v>0.79337322717021208</v>
      </c>
      <c r="J84" s="8">
        <v>0.82499568828000114</v>
      </c>
      <c r="K84" s="8">
        <v>0.86090909208054234</v>
      </c>
      <c r="L84" s="8">
        <v>0.85747628541652976</v>
      </c>
      <c r="M84" s="8">
        <v>0.87</v>
      </c>
      <c r="N84" s="8">
        <v>0.87</v>
      </c>
      <c r="O84" s="8">
        <v>0.89</v>
      </c>
      <c r="P84" s="8">
        <v>0.89</v>
      </c>
      <c r="Q84" s="8">
        <v>0.9</v>
      </c>
      <c r="R84" s="8">
        <v>0.91</v>
      </c>
      <c r="S84" s="8">
        <v>0.93</v>
      </c>
      <c r="T84" s="8">
        <v>0.93</v>
      </c>
      <c r="U84" s="8">
        <v>1</v>
      </c>
      <c r="V84" s="8">
        <v>1.03</v>
      </c>
      <c r="W84" s="8">
        <v>1.1000000000000001</v>
      </c>
      <c r="X84" s="8">
        <v>1.1499999999999999</v>
      </c>
      <c r="Y84" s="8">
        <v>1.17</v>
      </c>
      <c r="Z84" s="8">
        <v>1.1599999999999999</v>
      </c>
      <c r="AA84" s="17"/>
      <c r="AB84" s="17"/>
      <c r="AC84" s="17"/>
      <c r="AD84" s="8"/>
      <c r="AE84" s="17"/>
      <c r="AF84" s="17"/>
      <c r="AG84" s="17"/>
      <c r="AH84" s="17"/>
      <c r="AI84" s="17"/>
      <c r="AJ84" s="8"/>
      <c r="AK84" s="17"/>
      <c r="AL84" s="17"/>
      <c r="AM84" s="17"/>
      <c r="AN84" s="17"/>
      <c r="AO84" s="17">
        <v>1.21</v>
      </c>
      <c r="AP84" s="17">
        <v>1.1399999999999999</v>
      </c>
      <c r="AQ84" s="17">
        <v>1.07</v>
      </c>
      <c r="AR84" s="17">
        <v>1.01</v>
      </c>
      <c r="AS84" s="17">
        <v>0.93667172189328629</v>
      </c>
      <c r="AT84" s="17">
        <v>1.0804918715257497</v>
      </c>
      <c r="AU84" s="17">
        <v>0.97</v>
      </c>
      <c r="AV84" s="17">
        <v>1.040101202080314</v>
      </c>
      <c r="AW84" s="17">
        <v>0.9335835198503678</v>
      </c>
      <c r="AX84" s="17">
        <v>0.92</v>
      </c>
      <c r="AY84" s="17">
        <v>0.89</v>
      </c>
      <c r="AZ84" s="17">
        <v>0.83</v>
      </c>
      <c r="BA84" s="17">
        <v>0.78897171822197087</v>
      </c>
      <c r="BB84" s="17">
        <v>0.80612775042684315</v>
      </c>
      <c r="BC84" s="17">
        <v>0.69152267884277507</v>
      </c>
      <c r="BD84" s="8">
        <v>0.73174306278293866</v>
      </c>
      <c r="BE84" s="8">
        <v>0.83</v>
      </c>
    </row>
    <row r="85" spans="3:57" x14ac:dyDescent="0.2">
      <c r="C85" s="18" t="s">
        <v>100</v>
      </c>
      <c r="D85" s="6" t="s">
        <v>58</v>
      </c>
      <c r="E85" s="17">
        <v>0.59</v>
      </c>
      <c r="F85" s="17">
        <v>0.75</v>
      </c>
      <c r="G85" s="17">
        <v>0.8</v>
      </c>
      <c r="H85" s="8">
        <v>0.79</v>
      </c>
      <c r="I85" s="8">
        <v>0.81</v>
      </c>
      <c r="J85" s="8">
        <v>0.7</v>
      </c>
      <c r="K85" s="8">
        <v>0.69</v>
      </c>
      <c r="L85" s="8">
        <v>0.68</v>
      </c>
      <c r="M85" s="8">
        <v>0.74</v>
      </c>
      <c r="N85" s="8">
        <v>0.75</v>
      </c>
      <c r="O85" s="8">
        <v>0.73602291471412007</v>
      </c>
      <c r="P85" s="8">
        <v>0.76</v>
      </c>
      <c r="Q85" s="8">
        <v>0.78</v>
      </c>
      <c r="R85" s="8">
        <v>0.765835048454793</v>
      </c>
      <c r="S85" s="8">
        <v>0.78305862642341417</v>
      </c>
      <c r="T85" s="8">
        <v>0.78</v>
      </c>
      <c r="U85" s="8">
        <v>0.76</v>
      </c>
      <c r="V85" s="8">
        <v>0.72</v>
      </c>
      <c r="W85" s="8">
        <v>0.68</v>
      </c>
      <c r="X85" s="8">
        <v>0.68</v>
      </c>
      <c r="Y85" s="8">
        <v>0.66603910273324451</v>
      </c>
      <c r="Z85" s="8">
        <v>0.68</v>
      </c>
      <c r="AA85" s="17">
        <v>0.6</v>
      </c>
      <c r="AB85" s="17">
        <v>0.61</v>
      </c>
      <c r="AC85" s="17">
        <v>0.60786746680190684</v>
      </c>
      <c r="AD85" s="8">
        <v>0.60636528891411445</v>
      </c>
      <c r="AE85" s="17">
        <v>0.61</v>
      </c>
      <c r="AF85" s="17">
        <v>0.6</v>
      </c>
      <c r="AG85" s="17">
        <v>0.59581368243601107</v>
      </c>
      <c r="AH85" s="17">
        <v>0.59579648270679209</v>
      </c>
      <c r="AI85" s="17">
        <v>0.59691168335300337</v>
      </c>
      <c r="AJ85" s="8">
        <v>0.59887009754028175</v>
      </c>
      <c r="AK85" s="17">
        <v>0.6</v>
      </c>
      <c r="AL85" s="17">
        <v>0.7596294340015064</v>
      </c>
      <c r="AM85" s="17">
        <v>0.77813177202855344</v>
      </c>
      <c r="AN85" s="17">
        <v>0.82</v>
      </c>
      <c r="AO85" s="17">
        <v>0.9</v>
      </c>
      <c r="AP85" s="17">
        <v>0.86625662702473005</v>
      </c>
      <c r="AQ85" s="17">
        <v>0.78413287095806006</v>
      </c>
      <c r="AR85" s="17">
        <v>0.78362040598023219</v>
      </c>
      <c r="AS85" s="17">
        <v>0.83761822270943986</v>
      </c>
      <c r="AT85" s="17">
        <v>0.78685498617782834</v>
      </c>
      <c r="AU85" s="17">
        <v>0.88</v>
      </c>
      <c r="AV85" s="17">
        <v>0.82854584895368588</v>
      </c>
      <c r="AW85" s="17">
        <v>0.81297019767794076</v>
      </c>
      <c r="AX85" s="17">
        <v>0.79</v>
      </c>
      <c r="AY85" s="17">
        <v>0.79</v>
      </c>
      <c r="AZ85" s="17">
        <v>0.81</v>
      </c>
      <c r="BA85" s="17">
        <v>0.77645704020977468</v>
      </c>
      <c r="BB85" s="17">
        <v>0.78427447475017098</v>
      </c>
      <c r="BC85" s="17">
        <v>0.75338313235966303</v>
      </c>
      <c r="BD85" s="8">
        <v>0.75435705256605889</v>
      </c>
      <c r="BE85" s="8">
        <v>0.76</v>
      </c>
    </row>
    <row r="86" spans="3:57" x14ac:dyDescent="0.2">
      <c r="C86" s="16" t="s">
        <v>89</v>
      </c>
      <c r="D86" s="6" t="s">
        <v>58</v>
      </c>
      <c r="E86" s="17">
        <v>0.81500619938269969</v>
      </c>
      <c r="F86" s="17">
        <v>0.84389584897332026</v>
      </c>
      <c r="G86" s="17">
        <v>0.77715403312262021</v>
      </c>
      <c r="H86" s="8">
        <v>0.75645463902869703</v>
      </c>
      <c r="I86" s="8">
        <v>0.73116270753478552</v>
      </c>
      <c r="J86" s="8">
        <v>0.72523166447811327</v>
      </c>
      <c r="K86" s="8">
        <v>0.72814516274724361</v>
      </c>
      <c r="L86" s="8">
        <v>0.72658586275715609</v>
      </c>
      <c r="M86" s="8">
        <v>0.73</v>
      </c>
      <c r="N86" s="8">
        <v>0.72</v>
      </c>
      <c r="O86" s="8">
        <v>0.71345807596968036</v>
      </c>
      <c r="P86" s="8">
        <v>0.71</v>
      </c>
      <c r="Q86" s="8">
        <v>0.7</v>
      </c>
      <c r="R86" s="8">
        <v>0.70757261424845008</v>
      </c>
      <c r="S86" s="8">
        <v>0.69561492469537578</v>
      </c>
      <c r="T86" s="8">
        <v>0.7</v>
      </c>
      <c r="U86" s="8">
        <v>0.7</v>
      </c>
      <c r="V86" s="8">
        <v>0.7</v>
      </c>
      <c r="W86" s="8">
        <v>0.69</v>
      </c>
      <c r="X86" s="8">
        <v>0.7</v>
      </c>
      <c r="Y86" s="8">
        <v>0.69042128942512704</v>
      </c>
      <c r="Z86" s="8">
        <v>0.69</v>
      </c>
      <c r="AA86" s="17">
        <v>0.69</v>
      </c>
      <c r="AB86" s="17">
        <v>0.69</v>
      </c>
      <c r="AC86" s="17">
        <v>0.6991678077898299</v>
      </c>
      <c r="AD86" s="8">
        <v>0.6734421938953391</v>
      </c>
      <c r="AE86" s="17">
        <v>0.66</v>
      </c>
      <c r="AF86" s="17">
        <v>0.65</v>
      </c>
      <c r="AG86" s="17">
        <v>0.62872902486690474</v>
      </c>
      <c r="AH86" s="17">
        <v>0.65309268095931838</v>
      </c>
      <c r="AI86" s="17">
        <v>0.65073069963416397</v>
      </c>
      <c r="AJ86" s="8">
        <v>0.64792144645164185</v>
      </c>
      <c r="AK86" s="17">
        <v>0.66</v>
      </c>
      <c r="AL86" s="17">
        <v>0.68967985250311481</v>
      </c>
      <c r="AM86" s="17">
        <v>0.65432920445734577</v>
      </c>
      <c r="AN86" s="17">
        <v>0.6</v>
      </c>
      <c r="AO86" s="17">
        <v>0.72</v>
      </c>
      <c r="AP86" s="17">
        <v>0.73436390193707213</v>
      </c>
      <c r="AQ86" s="17">
        <v>0.68942398673986738</v>
      </c>
      <c r="AR86" s="17">
        <v>0.67760588990023563</v>
      </c>
      <c r="AS86" s="17">
        <v>0.68694679462435837</v>
      </c>
      <c r="AT86" s="17">
        <v>0.68075042297450383</v>
      </c>
      <c r="AU86" s="17">
        <v>0.69</v>
      </c>
      <c r="AV86" s="17">
        <v>0.67166158814490706</v>
      </c>
      <c r="AW86" s="17">
        <v>0.68556551251131026</v>
      </c>
      <c r="AX86" s="17">
        <v>0.66</v>
      </c>
      <c r="AY86" s="17">
        <v>0.73</v>
      </c>
      <c r="AZ86" s="17">
        <v>0.7</v>
      </c>
      <c r="BA86" s="17">
        <v>0.71408952020114402</v>
      </c>
      <c r="BB86" s="17">
        <v>0.66868914267260038</v>
      </c>
      <c r="BC86" s="17">
        <v>0.68739446889351097</v>
      </c>
      <c r="BD86" s="8">
        <v>0.64354666024594198</v>
      </c>
      <c r="BE86" s="8">
        <v>0.67</v>
      </c>
    </row>
    <row r="87" spans="3:57" x14ac:dyDescent="0.2">
      <c r="C87" s="16" t="s">
        <v>95</v>
      </c>
      <c r="D87" s="6" t="s">
        <v>58</v>
      </c>
      <c r="E87" s="17">
        <v>1.0119532654719459</v>
      </c>
      <c r="F87" s="17">
        <v>1.0255735168400582</v>
      </c>
      <c r="G87" s="17">
        <v>1.1100000000000001</v>
      </c>
      <c r="H87" s="17">
        <v>1.0940481814911296</v>
      </c>
      <c r="I87" s="17">
        <v>1.1086107098240499</v>
      </c>
      <c r="J87" s="17">
        <v>1.1078362493346061</v>
      </c>
      <c r="K87" s="17">
        <v>1.1240146704447818</v>
      </c>
      <c r="L87" s="17">
        <v>1.154658452400519</v>
      </c>
      <c r="M87" s="17">
        <v>1.1399999999999999</v>
      </c>
      <c r="N87" s="17">
        <v>1.1599999999999999</v>
      </c>
      <c r="O87" s="17">
        <v>1.1635907657189122</v>
      </c>
      <c r="P87" s="17">
        <v>1.17</v>
      </c>
      <c r="Q87" s="17">
        <v>1.1499999999999999</v>
      </c>
      <c r="R87" s="17">
        <v>1.153782939288019</v>
      </c>
      <c r="S87" s="17">
        <v>1.1374787416707361</v>
      </c>
      <c r="T87" s="17">
        <v>1.1399999999999999</v>
      </c>
      <c r="U87" s="17">
        <v>1.1599999999999999</v>
      </c>
      <c r="V87" s="17">
        <v>1.18</v>
      </c>
      <c r="W87" s="17">
        <v>1.2</v>
      </c>
      <c r="X87" s="17">
        <v>1.19</v>
      </c>
      <c r="Y87" s="17">
        <v>1.5236524573688857</v>
      </c>
      <c r="Z87" s="17">
        <v>1.54</v>
      </c>
      <c r="AA87" s="17">
        <v>1.51</v>
      </c>
      <c r="AB87" s="17">
        <v>1.5</v>
      </c>
      <c r="AC87" s="17">
        <v>1.4333376923412231</v>
      </c>
      <c r="AD87" s="17">
        <v>1.3708692448175324</v>
      </c>
      <c r="AE87" s="17"/>
      <c r="AF87" s="17"/>
      <c r="AG87" s="17"/>
      <c r="AH87" s="17"/>
      <c r="AI87" s="17"/>
      <c r="AJ87" s="8">
        <v>1.237253161402853</v>
      </c>
      <c r="AK87" s="17">
        <v>1.05</v>
      </c>
      <c r="AL87" s="17">
        <v>0.98210392109907851</v>
      </c>
      <c r="AM87" s="17">
        <v>0.97298071016546372</v>
      </c>
      <c r="AN87" s="17">
        <v>0.99</v>
      </c>
      <c r="AO87" s="17">
        <v>0.92</v>
      </c>
      <c r="AP87" s="17">
        <v>0.91311369158586586</v>
      </c>
      <c r="AQ87" s="17">
        <v>0.8753030595019583</v>
      </c>
      <c r="AR87" s="17">
        <v>0.86960279873369017</v>
      </c>
      <c r="AS87" s="17">
        <v>0.88743428456545193</v>
      </c>
      <c r="AT87" s="17">
        <v>0.87697095249662982</v>
      </c>
      <c r="AU87" s="17">
        <v>0.87</v>
      </c>
      <c r="AV87" s="17">
        <v>0.85078687106157458</v>
      </c>
      <c r="AW87" s="17">
        <v>0.83917521659028593</v>
      </c>
      <c r="AX87" s="17">
        <v>0.85</v>
      </c>
      <c r="AY87" s="17">
        <v>0.84</v>
      </c>
      <c r="AZ87" s="17">
        <v>0.87</v>
      </c>
      <c r="BA87" s="17">
        <v>0.89026477313891139</v>
      </c>
      <c r="BB87" s="17">
        <v>0.86469697040075189</v>
      </c>
      <c r="BC87" s="17">
        <v>0.87759533987463734</v>
      </c>
      <c r="BD87" s="17">
        <v>0.87549720400691966</v>
      </c>
      <c r="BE87" s="17">
        <v>0.88</v>
      </c>
    </row>
    <row r="88" spans="3:57" x14ac:dyDescent="0.2">
      <c r="C88" s="23" t="s">
        <v>96</v>
      </c>
      <c r="D88" s="6" t="s">
        <v>58</v>
      </c>
      <c r="E88" s="17">
        <v>1.1230979915407024</v>
      </c>
      <c r="F88" s="17">
        <v>1.0817770137156599</v>
      </c>
      <c r="G88" s="17">
        <v>1.1499999999999999</v>
      </c>
      <c r="H88" s="17">
        <v>1.2093085607061247</v>
      </c>
      <c r="I88" s="17">
        <v>1.2723730775894784</v>
      </c>
      <c r="J88" s="17">
        <v>1.2612931320444685</v>
      </c>
      <c r="K88" s="17">
        <v>1.2465419412590866</v>
      </c>
      <c r="L88" s="17">
        <v>1.2668891452324498</v>
      </c>
      <c r="M88" s="17">
        <v>1.18</v>
      </c>
      <c r="N88" s="17">
        <v>1.1599999999999999</v>
      </c>
      <c r="O88" s="17">
        <v>1.1544270371462428</v>
      </c>
      <c r="P88" s="17">
        <v>1.1399999999999999</v>
      </c>
      <c r="Q88" s="17">
        <v>1.0900000000000001</v>
      </c>
      <c r="R88" s="17">
        <v>1.1348707590730238</v>
      </c>
      <c r="S88" s="17">
        <v>1.1162421172150385</v>
      </c>
      <c r="T88" s="17">
        <v>1.1200000000000001</v>
      </c>
      <c r="U88" s="17">
        <v>1.0900000000000001</v>
      </c>
      <c r="V88" s="17">
        <v>1.03</v>
      </c>
      <c r="W88" s="17">
        <v>1.03</v>
      </c>
      <c r="X88" s="17">
        <v>1.01</v>
      </c>
      <c r="Y88" s="17">
        <v>1.0095367249344942</v>
      </c>
      <c r="Z88" s="17">
        <v>0.97</v>
      </c>
      <c r="AA88" s="17">
        <v>0.87</v>
      </c>
      <c r="AB88" s="17">
        <v>0.79</v>
      </c>
      <c r="AC88" s="17">
        <v>0.78268813919585123</v>
      </c>
      <c r="AD88" s="17">
        <v>0.78509664915817978</v>
      </c>
      <c r="AE88" s="17">
        <v>0.75</v>
      </c>
      <c r="AF88" s="17">
        <v>0.68</v>
      </c>
      <c r="AG88" s="17">
        <v>0.67929617176395252</v>
      </c>
      <c r="AH88" s="17">
        <v>0.6883718370843589</v>
      </c>
      <c r="AI88" s="17">
        <v>0.68253571852834316</v>
      </c>
      <c r="AJ88" s="17">
        <v>0.69886050496690921</v>
      </c>
      <c r="AK88" s="17">
        <v>0.7</v>
      </c>
      <c r="AL88" s="17">
        <v>0.69087534349431912</v>
      </c>
      <c r="AM88" s="17">
        <v>0.74598748774937018</v>
      </c>
      <c r="AN88" s="17">
        <v>0.75</v>
      </c>
      <c r="AO88" s="17">
        <v>0.78</v>
      </c>
      <c r="AP88" s="17">
        <v>0.84857267146742499</v>
      </c>
      <c r="AQ88" s="17">
        <v>0.95541985505430038</v>
      </c>
      <c r="AR88" s="17">
        <v>1.056300394475687</v>
      </c>
      <c r="AS88" s="17">
        <v>1.5017291182149546</v>
      </c>
      <c r="AT88" s="17">
        <v>1.586428208014858</v>
      </c>
      <c r="AU88" s="17">
        <v>1.74</v>
      </c>
      <c r="AV88" s="17">
        <v>1.7354128725215765</v>
      </c>
      <c r="AW88" s="17">
        <v>1.7067809626843944</v>
      </c>
      <c r="AX88" s="17">
        <v>1.59</v>
      </c>
      <c r="AY88" s="17">
        <v>1.37</v>
      </c>
      <c r="AZ88" s="17">
        <v>1.31</v>
      </c>
      <c r="BA88" s="17">
        <v>1.125580462120348</v>
      </c>
      <c r="BB88" s="17">
        <v>1.0527701221990522</v>
      </c>
      <c r="BC88" s="17">
        <v>0.89945168802398012</v>
      </c>
      <c r="BD88" s="17">
        <v>0.91407201242621072</v>
      </c>
      <c r="BE88" s="17">
        <v>0.87</v>
      </c>
    </row>
    <row r="89" spans="3:57" x14ac:dyDescent="0.2">
      <c r="C89" s="23"/>
    </row>
    <row r="92" spans="3:57" x14ac:dyDescent="0.2">
      <c r="C92" s="1" t="s">
        <v>97</v>
      </c>
      <c r="E92" s="2">
        <v>2009</v>
      </c>
      <c r="F92" s="1"/>
      <c r="G92" s="1"/>
      <c r="H92" s="1"/>
      <c r="I92" s="1"/>
      <c r="J92" s="1"/>
      <c r="K92" s="1"/>
      <c r="L92" s="1"/>
      <c r="M92" s="1"/>
    </row>
    <row r="93" spans="3:57" x14ac:dyDescent="0.2">
      <c r="C93" s="3" t="s">
        <v>2</v>
      </c>
      <c r="D93" s="3" t="s">
        <v>3</v>
      </c>
      <c r="E93" s="4" t="s">
        <v>15</v>
      </c>
      <c r="F93" s="4" t="s">
        <v>16</v>
      </c>
      <c r="G93" s="4" t="s">
        <v>17</v>
      </c>
      <c r="H93" s="4" t="s">
        <v>18</v>
      </c>
      <c r="I93" s="4" t="s">
        <v>19</v>
      </c>
      <c r="J93" s="4" t="s">
        <v>20</v>
      </c>
      <c r="K93" s="4" t="s">
        <v>21</v>
      </c>
      <c r="L93" s="4" t="s">
        <v>22</v>
      </c>
      <c r="M93" s="4" t="s">
        <v>23</v>
      </c>
      <c r="N93" s="4" t="s">
        <v>24</v>
      </c>
      <c r="O93" s="4" t="s">
        <v>25</v>
      </c>
      <c r="P93" s="4" t="s">
        <v>26</v>
      </c>
      <c r="Q93" s="4" t="s">
        <v>27</v>
      </c>
      <c r="R93" s="4" t="s">
        <v>28</v>
      </c>
      <c r="S93" s="4" t="s">
        <v>29</v>
      </c>
      <c r="T93" s="4" t="s">
        <v>30</v>
      </c>
      <c r="U93" s="4" t="s">
        <v>31</v>
      </c>
      <c r="V93" s="4" t="s">
        <v>32</v>
      </c>
      <c r="W93" s="4" t="s">
        <v>33</v>
      </c>
      <c r="X93" s="4" t="s">
        <v>34</v>
      </c>
      <c r="Y93" s="4" t="s">
        <v>35</v>
      </c>
      <c r="Z93" s="4" t="s">
        <v>36</v>
      </c>
      <c r="AA93" s="4" t="s">
        <v>37</v>
      </c>
      <c r="AB93" s="4" t="s">
        <v>38</v>
      </c>
      <c r="AC93" s="4" t="s">
        <v>39</v>
      </c>
      <c r="AD93" s="4" t="s">
        <v>40</v>
      </c>
      <c r="AE93" s="4" t="s">
        <v>41</v>
      </c>
      <c r="AF93" s="4" t="s">
        <v>42</v>
      </c>
      <c r="AG93" s="4" t="s">
        <v>43</v>
      </c>
      <c r="AH93" s="4" t="s">
        <v>44</v>
      </c>
      <c r="AI93" s="4" t="s">
        <v>45</v>
      </c>
      <c r="AJ93" s="4" t="s">
        <v>46</v>
      </c>
      <c r="AK93" s="4" t="s">
        <v>47</v>
      </c>
      <c r="AL93" s="4" t="s">
        <v>48</v>
      </c>
      <c r="AM93" s="4" t="s">
        <v>49</v>
      </c>
      <c r="AN93" s="4" t="s">
        <v>50</v>
      </c>
      <c r="AO93" s="4" t="s">
        <v>51</v>
      </c>
      <c r="AP93" s="4" t="s">
        <v>52</v>
      </c>
      <c r="AQ93" s="4" t="s">
        <v>53</v>
      </c>
      <c r="AR93" s="4" t="s">
        <v>54</v>
      </c>
      <c r="AS93" s="4" t="s">
        <v>55</v>
      </c>
      <c r="AT93" s="4" t="s">
        <v>4</v>
      </c>
      <c r="AU93" s="4" t="s">
        <v>5</v>
      </c>
      <c r="AV93" s="4" t="s">
        <v>6</v>
      </c>
      <c r="AW93" s="4" t="s">
        <v>7</v>
      </c>
      <c r="AX93" s="4" t="s">
        <v>8</v>
      </c>
      <c r="AY93" s="4" t="s">
        <v>9</v>
      </c>
      <c r="AZ93" s="4" t="s">
        <v>10</v>
      </c>
      <c r="BA93" s="4" t="s">
        <v>11</v>
      </c>
      <c r="BB93" s="4" t="s">
        <v>12</v>
      </c>
      <c r="BC93" s="4" t="s">
        <v>13</v>
      </c>
      <c r="BD93" s="4" t="s">
        <v>14</v>
      </c>
      <c r="BE93" s="4" t="s">
        <v>56</v>
      </c>
    </row>
    <row r="94" spans="3:57" x14ac:dyDescent="0.2">
      <c r="C94" s="5" t="s">
        <v>57</v>
      </c>
      <c r="D94" s="6" t="s">
        <v>58</v>
      </c>
      <c r="E94" s="17">
        <v>15.22</v>
      </c>
      <c r="F94" s="17">
        <v>15.21</v>
      </c>
      <c r="G94" s="17">
        <v>15.29</v>
      </c>
      <c r="H94" s="17">
        <v>15.26</v>
      </c>
      <c r="I94" s="8">
        <v>15.33</v>
      </c>
      <c r="J94" s="8">
        <v>15.29</v>
      </c>
      <c r="K94" s="8">
        <v>15.26</v>
      </c>
      <c r="L94" s="8">
        <v>15.27</v>
      </c>
      <c r="M94" s="8">
        <v>15.26</v>
      </c>
      <c r="N94" s="8">
        <v>15.18</v>
      </c>
      <c r="O94" s="8">
        <v>15.19</v>
      </c>
      <c r="P94" s="8">
        <v>15.26</v>
      </c>
      <c r="Q94" s="8">
        <v>15.16</v>
      </c>
      <c r="R94" s="8">
        <v>15.16</v>
      </c>
      <c r="S94" s="8">
        <v>15.16</v>
      </c>
      <c r="T94" s="8">
        <v>15.16</v>
      </c>
      <c r="U94" s="8">
        <v>15.16</v>
      </c>
      <c r="V94" s="8">
        <v>15.19</v>
      </c>
      <c r="W94" s="8">
        <v>15.24</v>
      </c>
      <c r="X94" s="8">
        <v>15.22</v>
      </c>
      <c r="Y94" s="8">
        <v>15.29</v>
      </c>
      <c r="Z94" s="8">
        <v>15.33</v>
      </c>
      <c r="AA94" s="17">
        <v>15.3</v>
      </c>
      <c r="AB94" s="17">
        <v>15.46</v>
      </c>
      <c r="AC94" s="17">
        <v>15.46</v>
      </c>
      <c r="AD94" s="17">
        <v>15.5</v>
      </c>
      <c r="AE94" s="17">
        <v>15.49</v>
      </c>
      <c r="AF94" s="17">
        <v>15.5</v>
      </c>
      <c r="AG94" s="17">
        <v>15.56</v>
      </c>
      <c r="AH94" s="8">
        <v>15.42</v>
      </c>
      <c r="AI94" s="12">
        <v>15.59</v>
      </c>
      <c r="AJ94" s="12">
        <v>15.59</v>
      </c>
      <c r="AK94" s="12">
        <v>15.59</v>
      </c>
      <c r="AL94" s="12">
        <v>15.65</v>
      </c>
      <c r="AM94" s="12">
        <v>15.69</v>
      </c>
      <c r="AN94" s="8">
        <v>15.62</v>
      </c>
      <c r="AO94" s="17">
        <v>15.61</v>
      </c>
      <c r="AP94" s="17">
        <v>15.61</v>
      </c>
      <c r="AQ94" s="17">
        <v>15.6</v>
      </c>
      <c r="AR94" s="17">
        <v>15.647134331467601</v>
      </c>
      <c r="AS94" s="17">
        <v>15.65</v>
      </c>
      <c r="AT94" s="17">
        <v>15.72</v>
      </c>
      <c r="AU94" s="17">
        <v>15.66</v>
      </c>
      <c r="AV94" s="17">
        <v>15.69</v>
      </c>
      <c r="AW94" s="17">
        <v>15.68</v>
      </c>
      <c r="AX94" s="17">
        <v>15.66</v>
      </c>
      <c r="AY94" s="17">
        <v>15.71</v>
      </c>
      <c r="AZ94" s="17">
        <v>15.69</v>
      </c>
      <c r="BA94" s="17">
        <v>15.69</v>
      </c>
      <c r="BB94" s="17">
        <v>15.68</v>
      </c>
      <c r="BC94" s="8">
        <v>15.68</v>
      </c>
      <c r="BD94" s="8">
        <v>15.7</v>
      </c>
      <c r="BE94" s="8">
        <v>15.71</v>
      </c>
    </row>
    <row r="95" spans="3:57" x14ac:dyDescent="0.2">
      <c r="C95" s="5" t="s">
        <v>59</v>
      </c>
      <c r="D95" s="6" t="s">
        <v>58</v>
      </c>
      <c r="E95" s="17">
        <v>11.22</v>
      </c>
      <c r="F95" s="17">
        <v>11.16</v>
      </c>
      <c r="G95" s="17">
        <v>11.13</v>
      </c>
      <c r="H95" s="17">
        <v>11.02</v>
      </c>
      <c r="I95" s="8">
        <v>10.88</v>
      </c>
      <c r="J95" s="8">
        <v>10.82</v>
      </c>
      <c r="K95" s="8">
        <v>10.76</v>
      </c>
      <c r="L95" s="8">
        <v>10.77</v>
      </c>
      <c r="M95" s="8">
        <v>10.61</v>
      </c>
      <c r="N95" s="8">
        <v>10.33</v>
      </c>
      <c r="O95" s="8">
        <v>10.220000000000001</v>
      </c>
      <c r="P95" s="8">
        <v>10.23</v>
      </c>
      <c r="Q95" s="8">
        <v>10.28</v>
      </c>
      <c r="R95" s="8">
        <v>10.23</v>
      </c>
      <c r="S95" s="8">
        <v>10.220000000000001</v>
      </c>
      <c r="T95" s="8">
        <v>10.26</v>
      </c>
      <c r="U95" s="8">
        <v>10.26</v>
      </c>
      <c r="V95" s="8">
        <v>10.23</v>
      </c>
      <c r="W95" s="8">
        <v>10.17</v>
      </c>
      <c r="X95" s="8">
        <v>10.1</v>
      </c>
      <c r="Y95" s="8">
        <v>10.050000000000001</v>
      </c>
      <c r="Z95" s="8">
        <v>10.02</v>
      </c>
      <c r="AA95" s="17">
        <v>10.050000000000001</v>
      </c>
      <c r="AB95" s="17">
        <v>10.050000000000001</v>
      </c>
      <c r="AC95" s="17">
        <v>10.039999999999999</v>
      </c>
      <c r="AD95" s="17">
        <v>10.06</v>
      </c>
      <c r="AE95" s="17">
        <v>10.06</v>
      </c>
      <c r="AF95" s="17">
        <v>10.06</v>
      </c>
      <c r="AG95" s="17">
        <v>10.09</v>
      </c>
      <c r="AH95" s="8">
        <v>10.14</v>
      </c>
      <c r="AI95" s="12">
        <v>10.3</v>
      </c>
      <c r="AJ95" s="12">
        <v>10.36</v>
      </c>
      <c r="AK95" s="12">
        <v>10.35</v>
      </c>
      <c r="AL95" s="12">
        <v>10.36</v>
      </c>
      <c r="AM95" s="12">
        <v>10.29</v>
      </c>
      <c r="AN95" s="8">
        <v>10.39</v>
      </c>
      <c r="AO95" s="17">
        <v>10.42</v>
      </c>
      <c r="AP95" s="17">
        <v>10.47</v>
      </c>
      <c r="AQ95" s="17">
        <v>10.55</v>
      </c>
      <c r="AR95" s="17">
        <v>10.632399560633898</v>
      </c>
      <c r="AS95" s="17">
        <v>10.64</v>
      </c>
      <c r="AT95" s="17">
        <v>10.65</v>
      </c>
      <c r="AU95" s="17">
        <v>10.65</v>
      </c>
      <c r="AV95" s="17">
        <v>10.65</v>
      </c>
      <c r="AW95" s="17">
        <v>10.65</v>
      </c>
      <c r="AX95" s="17">
        <v>10.73</v>
      </c>
      <c r="AY95" s="17">
        <v>10.74</v>
      </c>
      <c r="AZ95" s="17">
        <v>10.73</v>
      </c>
      <c r="BA95" s="17">
        <v>10.75</v>
      </c>
      <c r="BB95" s="17">
        <v>10.77</v>
      </c>
      <c r="BC95" s="8">
        <v>10.95</v>
      </c>
      <c r="BD95" s="8">
        <v>10.99</v>
      </c>
      <c r="BE95" s="8">
        <v>10.99</v>
      </c>
    </row>
    <row r="96" spans="3:57" x14ac:dyDescent="0.2">
      <c r="C96" s="5" t="s">
        <v>60</v>
      </c>
      <c r="D96" s="6" t="s">
        <v>58</v>
      </c>
      <c r="E96" s="17">
        <v>5.82</v>
      </c>
      <c r="F96" s="17">
        <v>5.81</v>
      </c>
      <c r="G96" s="17">
        <v>5.81</v>
      </c>
      <c r="H96" s="17">
        <v>5.81</v>
      </c>
      <c r="I96" s="8">
        <v>5.8</v>
      </c>
      <c r="J96" s="8">
        <v>5.81</v>
      </c>
      <c r="K96" s="8">
        <v>5.81</v>
      </c>
      <c r="L96" s="8">
        <v>5.78</v>
      </c>
      <c r="M96" s="8">
        <v>5.76</v>
      </c>
      <c r="N96" s="8">
        <v>5.72</v>
      </c>
      <c r="O96" s="8">
        <v>5.72</v>
      </c>
      <c r="P96" s="8">
        <v>5.67</v>
      </c>
      <c r="Q96" s="8">
        <v>5.69</v>
      </c>
      <c r="R96" s="8">
        <v>5.69</v>
      </c>
      <c r="S96" s="8">
        <v>5.7</v>
      </c>
      <c r="T96" s="8">
        <v>5.69</v>
      </c>
      <c r="U96" s="8">
        <v>5.68</v>
      </c>
      <c r="V96" s="8">
        <v>5.65</v>
      </c>
      <c r="W96" s="8">
        <v>5.65</v>
      </c>
      <c r="X96" s="8">
        <v>5.63</v>
      </c>
      <c r="Y96" s="8">
        <v>5.62</v>
      </c>
      <c r="Z96" s="8">
        <v>5.62</v>
      </c>
      <c r="AA96" s="17">
        <v>5.58</v>
      </c>
      <c r="AB96" s="17">
        <v>5.57</v>
      </c>
      <c r="AC96" s="17">
        <v>5.61</v>
      </c>
      <c r="AD96" s="17">
        <v>5.6</v>
      </c>
      <c r="AE96" s="17">
        <v>5.59</v>
      </c>
      <c r="AF96" s="17">
        <v>5.61</v>
      </c>
      <c r="AG96" s="17">
        <v>5.6</v>
      </c>
      <c r="AH96" s="8">
        <v>5.64</v>
      </c>
      <c r="AI96" s="12">
        <v>5.65</v>
      </c>
      <c r="AJ96" s="12">
        <v>5.65</v>
      </c>
      <c r="AK96" s="12">
        <v>5.65</v>
      </c>
      <c r="AL96" s="12">
        <v>5.63</v>
      </c>
      <c r="AM96" s="12">
        <v>5.63</v>
      </c>
      <c r="AN96" s="8">
        <v>5.65</v>
      </c>
      <c r="AO96" s="17">
        <v>5.65</v>
      </c>
      <c r="AP96" s="17">
        <v>5.65</v>
      </c>
      <c r="AQ96" s="17">
        <v>5.65</v>
      </c>
      <c r="AR96" s="17">
        <v>5.6424838135342297</v>
      </c>
      <c r="AS96" s="17">
        <v>5.62</v>
      </c>
      <c r="AT96" s="17">
        <v>5.61</v>
      </c>
      <c r="AU96" s="17">
        <v>5.59</v>
      </c>
      <c r="AV96" s="17">
        <v>5.6</v>
      </c>
      <c r="AW96" s="17">
        <v>5.56</v>
      </c>
      <c r="AX96" s="17">
        <v>5.54</v>
      </c>
      <c r="AY96" s="17">
        <v>5.56</v>
      </c>
      <c r="AZ96" s="17">
        <v>5.56</v>
      </c>
      <c r="BA96" s="17">
        <v>5.57</v>
      </c>
      <c r="BB96" s="17">
        <v>5.56</v>
      </c>
      <c r="BC96" s="8">
        <v>5.56</v>
      </c>
      <c r="BD96" s="8">
        <v>5.56</v>
      </c>
      <c r="BE96" s="8">
        <v>5.55</v>
      </c>
    </row>
    <row r="97" spans="3:57" x14ac:dyDescent="0.2">
      <c r="C97" s="5" t="s">
        <v>61</v>
      </c>
      <c r="D97" s="6" t="s">
        <v>58</v>
      </c>
      <c r="E97" s="17">
        <v>3.08</v>
      </c>
      <c r="F97" s="17">
        <v>3.08</v>
      </c>
      <c r="G97" s="17">
        <v>3.12</v>
      </c>
      <c r="H97" s="17">
        <v>3.17</v>
      </c>
      <c r="I97" s="8">
        <v>3.17</v>
      </c>
      <c r="J97" s="8">
        <v>3.15</v>
      </c>
      <c r="K97" s="8">
        <v>3.15</v>
      </c>
      <c r="L97" s="8">
        <v>3.15</v>
      </c>
      <c r="M97" s="8">
        <v>3.14</v>
      </c>
      <c r="N97" s="8">
        <v>3.15</v>
      </c>
      <c r="O97" s="8">
        <v>3.13</v>
      </c>
      <c r="P97" s="8">
        <v>3.1</v>
      </c>
      <c r="Q97" s="8">
        <v>3.09</v>
      </c>
      <c r="R97" s="8">
        <v>3.09</v>
      </c>
      <c r="S97" s="8">
        <v>3.08</v>
      </c>
      <c r="T97" s="8">
        <v>3.07</v>
      </c>
      <c r="U97" s="8">
        <v>3.07</v>
      </c>
      <c r="V97" s="8">
        <v>3.06</v>
      </c>
      <c r="W97" s="8">
        <v>3.04</v>
      </c>
      <c r="X97" s="8">
        <v>3.01</v>
      </c>
      <c r="Y97" s="8">
        <v>2.99</v>
      </c>
      <c r="Z97" s="8">
        <v>2.97</v>
      </c>
      <c r="AA97" s="17">
        <v>2.96</v>
      </c>
      <c r="AB97" s="17">
        <v>2.97</v>
      </c>
      <c r="AC97" s="17">
        <v>2.95</v>
      </c>
      <c r="AD97" s="17">
        <v>2.96</v>
      </c>
      <c r="AE97" s="17">
        <v>2.97</v>
      </c>
      <c r="AF97" s="17">
        <v>2.97</v>
      </c>
      <c r="AG97" s="17">
        <v>2.98</v>
      </c>
      <c r="AH97" s="8">
        <v>2.97</v>
      </c>
      <c r="AI97" s="12">
        <v>2.97</v>
      </c>
      <c r="AJ97" s="12">
        <v>2.98</v>
      </c>
      <c r="AK97" s="12">
        <v>2.98</v>
      </c>
      <c r="AL97" s="12">
        <v>3</v>
      </c>
      <c r="AM97" s="12">
        <v>3</v>
      </c>
      <c r="AN97" s="8">
        <v>2.99</v>
      </c>
      <c r="AO97" s="17">
        <v>3.01</v>
      </c>
      <c r="AP97" s="17">
        <v>3.02</v>
      </c>
      <c r="AQ97" s="17">
        <v>3.02</v>
      </c>
      <c r="AR97" s="17">
        <v>3.0177283742081902</v>
      </c>
      <c r="AS97" s="17">
        <v>3.01</v>
      </c>
      <c r="AT97" s="17">
        <v>3.01</v>
      </c>
      <c r="AU97" s="17">
        <v>2.99</v>
      </c>
      <c r="AV97" s="17">
        <v>2.97</v>
      </c>
      <c r="AW97" s="17">
        <v>2.97</v>
      </c>
      <c r="AX97" s="17">
        <v>2.95</v>
      </c>
      <c r="AY97" s="17">
        <v>2.94</v>
      </c>
      <c r="AZ97" s="17">
        <v>2.96</v>
      </c>
      <c r="BA97" s="17">
        <v>2.94</v>
      </c>
      <c r="BB97" s="17">
        <v>2.92</v>
      </c>
      <c r="BC97" s="8">
        <v>2.9</v>
      </c>
      <c r="BD97" s="8">
        <v>2.89</v>
      </c>
      <c r="BE97" s="8">
        <v>2.88</v>
      </c>
    </row>
    <row r="98" spans="3:57" x14ac:dyDescent="0.2">
      <c r="C98" s="5" t="s">
        <v>62</v>
      </c>
      <c r="D98" s="6" t="s">
        <v>58</v>
      </c>
      <c r="E98" s="17">
        <v>6.4</v>
      </c>
      <c r="F98" s="17">
        <v>6.42</v>
      </c>
      <c r="G98" s="17">
        <v>6.31</v>
      </c>
      <c r="H98" s="17">
        <v>6.3</v>
      </c>
      <c r="I98" s="8">
        <v>6.26</v>
      </c>
      <c r="J98" s="8">
        <v>6.22</v>
      </c>
      <c r="K98" s="8">
        <v>6.17</v>
      </c>
      <c r="L98" s="8">
        <v>6.17</v>
      </c>
      <c r="M98" s="8">
        <v>6.14</v>
      </c>
      <c r="N98" s="8">
        <v>6.18</v>
      </c>
      <c r="O98" s="8">
        <v>6.17</v>
      </c>
      <c r="P98" s="8">
        <v>6.12</v>
      </c>
      <c r="Q98" s="8">
        <v>6.19</v>
      </c>
      <c r="R98" s="8">
        <v>6.17</v>
      </c>
      <c r="S98" s="8">
        <v>6.15</v>
      </c>
      <c r="T98" s="8">
        <v>6.15</v>
      </c>
      <c r="U98" s="8">
        <v>6.15</v>
      </c>
      <c r="V98" s="8">
        <v>6.15</v>
      </c>
      <c r="W98" s="8">
        <v>6.11</v>
      </c>
      <c r="X98" s="8">
        <v>6.07</v>
      </c>
      <c r="Y98" s="8">
        <v>6.03</v>
      </c>
      <c r="Z98" s="8">
        <v>5.97</v>
      </c>
      <c r="AA98" s="17">
        <v>5.98</v>
      </c>
      <c r="AB98" s="17">
        <v>5.98</v>
      </c>
      <c r="AC98" s="17">
        <v>5.93</v>
      </c>
      <c r="AD98" s="17">
        <v>5.89</v>
      </c>
      <c r="AE98" s="17">
        <v>5.88</v>
      </c>
      <c r="AF98" s="17">
        <v>5.87</v>
      </c>
      <c r="AG98" s="17">
        <v>5.82</v>
      </c>
      <c r="AH98" s="8">
        <v>5.87</v>
      </c>
      <c r="AI98" s="12">
        <v>5.83</v>
      </c>
      <c r="AJ98" s="12">
        <v>5.86</v>
      </c>
      <c r="AK98" s="12">
        <v>5.85</v>
      </c>
      <c r="AL98" s="12">
        <v>5.83</v>
      </c>
      <c r="AM98" s="12">
        <v>5.85</v>
      </c>
      <c r="AN98" s="8">
        <v>5.9</v>
      </c>
      <c r="AO98" s="17">
        <v>5.9</v>
      </c>
      <c r="AP98" s="17">
        <v>5.92</v>
      </c>
      <c r="AQ98" s="17">
        <v>5.96</v>
      </c>
      <c r="AR98" s="17">
        <v>5.9668078274861998</v>
      </c>
      <c r="AS98" s="17">
        <v>5.99</v>
      </c>
      <c r="AT98" s="17">
        <v>5.96</v>
      </c>
      <c r="AU98" s="17">
        <v>6.01</v>
      </c>
      <c r="AV98" s="17">
        <v>6.04</v>
      </c>
      <c r="AW98" s="17">
        <v>6.05</v>
      </c>
      <c r="AX98" s="17">
        <v>6.07</v>
      </c>
      <c r="AY98" s="17">
        <v>6.07</v>
      </c>
      <c r="AZ98" s="17">
        <v>6.1</v>
      </c>
      <c r="BA98" s="17">
        <v>6.1</v>
      </c>
      <c r="BB98" s="17">
        <v>6.08</v>
      </c>
      <c r="BC98" s="8">
        <v>6.07</v>
      </c>
      <c r="BD98" s="8">
        <v>6.04</v>
      </c>
      <c r="BE98" s="8">
        <v>6.02</v>
      </c>
    </row>
    <row r="99" spans="3:57" x14ac:dyDescent="0.2">
      <c r="C99" s="5" t="s">
        <v>75</v>
      </c>
      <c r="D99" s="20" t="s">
        <v>76</v>
      </c>
      <c r="E99" s="17">
        <v>1.34</v>
      </c>
      <c r="F99" s="17">
        <v>1.34</v>
      </c>
      <c r="G99" s="17">
        <v>1.34</v>
      </c>
      <c r="H99" s="17">
        <v>1.35</v>
      </c>
      <c r="I99" s="8">
        <v>1.34</v>
      </c>
      <c r="J99" s="8">
        <v>1.35</v>
      </c>
      <c r="K99" s="8">
        <v>1.35</v>
      </c>
      <c r="L99" s="8">
        <v>1.35</v>
      </c>
      <c r="M99" s="8">
        <v>1.35</v>
      </c>
      <c r="N99" s="8">
        <v>1.35</v>
      </c>
      <c r="O99" s="8">
        <v>1.35</v>
      </c>
      <c r="P99" s="8">
        <v>1.35</v>
      </c>
      <c r="Q99" s="8">
        <v>1.35</v>
      </c>
      <c r="R99" s="8">
        <v>1.35</v>
      </c>
      <c r="S99" s="8">
        <v>1.35</v>
      </c>
      <c r="T99" s="8">
        <v>1.35</v>
      </c>
      <c r="U99" s="8">
        <v>1.35</v>
      </c>
      <c r="V99" s="8">
        <v>1.35</v>
      </c>
      <c r="W99" s="8">
        <v>1.35</v>
      </c>
      <c r="X99" s="8">
        <v>1.35</v>
      </c>
      <c r="Y99" s="8">
        <v>1.34</v>
      </c>
      <c r="Z99" s="8">
        <v>1.34</v>
      </c>
      <c r="AA99" s="17">
        <v>1.34</v>
      </c>
      <c r="AB99" s="17">
        <v>1.34</v>
      </c>
      <c r="AC99" s="17">
        <v>1.34</v>
      </c>
      <c r="AD99" s="17">
        <v>1.34</v>
      </c>
      <c r="AE99" s="17">
        <v>1.34</v>
      </c>
      <c r="AF99" s="17">
        <v>1.34</v>
      </c>
      <c r="AG99" s="17">
        <v>1.34</v>
      </c>
      <c r="AH99" s="8">
        <v>1.34</v>
      </c>
      <c r="AI99" s="12">
        <v>1.33</v>
      </c>
      <c r="AJ99" s="12">
        <v>1.34</v>
      </c>
      <c r="AK99" s="12">
        <v>1.34</v>
      </c>
      <c r="AL99" s="12">
        <v>1.34</v>
      </c>
      <c r="AM99" s="12">
        <v>1.34</v>
      </c>
      <c r="AN99" s="8">
        <v>1.34</v>
      </c>
      <c r="AO99" s="17">
        <v>1.34</v>
      </c>
      <c r="AP99" s="17">
        <v>1.33</v>
      </c>
      <c r="AQ99" s="17">
        <v>1.33</v>
      </c>
      <c r="AR99" s="17">
        <v>1.33222222222222</v>
      </c>
      <c r="AS99" s="17">
        <v>1.33</v>
      </c>
      <c r="AT99" s="17">
        <v>1.33</v>
      </c>
      <c r="AU99" s="17">
        <v>1.33</v>
      </c>
      <c r="AV99" s="17">
        <v>1.33</v>
      </c>
      <c r="AW99" s="17">
        <v>1.33</v>
      </c>
      <c r="AX99" s="17">
        <v>1.33</v>
      </c>
      <c r="AY99" s="17">
        <v>1.33</v>
      </c>
      <c r="AZ99" s="17">
        <v>1.33</v>
      </c>
      <c r="BA99" s="17">
        <v>1.33</v>
      </c>
      <c r="BB99" s="17">
        <v>1.33</v>
      </c>
      <c r="BC99" s="8">
        <v>1.33</v>
      </c>
      <c r="BD99" s="8">
        <v>1.33</v>
      </c>
      <c r="BE99" s="8">
        <v>1.33</v>
      </c>
    </row>
    <row r="100" spans="3:57" x14ac:dyDescent="0.2">
      <c r="C100" s="5" t="s">
        <v>63</v>
      </c>
      <c r="D100" s="6" t="s">
        <v>58</v>
      </c>
      <c r="E100" s="17">
        <v>18.71</v>
      </c>
      <c r="F100" s="17">
        <v>18.829999999999998</v>
      </c>
      <c r="G100" s="17">
        <v>18.63</v>
      </c>
      <c r="H100" s="17">
        <v>18.39</v>
      </c>
      <c r="I100" s="8">
        <v>18.329999999999998</v>
      </c>
      <c r="J100" s="8">
        <v>18.329999999999998</v>
      </c>
      <c r="K100" s="8">
        <v>18.54</v>
      </c>
      <c r="L100" s="8">
        <v>18.059999999999999</v>
      </c>
      <c r="M100" s="8">
        <v>17.940000000000001</v>
      </c>
      <c r="N100" s="8">
        <v>17.97</v>
      </c>
      <c r="O100" s="8">
        <v>17.73</v>
      </c>
      <c r="P100" s="8">
        <v>17.72</v>
      </c>
      <c r="Q100" s="8">
        <v>17.649999999999999</v>
      </c>
      <c r="R100" s="8">
        <v>17.63</v>
      </c>
      <c r="S100" s="8">
        <v>17.309999999999999</v>
      </c>
      <c r="T100" s="8">
        <v>17.36</v>
      </c>
      <c r="U100" s="8">
        <v>17.39</v>
      </c>
      <c r="V100" s="8">
        <v>17.3</v>
      </c>
      <c r="W100" s="8">
        <v>17.579999999999998</v>
      </c>
      <c r="X100" s="8">
        <v>17.43</v>
      </c>
      <c r="Y100" s="8">
        <v>17.23</v>
      </c>
      <c r="Z100" s="8">
        <v>17.149999999999999</v>
      </c>
      <c r="AA100" s="17">
        <v>17.03</v>
      </c>
      <c r="AB100" s="17">
        <v>17.14</v>
      </c>
      <c r="AC100" s="17">
        <v>17.079999999999998</v>
      </c>
      <c r="AD100" s="17">
        <v>17.09</v>
      </c>
      <c r="AE100" s="17">
        <v>17.14</v>
      </c>
      <c r="AF100" s="17">
        <v>17.010000000000002</v>
      </c>
      <c r="AG100" s="17">
        <v>16.989999999999998</v>
      </c>
      <c r="AH100" s="8">
        <v>16.98</v>
      </c>
      <c r="AI100" s="12">
        <v>15.51</v>
      </c>
      <c r="AJ100" s="12">
        <v>15.52</v>
      </c>
      <c r="AK100" s="12">
        <v>15.53</v>
      </c>
      <c r="AL100" s="12">
        <v>15.58</v>
      </c>
      <c r="AM100" s="12">
        <v>15.61</v>
      </c>
      <c r="AN100" s="8">
        <v>15.55</v>
      </c>
      <c r="AO100" s="17">
        <v>15.73</v>
      </c>
      <c r="AP100" s="17">
        <v>15.86</v>
      </c>
      <c r="AQ100" s="17">
        <v>15.67</v>
      </c>
      <c r="AR100" s="17">
        <v>15.596053956633201</v>
      </c>
      <c r="AS100" s="17">
        <v>15.14</v>
      </c>
      <c r="AT100" s="17">
        <v>15.04</v>
      </c>
      <c r="AU100" s="17">
        <v>14.99</v>
      </c>
      <c r="AV100" s="17">
        <v>14.95</v>
      </c>
      <c r="AW100" s="17">
        <v>14.95</v>
      </c>
      <c r="AX100" s="17">
        <v>14.97</v>
      </c>
      <c r="AY100" s="17">
        <v>15.14</v>
      </c>
      <c r="AZ100" s="17">
        <v>15.06</v>
      </c>
      <c r="BA100" s="17">
        <v>15.19</v>
      </c>
      <c r="BB100" s="17">
        <v>15.2</v>
      </c>
      <c r="BC100" s="8">
        <v>15.76</v>
      </c>
      <c r="BD100" s="8">
        <v>16.059999999999999</v>
      </c>
      <c r="BE100" s="8">
        <v>16.09</v>
      </c>
    </row>
    <row r="101" spans="3:57" x14ac:dyDescent="0.2">
      <c r="C101" s="5" t="s">
        <v>64</v>
      </c>
      <c r="D101" s="6" t="s">
        <v>58</v>
      </c>
      <c r="E101" s="17">
        <v>11.2</v>
      </c>
      <c r="F101" s="17">
        <v>11.31</v>
      </c>
      <c r="G101" s="17">
        <v>11.27</v>
      </c>
      <c r="H101" s="17">
        <v>10.94</v>
      </c>
      <c r="I101" s="8">
        <v>11.19</v>
      </c>
      <c r="J101" s="8">
        <v>11.09</v>
      </c>
      <c r="K101" s="8">
        <v>10.75</v>
      </c>
      <c r="L101" s="8">
        <v>10.6</v>
      </c>
      <c r="M101" s="8">
        <v>10.42</v>
      </c>
      <c r="N101" s="8">
        <v>10.38</v>
      </c>
      <c r="O101" s="8">
        <v>10.62</v>
      </c>
      <c r="P101" s="8">
        <v>10.48</v>
      </c>
      <c r="Q101" s="8">
        <v>10.3</v>
      </c>
      <c r="R101" s="8">
        <v>10.23</v>
      </c>
      <c r="S101" s="8">
        <v>10.35</v>
      </c>
      <c r="T101" s="8">
        <v>10.42</v>
      </c>
      <c r="U101" s="8">
        <v>10.42</v>
      </c>
      <c r="V101" s="8">
        <v>10.48</v>
      </c>
      <c r="W101" s="8">
        <v>10.4</v>
      </c>
      <c r="X101" s="8">
        <v>10.23</v>
      </c>
      <c r="Y101" s="8">
        <v>10.15</v>
      </c>
      <c r="Z101" s="8">
        <v>10.06</v>
      </c>
      <c r="AA101" s="17">
        <v>9.91</v>
      </c>
      <c r="AB101" s="17">
        <v>9.89</v>
      </c>
      <c r="AC101" s="17">
        <v>10.06</v>
      </c>
      <c r="AD101" s="17">
        <v>9.94</v>
      </c>
      <c r="AE101" s="17">
        <v>9.8800000000000008</v>
      </c>
      <c r="AF101" s="17">
        <v>9.8699999999999992</v>
      </c>
      <c r="AG101" s="17">
        <v>9.85</v>
      </c>
      <c r="AH101" s="8">
        <v>9.8800000000000008</v>
      </c>
      <c r="AI101" s="12">
        <v>9.7100000000000009</v>
      </c>
      <c r="AJ101" s="12">
        <v>9.6999999999999993</v>
      </c>
      <c r="AK101" s="12">
        <v>9.7100000000000009</v>
      </c>
      <c r="AL101" s="12">
        <v>9.66</v>
      </c>
      <c r="AM101" s="12">
        <v>9.7799999999999994</v>
      </c>
      <c r="AN101" s="8">
        <v>9.92</v>
      </c>
      <c r="AO101" s="17">
        <v>9.8800000000000008</v>
      </c>
      <c r="AP101" s="17">
        <v>9.93</v>
      </c>
      <c r="AQ101" s="17">
        <v>9.8699999999999992</v>
      </c>
      <c r="AR101" s="17">
        <v>9.8738849401887006</v>
      </c>
      <c r="AS101" s="17">
        <v>9.83</v>
      </c>
      <c r="AT101" s="17">
        <v>9.84</v>
      </c>
      <c r="AU101" s="17">
        <v>9.8800000000000008</v>
      </c>
      <c r="AV101" s="17">
        <v>9.91</v>
      </c>
      <c r="AW101" s="17">
        <v>9.8000000000000007</v>
      </c>
      <c r="AX101" s="17">
        <v>9.84</v>
      </c>
      <c r="AY101" s="17">
        <v>10.01</v>
      </c>
      <c r="AZ101" s="17">
        <v>9.98</v>
      </c>
      <c r="BA101" s="17">
        <v>9.92</v>
      </c>
      <c r="BB101" s="17">
        <v>10.01</v>
      </c>
      <c r="BC101" s="8">
        <v>10.02</v>
      </c>
      <c r="BD101" s="8">
        <v>10.08</v>
      </c>
      <c r="BE101" s="8">
        <v>10.1</v>
      </c>
    </row>
    <row r="102" spans="3:57" x14ac:dyDescent="0.2">
      <c r="C102" s="5" t="s">
        <v>65</v>
      </c>
      <c r="D102" s="6" t="s">
        <v>58</v>
      </c>
      <c r="E102" s="17">
        <v>4.04</v>
      </c>
      <c r="F102" s="17">
        <v>3.95</v>
      </c>
      <c r="G102" s="17">
        <v>3.94</v>
      </c>
      <c r="H102" s="17">
        <v>4</v>
      </c>
      <c r="I102" s="8">
        <v>4.04</v>
      </c>
      <c r="J102" s="8">
        <v>3.95</v>
      </c>
      <c r="K102" s="8">
        <v>3.95</v>
      </c>
      <c r="L102" s="8">
        <v>3.98</v>
      </c>
      <c r="M102" s="8">
        <v>4.04</v>
      </c>
      <c r="N102" s="8">
        <v>3.98</v>
      </c>
      <c r="O102" s="8">
        <v>3.95</v>
      </c>
      <c r="P102" s="8">
        <v>3.95</v>
      </c>
      <c r="Q102" s="8">
        <v>4.03</v>
      </c>
      <c r="R102" s="8">
        <v>4.08</v>
      </c>
      <c r="S102" s="8">
        <v>4.04</v>
      </c>
      <c r="T102" s="8">
        <v>4.0599999999999996</v>
      </c>
      <c r="U102" s="8">
        <v>4.12</v>
      </c>
      <c r="V102" s="8">
        <v>4.17</v>
      </c>
      <c r="W102" s="8">
        <v>4.1100000000000003</v>
      </c>
      <c r="X102" s="8">
        <v>4.0999999999999996</v>
      </c>
      <c r="Y102" s="8">
        <v>4.05</v>
      </c>
      <c r="Z102" s="8">
        <v>3.99</v>
      </c>
      <c r="AA102" s="17">
        <v>4.04</v>
      </c>
      <c r="AB102" s="17">
        <v>4.0999999999999996</v>
      </c>
      <c r="AC102" s="17">
        <v>4.1100000000000003</v>
      </c>
      <c r="AD102" s="17">
        <v>4.1100000000000003</v>
      </c>
      <c r="AE102" s="17">
        <v>4.24</v>
      </c>
      <c r="AF102" s="17">
        <v>4.33</v>
      </c>
      <c r="AG102" s="17">
        <v>4.1500000000000004</v>
      </c>
      <c r="AH102" s="8">
        <v>4.3099999999999996</v>
      </c>
      <c r="AI102" s="12">
        <v>4.28</v>
      </c>
      <c r="AJ102" s="12">
        <v>4.3099999999999996</v>
      </c>
      <c r="AK102" s="12">
        <v>4.3099999999999996</v>
      </c>
      <c r="AL102" s="12">
        <v>4.21</v>
      </c>
      <c r="AM102" s="12">
        <v>4.1399999999999997</v>
      </c>
      <c r="AN102" s="8">
        <v>4.17</v>
      </c>
      <c r="AO102" s="17">
        <v>4.09</v>
      </c>
      <c r="AP102" s="17">
        <v>4.0199999999999996</v>
      </c>
      <c r="AQ102" s="17">
        <v>3.99</v>
      </c>
      <c r="AR102" s="17">
        <v>3.92788410986768</v>
      </c>
      <c r="AS102" s="17">
        <v>3.89</v>
      </c>
      <c r="AT102" s="17">
        <v>3.75</v>
      </c>
      <c r="AU102" s="17">
        <v>3.79</v>
      </c>
      <c r="AV102" s="17">
        <v>3.75</v>
      </c>
      <c r="AW102" s="17">
        <v>3.79</v>
      </c>
      <c r="AX102" s="17">
        <v>3.85</v>
      </c>
      <c r="AY102" s="17">
        <v>3.78</v>
      </c>
      <c r="AZ102" s="17">
        <v>3.77</v>
      </c>
      <c r="BA102" s="17">
        <v>3.83</v>
      </c>
      <c r="BB102" s="17">
        <v>3.9</v>
      </c>
      <c r="BC102" s="8">
        <v>3.91</v>
      </c>
      <c r="BD102" s="8">
        <v>3.92</v>
      </c>
      <c r="BE102" s="8">
        <v>3.93</v>
      </c>
    </row>
    <row r="103" spans="3:57" x14ac:dyDescent="0.2">
      <c r="C103" s="5" t="s">
        <v>66</v>
      </c>
      <c r="D103" s="6" t="s">
        <v>58</v>
      </c>
      <c r="E103" s="17">
        <v>7.67</v>
      </c>
      <c r="F103" s="17">
        <v>7.52</v>
      </c>
      <c r="G103" s="17">
        <v>7.22</v>
      </c>
      <c r="H103" s="17">
        <v>7.1</v>
      </c>
      <c r="I103" s="8">
        <v>7.14</v>
      </c>
      <c r="J103" s="8">
        <v>7.3</v>
      </c>
      <c r="K103" s="8">
        <v>7.34</v>
      </c>
      <c r="L103" s="8">
        <v>7.08</v>
      </c>
      <c r="M103" s="8">
        <v>7.07</v>
      </c>
      <c r="N103" s="8">
        <v>6.82</v>
      </c>
      <c r="O103" s="8">
        <v>6.93</v>
      </c>
      <c r="P103" s="8">
        <v>7.13</v>
      </c>
      <c r="Q103" s="8">
        <v>7.05</v>
      </c>
      <c r="R103" s="8">
        <v>6.97</v>
      </c>
      <c r="S103" s="8">
        <v>7.08</v>
      </c>
      <c r="T103" s="8">
        <v>7.14</v>
      </c>
      <c r="U103" s="8">
        <v>7.16</v>
      </c>
      <c r="V103" s="8">
        <v>7.17</v>
      </c>
      <c r="W103" s="8">
        <v>7.05</v>
      </c>
      <c r="X103" s="8">
        <v>6.91</v>
      </c>
      <c r="Y103" s="8">
        <v>6.82</v>
      </c>
      <c r="Z103" s="8">
        <v>6.61</v>
      </c>
      <c r="AA103" s="17">
        <v>6.42</v>
      </c>
      <c r="AB103" s="17">
        <v>6.55</v>
      </c>
      <c r="AC103" s="17">
        <v>6.73</v>
      </c>
      <c r="AD103" s="17">
        <v>6.61</v>
      </c>
      <c r="AE103" s="17">
        <v>6.5</v>
      </c>
      <c r="AF103" s="17">
        <v>6.55</v>
      </c>
      <c r="AG103" s="17">
        <v>6.54</v>
      </c>
      <c r="AH103" s="8">
        <v>6.59</v>
      </c>
      <c r="AI103" s="12">
        <v>6.43</v>
      </c>
      <c r="AJ103" s="12">
        <v>6.48</v>
      </c>
      <c r="AK103" s="12">
        <v>6.57</v>
      </c>
      <c r="AL103" s="12">
        <v>6.29</v>
      </c>
      <c r="AM103" s="12">
        <v>6.39</v>
      </c>
      <c r="AN103" s="8">
        <v>6.45</v>
      </c>
      <c r="AO103" s="17">
        <v>6.35</v>
      </c>
      <c r="AP103" s="17">
        <v>6.52</v>
      </c>
      <c r="AQ103" s="17">
        <v>6.68</v>
      </c>
      <c r="AR103" s="17">
        <v>6.4252215218401396</v>
      </c>
      <c r="AS103" s="17">
        <v>6.48</v>
      </c>
      <c r="AT103" s="17">
        <v>6.38</v>
      </c>
      <c r="AU103" s="17">
        <v>6.48</v>
      </c>
      <c r="AV103" s="17">
        <v>6.34</v>
      </c>
      <c r="AW103" s="17">
        <v>6.41</v>
      </c>
      <c r="AX103" s="17">
        <v>6.46</v>
      </c>
      <c r="AY103" s="17">
        <v>6.37</v>
      </c>
      <c r="AZ103" s="17">
        <v>6.22</v>
      </c>
      <c r="BA103" s="17">
        <v>6.36</v>
      </c>
      <c r="BB103" s="17">
        <v>6.31</v>
      </c>
      <c r="BC103" s="8">
        <v>6.54</v>
      </c>
      <c r="BD103" s="8">
        <v>6.63</v>
      </c>
      <c r="BE103" s="8">
        <v>6.65</v>
      </c>
    </row>
    <row r="104" spans="3:57" x14ac:dyDescent="0.2">
      <c r="C104" s="5" t="s">
        <v>67</v>
      </c>
      <c r="D104" s="6" t="s">
        <v>58</v>
      </c>
      <c r="E104" s="17">
        <v>13.83</v>
      </c>
      <c r="F104" s="17">
        <v>13.76</v>
      </c>
      <c r="G104" s="17">
        <v>14</v>
      </c>
      <c r="H104" s="17">
        <v>13.55</v>
      </c>
      <c r="I104" s="8">
        <v>13.84</v>
      </c>
      <c r="J104" s="8">
        <v>13.61</v>
      </c>
      <c r="K104" s="8">
        <v>13.18</v>
      </c>
      <c r="L104" s="8">
        <v>12.84</v>
      </c>
      <c r="M104" s="8">
        <v>12.37</v>
      </c>
      <c r="N104" s="8">
        <v>12.27</v>
      </c>
      <c r="O104" s="8">
        <v>12.08</v>
      </c>
      <c r="P104" s="8">
        <v>12.12</v>
      </c>
      <c r="Q104" s="8">
        <v>11.72</v>
      </c>
      <c r="R104" s="8">
        <v>11.82</v>
      </c>
      <c r="S104" s="8">
        <v>11.64</v>
      </c>
      <c r="T104" s="8">
        <v>11.84</v>
      </c>
      <c r="U104" s="8">
        <v>11.84</v>
      </c>
      <c r="V104" s="8">
        <v>11.9</v>
      </c>
      <c r="W104" s="8">
        <v>11.51</v>
      </c>
      <c r="X104" s="8">
        <v>11.88</v>
      </c>
      <c r="Y104" s="8">
        <v>11.02</v>
      </c>
      <c r="Z104" s="8">
        <v>11.19</v>
      </c>
      <c r="AA104" s="17">
        <v>11.11</v>
      </c>
      <c r="AB104" s="17">
        <v>11.03</v>
      </c>
      <c r="AC104" s="17">
        <v>10.78</v>
      </c>
      <c r="AD104" s="17">
        <v>10.72</v>
      </c>
      <c r="AE104" s="17">
        <v>10.81</v>
      </c>
      <c r="AF104" s="17">
        <v>10.7</v>
      </c>
      <c r="AG104" s="17">
        <v>10.76</v>
      </c>
      <c r="AH104" s="8">
        <v>10.74</v>
      </c>
      <c r="AI104" s="12">
        <v>10.62</v>
      </c>
      <c r="AJ104" s="12">
        <v>10.59</v>
      </c>
      <c r="AK104" s="12">
        <v>10.58</v>
      </c>
      <c r="AL104" s="12">
        <v>10.72</v>
      </c>
      <c r="AM104" s="12">
        <v>10.95</v>
      </c>
      <c r="AN104" s="8">
        <v>11.09</v>
      </c>
      <c r="AO104" s="17">
        <v>11.09</v>
      </c>
      <c r="AP104" s="17">
        <v>11.09</v>
      </c>
      <c r="AQ104" s="17">
        <v>11.27</v>
      </c>
      <c r="AR104" s="17">
        <v>11.246842151452002</v>
      </c>
      <c r="AS104" s="17">
        <v>11.08</v>
      </c>
      <c r="AT104" s="17">
        <v>11.04</v>
      </c>
      <c r="AU104" s="17">
        <v>10.95</v>
      </c>
      <c r="AV104" s="17">
        <v>10.99</v>
      </c>
      <c r="AW104" s="17">
        <v>11.16</v>
      </c>
      <c r="AX104" s="17">
        <v>11.4</v>
      </c>
      <c r="AY104" s="17">
        <v>11.3</v>
      </c>
      <c r="AZ104" s="17">
        <v>11.21</v>
      </c>
      <c r="BA104" s="17">
        <v>11.26</v>
      </c>
      <c r="BB104" s="17">
        <v>11.41</v>
      </c>
      <c r="BC104" s="8">
        <v>11.64</v>
      </c>
      <c r="BD104" s="8">
        <v>11.7</v>
      </c>
      <c r="BE104" s="8">
        <v>11.71</v>
      </c>
    </row>
    <row r="105" spans="3:57" x14ac:dyDescent="0.2">
      <c r="C105" s="5" t="s">
        <v>68</v>
      </c>
      <c r="D105" s="6" t="s">
        <v>58</v>
      </c>
      <c r="E105" s="17">
        <v>4.93</v>
      </c>
      <c r="F105" s="17">
        <v>4.92</v>
      </c>
      <c r="G105" s="17">
        <v>4.97</v>
      </c>
      <c r="H105" s="17">
        <v>4.92</v>
      </c>
      <c r="I105" s="8">
        <v>5.01</v>
      </c>
      <c r="J105" s="8">
        <v>4.95</v>
      </c>
      <c r="K105" s="8">
        <v>4.9400000000000004</v>
      </c>
      <c r="L105" s="8">
        <v>4.91</v>
      </c>
      <c r="M105" s="8">
        <v>4.87</v>
      </c>
      <c r="N105" s="8">
        <v>4.83</v>
      </c>
      <c r="O105" s="8">
        <v>4.88</v>
      </c>
      <c r="P105" s="8">
        <v>4.79</v>
      </c>
      <c r="Q105" s="8">
        <v>4.82</v>
      </c>
      <c r="R105" s="8">
        <v>4.7300000000000004</v>
      </c>
      <c r="S105" s="8">
        <v>4.79</v>
      </c>
      <c r="T105" s="8">
        <v>4.78</v>
      </c>
      <c r="U105" s="8">
        <v>4.76</v>
      </c>
      <c r="V105" s="8">
        <v>4.74</v>
      </c>
      <c r="W105" s="8">
        <v>4.83</v>
      </c>
      <c r="X105" s="8">
        <v>4.74</v>
      </c>
      <c r="Y105" s="8">
        <v>4.83</v>
      </c>
      <c r="Z105" s="8">
        <v>4.74</v>
      </c>
      <c r="AA105" s="17">
        <v>4.74</v>
      </c>
      <c r="AB105" s="17">
        <v>4.76</v>
      </c>
      <c r="AC105" s="17">
        <v>4.68</v>
      </c>
      <c r="AD105" s="17">
        <v>4.49</v>
      </c>
      <c r="AE105" s="17">
        <v>4.5</v>
      </c>
      <c r="AF105" s="17">
        <v>4.54</v>
      </c>
      <c r="AG105" s="17">
        <v>4.5</v>
      </c>
      <c r="AH105" s="8">
        <v>4.57</v>
      </c>
      <c r="AI105" s="12">
        <v>4.47</v>
      </c>
      <c r="AJ105" s="12">
        <v>4.4800000000000004</v>
      </c>
      <c r="AK105" s="12">
        <v>4.5199999999999996</v>
      </c>
      <c r="AL105" s="12">
        <v>4.3600000000000003</v>
      </c>
      <c r="AM105" s="12">
        <v>4.37</v>
      </c>
      <c r="AN105" s="8">
        <v>4.37</v>
      </c>
      <c r="AO105" s="17">
        <v>4.43</v>
      </c>
      <c r="AP105" s="17">
        <v>4.41</v>
      </c>
      <c r="AQ105" s="17">
        <v>4.3899999999999997</v>
      </c>
      <c r="AR105" s="17">
        <v>4.3383504231485102</v>
      </c>
      <c r="AS105" s="17">
        <v>4.3899999999999997</v>
      </c>
      <c r="AT105" s="17">
        <v>4.3600000000000003</v>
      </c>
      <c r="AU105" s="17">
        <v>4.45</v>
      </c>
      <c r="AV105" s="17">
        <v>4.42</v>
      </c>
      <c r="AW105" s="17">
        <v>4.3600000000000003</v>
      </c>
      <c r="AX105" s="17">
        <v>4.3600000000000003</v>
      </c>
      <c r="AY105" s="17">
        <v>4.4000000000000004</v>
      </c>
      <c r="AZ105" s="17">
        <v>4.38</v>
      </c>
      <c r="BA105" s="17">
        <v>4.3899999999999997</v>
      </c>
      <c r="BB105" s="17">
        <v>4.4400000000000004</v>
      </c>
      <c r="BC105" s="8">
        <v>4.42</v>
      </c>
      <c r="BD105" s="8">
        <v>4.43</v>
      </c>
      <c r="BE105" s="8">
        <v>4.43</v>
      </c>
    </row>
    <row r="106" spans="3:57" x14ac:dyDescent="0.2">
      <c r="C106" s="5" t="s">
        <v>69</v>
      </c>
      <c r="D106" s="6" t="s">
        <v>58</v>
      </c>
      <c r="E106" s="17">
        <v>4.1900000000000004</v>
      </c>
      <c r="F106" s="17">
        <v>4.2699999999999996</v>
      </c>
      <c r="G106" s="17">
        <v>4.41</v>
      </c>
      <c r="H106" s="17">
        <v>4.46</v>
      </c>
      <c r="I106" s="8">
        <v>4.57</v>
      </c>
      <c r="J106" s="8">
        <v>4.5599999999999996</v>
      </c>
      <c r="K106" s="8">
        <v>4.51</v>
      </c>
      <c r="L106" s="8">
        <v>4.25</v>
      </c>
      <c r="M106" s="8">
        <v>4.2</v>
      </c>
      <c r="N106" s="8">
        <v>4.05</v>
      </c>
      <c r="O106" s="8">
        <v>3.99</v>
      </c>
      <c r="P106" s="8">
        <v>3.92</v>
      </c>
      <c r="Q106" s="8">
        <v>3.88</v>
      </c>
      <c r="R106" s="8">
        <v>3.83</v>
      </c>
      <c r="S106" s="8">
        <v>3.76</v>
      </c>
      <c r="T106" s="8">
        <v>3.81</v>
      </c>
      <c r="U106" s="8">
        <v>3.81</v>
      </c>
      <c r="V106" s="8">
        <v>3.76</v>
      </c>
      <c r="W106" s="8">
        <v>3.75</v>
      </c>
      <c r="X106" s="8">
        <v>3.74</v>
      </c>
      <c r="Y106" s="8">
        <v>3.73</v>
      </c>
      <c r="Z106" s="8">
        <v>3.69</v>
      </c>
      <c r="AA106" s="17">
        <v>3.62</v>
      </c>
      <c r="AB106" s="17">
        <v>3.63</v>
      </c>
      <c r="AC106" s="17">
        <v>3.63</v>
      </c>
      <c r="AD106" s="17">
        <v>3.59</v>
      </c>
      <c r="AE106" s="17">
        <v>3.61</v>
      </c>
      <c r="AF106" s="17">
        <v>3.62</v>
      </c>
      <c r="AG106" s="17">
        <v>3.6</v>
      </c>
      <c r="AH106" s="8">
        <v>3.64</v>
      </c>
      <c r="AI106" s="12">
        <v>3.59</v>
      </c>
      <c r="AJ106" s="12">
        <v>3.59</v>
      </c>
      <c r="AK106" s="12">
        <v>3.59</v>
      </c>
      <c r="AL106" s="12">
        <v>3.58</v>
      </c>
      <c r="AM106" s="12">
        <v>3.56</v>
      </c>
      <c r="AN106" s="8">
        <v>3.55</v>
      </c>
      <c r="AO106" s="17">
        <v>3.55</v>
      </c>
      <c r="AP106" s="17">
        <v>3.58</v>
      </c>
      <c r="AQ106" s="17">
        <v>3.62</v>
      </c>
      <c r="AR106" s="17">
        <v>3.6179706546475998</v>
      </c>
      <c r="AS106" s="17">
        <v>3.63</v>
      </c>
      <c r="AT106" s="17">
        <v>3.59</v>
      </c>
      <c r="AU106" s="17">
        <v>3.63</v>
      </c>
      <c r="AV106" s="17">
        <v>3.67</v>
      </c>
      <c r="AW106" s="17">
        <v>3.67</v>
      </c>
      <c r="AX106" s="17">
        <v>3.78</v>
      </c>
      <c r="AY106" s="17">
        <v>3.82</v>
      </c>
      <c r="AZ106" s="17">
        <v>3.81</v>
      </c>
      <c r="BA106" s="17">
        <v>3.85</v>
      </c>
      <c r="BB106" s="17">
        <v>3.87</v>
      </c>
      <c r="BC106" s="8">
        <v>3.91</v>
      </c>
      <c r="BD106" s="8">
        <v>3.94</v>
      </c>
      <c r="BE106" s="8">
        <v>3.94</v>
      </c>
    </row>
    <row r="107" spans="3:57" x14ac:dyDescent="0.2">
      <c r="C107" s="5" t="s">
        <v>70</v>
      </c>
      <c r="D107" s="6" t="s">
        <v>58</v>
      </c>
      <c r="E107" s="17">
        <v>4.1900000000000004</v>
      </c>
      <c r="F107" s="17">
        <v>4.1900000000000004</v>
      </c>
      <c r="G107" s="17">
        <v>4.1900000000000004</v>
      </c>
      <c r="H107" s="17">
        <v>4.1500000000000004</v>
      </c>
      <c r="I107" s="8">
        <v>4.18</v>
      </c>
      <c r="J107" s="8">
        <v>4.0999999999999996</v>
      </c>
      <c r="K107" s="8">
        <v>4.03</v>
      </c>
      <c r="L107" s="8">
        <v>3.83</v>
      </c>
      <c r="M107" s="8">
        <v>3.69</v>
      </c>
      <c r="N107" s="8">
        <v>3.55</v>
      </c>
      <c r="O107" s="8">
        <v>3.41</v>
      </c>
      <c r="P107" s="8">
        <v>3.33</v>
      </c>
      <c r="Q107" s="8">
        <v>3.33</v>
      </c>
      <c r="R107" s="8">
        <v>3.34</v>
      </c>
      <c r="S107" s="8">
        <v>3.32</v>
      </c>
      <c r="T107" s="8">
        <v>3.38</v>
      </c>
      <c r="U107" s="8">
        <v>3.38</v>
      </c>
      <c r="V107" s="8">
        <v>3.38</v>
      </c>
      <c r="W107" s="8">
        <v>3.37</v>
      </c>
      <c r="X107" s="8">
        <v>3.53</v>
      </c>
      <c r="Y107" s="8">
        <v>3.57</v>
      </c>
      <c r="Z107" s="8">
        <v>3.64</v>
      </c>
      <c r="AA107" s="17">
        <v>3.65</v>
      </c>
      <c r="AB107" s="17">
        <v>3.71</v>
      </c>
      <c r="AC107" s="17">
        <v>3.84</v>
      </c>
      <c r="AD107" s="17">
        <v>3.81</v>
      </c>
      <c r="AE107" s="17">
        <v>3.88</v>
      </c>
      <c r="AF107" s="17">
        <v>3.94</v>
      </c>
      <c r="AG107" s="17">
        <v>3.89</v>
      </c>
      <c r="AH107" s="8">
        <v>3.94</v>
      </c>
      <c r="AI107" s="12">
        <v>3.99</v>
      </c>
      <c r="AJ107" s="12">
        <v>3.98</v>
      </c>
      <c r="AK107" s="12">
        <v>3.95</v>
      </c>
      <c r="AL107" s="12">
        <v>3.87</v>
      </c>
      <c r="AM107" s="12">
        <v>3.87</v>
      </c>
      <c r="AN107" s="8">
        <v>3.87</v>
      </c>
      <c r="AO107" s="17">
        <v>3.86</v>
      </c>
      <c r="AP107" s="17">
        <v>3.86</v>
      </c>
      <c r="AQ107" s="17">
        <v>3.93</v>
      </c>
      <c r="AR107" s="17">
        <v>3.8518062859142299</v>
      </c>
      <c r="AS107" s="17">
        <v>3.86</v>
      </c>
      <c r="AT107" s="17">
        <v>3.75</v>
      </c>
      <c r="AU107" s="17">
        <v>3.87</v>
      </c>
      <c r="AV107" s="17">
        <v>3.81</v>
      </c>
      <c r="AW107" s="17">
        <v>3.83</v>
      </c>
      <c r="AX107" s="17">
        <v>3.87</v>
      </c>
      <c r="AY107" s="17">
        <v>3.88</v>
      </c>
      <c r="AZ107" s="17">
        <v>3.86</v>
      </c>
      <c r="BA107" s="17">
        <v>3.9</v>
      </c>
      <c r="BB107" s="17">
        <v>3.88</v>
      </c>
      <c r="BC107" s="8">
        <v>3.9</v>
      </c>
      <c r="BD107" s="8">
        <v>3.91</v>
      </c>
      <c r="BE107" s="8">
        <v>3.91</v>
      </c>
    </row>
    <row r="108" spans="3:57" x14ac:dyDescent="0.2">
      <c r="C108" s="5" t="s">
        <v>101</v>
      </c>
      <c r="D108" s="6" t="s">
        <v>58</v>
      </c>
      <c r="E108" s="17">
        <v>10.36</v>
      </c>
      <c r="F108" s="17">
        <v>10.37</v>
      </c>
      <c r="G108" s="17">
        <v>10.46</v>
      </c>
      <c r="H108" s="17">
        <v>10.55</v>
      </c>
      <c r="I108" s="8">
        <v>10.66</v>
      </c>
      <c r="J108" s="8">
        <v>10.53</v>
      </c>
      <c r="K108" s="8">
        <v>10.89</v>
      </c>
      <c r="L108" s="8">
        <v>11.05</v>
      </c>
      <c r="M108" s="8">
        <v>11.08</v>
      </c>
      <c r="N108" s="8">
        <v>10.93</v>
      </c>
      <c r="O108" s="8">
        <v>11.05</v>
      </c>
      <c r="P108" s="8">
        <v>10.94</v>
      </c>
      <c r="Q108" s="8">
        <v>11.06</v>
      </c>
      <c r="R108" s="8">
        <v>11.17</v>
      </c>
      <c r="S108" s="8">
        <v>11.28</v>
      </c>
      <c r="T108" s="8">
        <v>11.28</v>
      </c>
      <c r="U108" s="8">
        <v>11.28</v>
      </c>
      <c r="V108" s="8">
        <v>11.19</v>
      </c>
      <c r="W108" s="8">
        <v>11.2</v>
      </c>
      <c r="X108" s="8">
        <v>10.9</v>
      </c>
      <c r="Y108" s="8">
        <v>10.87</v>
      </c>
      <c r="Z108" s="8">
        <v>10.92</v>
      </c>
      <c r="AA108" s="17">
        <v>11.04</v>
      </c>
      <c r="AB108" s="17">
        <v>11.2</v>
      </c>
      <c r="AC108" s="17">
        <v>11.28</v>
      </c>
      <c r="AD108" s="17">
        <v>10.82</v>
      </c>
      <c r="AE108" s="17">
        <v>10.56</v>
      </c>
      <c r="AF108" s="17">
        <v>10.54</v>
      </c>
      <c r="AG108" s="17">
        <v>10.58</v>
      </c>
      <c r="AH108" s="8">
        <v>10.18</v>
      </c>
      <c r="AI108" s="12">
        <v>9.86</v>
      </c>
      <c r="AJ108" s="12">
        <v>9.5500000000000007</v>
      </c>
      <c r="AK108" s="12">
        <v>9.69</v>
      </c>
      <c r="AL108" s="12">
        <v>9.7799999999999994</v>
      </c>
      <c r="AM108" s="12">
        <v>10.17</v>
      </c>
      <c r="AN108" s="8">
        <v>10.5</v>
      </c>
      <c r="AO108" s="17">
        <v>10.36</v>
      </c>
      <c r="AP108" s="17">
        <v>10.57</v>
      </c>
      <c r="AQ108" s="17">
        <v>10.61</v>
      </c>
      <c r="AR108" s="17">
        <v>10.69</v>
      </c>
      <c r="AS108" s="17">
        <v>10.220000000000001</v>
      </c>
      <c r="AT108" s="17">
        <v>10.119999999999999</v>
      </c>
      <c r="AU108" s="17">
        <v>9.8800000000000008</v>
      </c>
      <c r="AV108" s="17">
        <v>10.08</v>
      </c>
      <c r="AW108" s="17">
        <v>10.32</v>
      </c>
      <c r="AX108" s="17">
        <v>10.48</v>
      </c>
      <c r="AY108" s="17">
        <v>10.33</v>
      </c>
      <c r="AZ108" s="17">
        <v>10.220000000000001</v>
      </c>
      <c r="BA108" s="17">
        <v>10.18</v>
      </c>
      <c r="BB108" s="17">
        <v>10.18</v>
      </c>
      <c r="BC108" s="8">
        <v>10.25</v>
      </c>
      <c r="BD108" s="8">
        <v>10.25</v>
      </c>
      <c r="BE108" s="8">
        <v>10.18</v>
      </c>
    </row>
    <row r="109" spans="3:57" x14ac:dyDescent="0.2">
      <c r="C109" s="5" t="s">
        <v>71</v>
      </c>
      <c r="D109" s="6" t="s">
        <v>58</v>
      </c>
      <c r="E109" s="17">
        <v>4.93</v>
      </c>
      <c r="F109" s="17">
        <v>4.91</v>
      </c>
      <c r="G109" s="17">
        <v>4.9000000000000004</v>
      </c>
      <c r="H109" s="17">
        <v>4.84</v>
      </c>
      <c r="I109" s="8">
        <v>4.83</v>
      </c>
      <c r="J109" s="8">
        <v>4.78</v>
      </c>
      <c r="K109" s="8">
        <v>4.72</v>
      </c>
      <c r="L109" s="8">
        <v>4.7300000000000004</v>
      </c>
      <c r="M109" s="8">
        <v>4.71</v>
      </c>
      <c r="N109" s="8">
        <v>4.71</v>
      </c>
      <c r="O109" s="8">
        <v>4.76</v>
      </c>
      <c r="P109" s="8">
        <v>4.75</v>
      </c>
      <c r="Q109" s="8">
        <v>4.78</v>
      </c>
      <c r="R109" s="8">
        <v>4.7300000000000004</v>
      </c>
      <c r="S109" s="8">
        <v>4.72</v>
      </c>
      <c r="T109" s="8">
        <v>4.74</v>
      </c>
      <c r="U109" s="8">
        <v>4.74</v>
      </c>
      <c r="V109" s="8">
        <v>4.74</v>
      </c>
      <c r="W109" s="8">
        <v>4.75</v>
      </c>
      <c r="X109" s="8">
        <v>4.76</v>
      </c>
      <c r="Y109" s="8">
        <v>4.7300000000000004</v>
      </c>
      <c r="Z109" s="8">
        <v>4.7</v>
      </c>
      <c r="AA109" s="17">
        <v>4.66</v>
      </c>
      <c r="AB109" s="17">
        <v>4.6500000000000004</v>
      </c>
      <c r="AC109" s="17">
        <v>4.66</v>
      </c>
      <c r="AD109" s="17">
        <v>4.67</v>
      </c>
      <c r="AE109" s="17">
        <v>4.67</v>
      </c>
      <c r="AF109" s="17">
        <v>4.67</v>
      </c>
      <c r="AG109" s="17">
        <v>4.67</v>
      </c>
      <c r="AH109" s="8">
        <v>4.68</v>
      </c>
      <c r="AI109" s="12">
        <v>4.6399999999999997</v>
      </c>
      <c r="AJ109" s="12">
        <v>4.6500000000000004</v>
      </c>
      <c r="AK109" s="12">
        <v>4.6399999999999997</v>
      </c>
      <c r="AL109" s="12">
        <v>4.7</v>
      </c>
      <c r="AM109" s="12">
        <v>4.6900000000000004</v>
      </c>
      <c r="AN109" s="8">
        <v>4.6900000000000004</v>
      </c>
      <c r="AO109" s="17">
        <v>4.6500000000000004</v>
      </c>
      <c r="AP109" s="17">
        <v>4.6500000000000004</v>
      </c>
      <c r="AQ109" s="17">
        <v>4.7</v>
      </c>
      <c r="AR109" s="17">
        <v>4.7</v>
      </c>
      <c r="AS109" s="17">
        <v>4.71</v>
      </c>
      <c r="AT109" s="17">
        <v>4.6500000000000004</v>
      </c>
      <c r="AU109" s="17">
        <v>4.63</v>
      </c>
      <c r="AV109" s="17">
        <v>4.67</v>
      </c>
      <c r="AW109" s="17">
        <v>4.67</v>
      </c>
      <c r="AX109" s="17">
        <v>4.72</v>
      </c>
      <c r="AY109" s="17">
        <v>4.71</v>
      </c>
      <c r="AZ109" s="17">
        <v>4.68</v>
      </c>
      <c r="BA109" s="17">
        <v>4.7</v>
      </c>
      <c r="BB109" s="17">
        <v>4.72</v>
      </c>
      <c r="BC109" s="8">
        <v>4.75</v>
      </c>
      <c r="BD109" s="8">
        <v>4.78</v>
      </c>
      <c r="BE109" s="8">
        <v>4.78</v>
      </c>
    </row>
    <row r="110" spans="3:57" x14ac:dyDescent="0.2">
      <c r="C110" s="5" t="s">
        <v>102</v>
      </c>
      <c r="D110" s="6" t="s">
        <v>58</v>
      </c>
      <c r="E110" s="17">
        <v>8.77</v>
      </c>
      <c r="F110" s="17">
        <v>8.69</v>
      </c>
      <c r="G110" s="17">
        <v>8.6999999999999993</v>
      </c>
      <c r="H110" s="17">
        <v>8.4700000000000006</v>
      </c>
      <c r="I110" s="8">
        <v>8.4600000000000009</v>
      </c>
      <c r="J110" s="8">
        <v>8.5299999999999994</v>
      </c>
      <c r="K110" s="8">
        <v>8.4700000000000006</v>
      </c>
      <c r="L110" s="8">
        <v>8.41</v>
      </c>
      <c r="M110" s="8">
        <v>8.43</v>
      </c>
      <c r="N110" s="8">
        <v>8.4600000000000009</v>
      </c>
      <c r="O110" s="8">
        <v>8.3800000000000008</v>
      </c>
      <c r="P110" s="8">
        <v>8.2799999999999994</v>
      </c>
      <c r="Q110" s="8">
        <v>8.39</v>
      </c>
      <c r="R110" s="8">
        <v>8.34</v>
      </c>
      <c r="S110" s="8">
        <v>8.3800000000000008</v>
      </c>
      <c r="T110" s="8">
        <v>8.33</v>
      </c>
      <c r="U110" s="8">
        <v>8.34</v>
      </c>
      <c r="V110" s="8">
        <v>8.32</v>
      </c>
      <c r="W110" s="8">
        <v>8.35</v>
      </c>
      <c r="X110" s="8">
        <v>8.36</v>
      </c>
      <c r="Y110" s="8">
        <v>8.39</v>
      </c>
      <c r="Z110" s="8">
        <v>8.3699999999999992</v>
      </c>
      <c r="AA110" s="17">
        <v>8.31</v>
      </c>
      <c r="AB110" s="17">
        <v>8.34</v>
      </c>
      <c r="AC110" s="17">
        <v>8.36</v>
      </c>
      <c r="AD110" s="17">
        <v>8.39</v>
      </c>
      <c r="AE110" s="17">
        <v>8.35</v>
      </c>
      <c r="AF110" s="17">
        <v>8.3800000000000008</v>
      </c>
      <c r="AG110" s="17">
        <v>8.2799999999999994</v>
      </c>
      <c r="AH110" s="8">
        <v>8.35</v>
      </c>
      <c r="AI110" s="12">
        <v>8.49</v>
      </c>
      <c r="AJ110" s="12">
        <v>8.49</v>
      </c>
      <c r="AK110" s="12">
        <v>8.49</v>
      </c>
      <c r="AL110" s="12">
        <v>8.35</v>
      </c>
      <c r="AM110" s="12">
        <v>8.4</v>
      </c>
      <c r="AN110" s="8">
        <v>8.43</v>
      </c>
      <c r="AO110" s="17">
        <v>8.4</v>
      </c>
      <c r="AP110" s="17">
        <v>8.4</v>
      </c>
      <c r="AQ110" s="17">
        <v>8.59</v>
      </c>
      <c r="AR110" s="17">
        <v>8.57</v>
      </c>
      <c r="AS110" s="17">
        <v>8.6300000000000008</v>
      </c>
      <c r="AT110" s="17">
        <v>8.5399999999999991</v>
      </c>
      <c r="AU110" s="17">
        <v>8.68</v>
      </c>
      <c r="AV110" s="17">
        <v>8.65</v>
      </c>
      <c r="AW110" s="17">
        <v>8.59</v>
      </c>
      <c r="AX110" s="17">
        <v>8.59</v>
      </c>
      <c r="AY110" s="17">
        <v>8.59</v>
      </c>
      <c r="AZ110" s="17">
        <v>8.59</v>
      </c>
      <c r="BA110" s="17">
        <v>8.64</v>
      </c>
      <c r="BB110" s="17">
        <v>8.7799999999999994</v>
      </c>
      <c r="BC110" s="8">
        <v>8.81</v>
      </c>
      <c r="BD110" s="8">
        <v>8.89</v>
      </c>
      <c r="BE110" s="8">
        <v>8.91</v>
      </c>
    </row>
    <row r="111" spans="3:57" x14ac:dyDescent="0.2">
      <c r="C111" s="5" t="s">
        <v>72</v>
      </c>
      <c r="D111" s="6" t="s">
        <v>58</v>
      </c>
      <c r="E111" s="17">
        <v>9.32</v>
      </c>
      <c r="F111" s="17">
        <v>9.24</v>
      </c>
      <c r="G111" s="17">
        <v>9.1999999999999993</v>
      </c>
      <c r="H111" s="17">
        <v>9.25</v>
      </c>
      <c r="I111" s="8">
        <v>9.26</v>
      </c>
      <c r="J111" s="8">
        <v>9.26</v>
      </c>
      <c r="K111" s="8">
        <v>9.18</v>
      </c>
      <c r="L111" s="8">
        <v>9.16</v>
      </c>
      <c r="M111" s="8">
        <v>9.16</v>
      </c>
      <c r="N111" s="8">
        <v>9.19</v>
      </c>
      <c r="O111" s="8">
        <v>9.2100000000000009</v>
      </c>
      <c r="P111" s="8">
        <v>9.24</v>
      </c>
      <c r="Q111" s="8">
        <v>9.23</v>
      </c>
      <c r="R111" s="8">
        <v>9.2100000000000009</v>
      </c>
      <c r="S111" s="8">
        <v>9.1999999999999993</v>
      </c>
      <c r="T111" s="8">
        <v>9.1999999999999993</v>
      </c>
      <c r="U111" s="8">
        <v>9.1999999999999993</v>
      </c>
      <c r="V111" s="8">
        <v>9.27</v>
      </c>
      <c r="W111" s="8">
        <v>9.27</v>
      </c>
      <c r="X111" s="8">
        <v>9.3000000000000007</v>
      </c>
      <c r="Y111" s="8">
        <v>9.32</v>
      </c>
      <c r="Z111" s="8">
        <v>9.36</v>
      </c>
      <c r="AA111" s="17">
        <v>9.4700000000000006</v>
      </c>
      <c r="AB111" s="17">
        <v>9.57</v>
      </c>
      <c r="AC111" s="17">
        <v>9.5500000000000007</v>
      </c>
      <c r="AD111" s="17">
        <v>9.5399999999999991</v>
      </c>
      <c r="AE111" s="17">
        <v>9.57</v>
      </c>
      <c r="AF111" s="17">
        <v>9.56</v>
      </c>
      <c r="AG111" s="17">
        <v>9.5500000000000007</v>
      </c>
      <c r="AH111" s="8">
        <v>9.6199999999999992</v>
      </c>
      <c r="AI111" s="63">
        <v>9.68</v>
      </c>
      <c r="AJ111" s="12">
        <v>9.68</v>
      </c>
      <c r="AK111" s="12">
        <v>9.67</v>
      </c>
      <c r="AL111" s="12">
        <v>9.56</v>
      </c>
      <c r="AM111" s="12">
        <v>9.5500000000000007</v>
      </c>
      <c r="AN111" s="8">
        <v>9.6</v>
      </c>
      <c r="AO111" s="17">
        <v>9.64</v>
      </c>
      <c r="AP111" s="17">
        <v>9.6199999999999992</v>
      </c>
      <c r="AQ111" s="17">
        <v>9.61</v>
      </c>
      <c r="AR111" s="17">
        <v>9.58</v>
      </c>
      <c r="AS111" s="17">
        <v>9.52</v>
      </c>
      <c r="AT111" s="17">
        <v>9.43</v>
      </c>
      <c r="AU111" s="17">
        <v>9.48</v>
      </c>
      <c r="AV111" s="17">
        <v>9.4700000000000006</v>
      </c>
      <c r="AW111" s="17">
        <v>9.4700000000000006</v>
      </c>
      <c r="AX111" s="17">
        <v>9.51</v>
      </c>
      <c r="AY111" s="17">
        <v>9.5299999999999994</v>
      </c>
      <c r="AZ111" s="17">
        <v>9.48</v>
      </c>
      <c r="BA111" s="17">
        <v>9.52</v>
      </c>
      <c r="BB111" s="17">
        <v>9.4</v>
      </c>
      <c r="BC111" s="8">
        <v>9.4499999999999993</v>
      </c>
      <c r="BD111" s="8">
        <v>9.43</v>
      </c>
      <c r="BE111" s="8">
        <v>9.44</v>
      </c>
    </row>
    <row r="112" spans="3:57" x14ac:dyDescent="0.2">
      <c r="C112" s="5" t="s">
        <v>73</v>
      </c>
      <c r="D112" s="6" t="s">
        <v>58</v>
      </c>
      <c r="E112" s="17">
        <v>9.42</v>
      </c>
      <c r="F112" s="17">
        <v>9.58</v>
      </c>
      <c r="G112" s="17">
        <v>9.64</v>
      </c>
      <c r="H112" s="17">
        <v>9.5500000000000007</v>
      </c>
      <c r="I112" s="8">
        <v>9.5299999999999994</v>
      </c>
      <c r="J112" s="8">
        <v>9.59</v>
      </c>
      <c r="K112" s="8">
        <v>9.6</v>
      </c>
      <c r="L112" s="8">
        <v>9.42</v>
      </c>
      <c r="M112" s="8">
        <v>9.43</v>
      </c>
      <c r="N112" s="8">
        <v>9.39</v>
      </c>
      <c r="O112" s="8">
        <v>9.39</v>
      </c>
      <c r="P112" s="8">
        <v>9.18</v>
      </c>
      <c r="Q112" s="8">
        <v>9.2899999999999991</v>
      </c>
      <c r="R112" s="8">
        <v>9.1999999999999993</v>
      </c>
      <c r="S112" s="8">
        <v>9.2899999999999991</v>
      </c>
      <c r="T112" s="8">
        <v>9.26</v>
      </c>
      <c r="U112" s="8">
        <v>9.2799999999999994</v>
      </c>
      <c r="V112" s="8">
        <v>9.14</v>
      </c>
      <c r="W112" s="8">
        <v>9.3699999999999992</v>
      </c>
      <c r="X112" s="8">
        <v>9.26</v>
      </c>
      <c r="Y112" s="8">
        <v>9.26</v>
      </c>
      <c r="Z112" s="8">
        <v>9.31</v>
      </c>
      <c r="AA112" s="17">
        <v>9.4</v>
      </c>
      <c r="AB112" s="17">
        <v>9.36</v>
      </c>
      <c r="AC112" s="17">
        <v>9.33</v>
      </c>
      <c r="AD112" s="17">
        <v>9.35</v>
      </c>
      <c r="AE112" s="17">
        <v>9.31</v>
      </c>
      <c r="AF112" s="17">
        <v>9.25</v>
      </c>
      <c r="AG112" s="17">
        <v>9.17</v>
      </c>
      <c r="AH112" s="8">
        <v>9.2799999999999994</v>
      </c>
      <c r="AI112" s="12">
        <v>9.15</v>
      </c>
      <c r="AJ112" s="12">
        <v>9.26</v>
      </c>
      <c r="AK112" s="12">
        <v>9.26</v>
      </c>
      <c r="AL112" s="12">
        <v>9.1999999999999993</v>
      </c>
      <c r="AM112" s="12">
        <v>9.18</v>
      </c>
      <c r="AN112" s="8">
        <v>9.31</v>
      </c>
      <c r="AO112" s="17">
        <v>9.32</v>
      </c>
      <c r="AP112" s="17">
        <v>9.31</v>
      </c>
      <c r="AQ112" s="17">
        <v>9.41</v>
      </c>
      <c r="AR112" s="17">
        <v>9.4137038113058704</v>
      </c>
      <c r="AS112" s="17">
        <v>9.3699999999999992</v>
      </c>
      <c r="AT112" s="17">
        <v>9.25</v>
      </c>
      <c r="AU112" s="17">
        <v>9.4</v>
      </c>
      <c r="AV112" s="17">
        <v>9.3800000000000008</v>
      </c>
      <c r="AW112" s="17">
        <v>9.26</v>
      </c>
      <c r="AX112" s="17">
        <v>9.3000000000000007</v>
      </c>
      <c r="AY112" s="17">
        <v>9.18</v>
      </c>
      <c r="AZ112" s="17">
        <v>9.11</v>
      </c>
      <c r="BA112" s="17">
        <v>9.17</v>
      </c>
      <c r="BB112" s="17">
        <v>9.18</v>
      </c>
      <c r="BC112" s="8">
        <v>9.27</v>
      </c>
      <c r="BD112" s="8">
        <v>9.4700000000000006</v>
      </c>
      <c r="BE112" s="8">
        <v>9.52</v>
      </c>
    </row>
    <row r="113" spans="3:57" x14ac:dyDescent="0.2">
      <c r="C113" s="5" t="s">
        <v>74</v>
      </c>
      <c r="D113" s="6" t="s">
        <v>58</v>
      </c>
      <c r="E113" s="17">
        <v>3.11</v>
      </c>
      <c r="F113" s="17">
        <v>3.1</v>
      </c>
      <c r="G113" s="17">
        <v>3.09</v>
      </c>
      <c r="H113" s="17">
        <v>3.08</v>
      </c>
      <c r="I113" s="8">
        <v>3.1</v>
      </c>
      <c r="J113" s="8">
        <v>3.08</v>
      </c>
      <c r="K113" s="8">
        <v>3.07</v>
      </c>
      <c r="L113" s="8">
        <v>3.06</v>
      </c>
      <c r="M113" s="8">
        <v>3.05</v>
      </c>
      <c r="N113" s="8">
        <v>3.03</v>
      </c>
      <c r="O113" s="8">
        <v>3.02</v>
      </c>
      <c r="P113" s="8">
        <v>3.04</v>
      </c>
      <c r="Q113" s="8">
        <v>3.04</v>
      </c>
      <c r="R113" s="8">
        <v>3.04</v>
      </c>
      <c r="S113" s="8">
        <v>3.05</v>
      </c>
      <c r="T113" s="8">
        <v>3.05</v>
      </c>
      <c r="U113" s="8">
        <v>3.05</v>
      </c>
      <c r="V113" s="8">
        <v>3.05</v>
      </c>
      <c r="W113" s="8">
        <v>3.05</v>
      </c>
      <c r="X113" s="8">
        <v>3.09</v>
      </c>
      <c r="Y113" s="8">
        <v>3.07</v>
      </c>
      <c r="Z113" s="8">
        <v>3.07</v>
      </c>
      <c r="AA113" s="17">
        <v>3.08</v>
      </c>
      <c r="AB113" s="17">
        <v>3.1</v>
      </c>
      <c r="AC113" s="17">
        <v>3.09</v>
      </c>
      <c r="AD113" s="17">
        <v>3.09</v>
      </c>
      <c r="AE113" s="17">
        <v>3.09</v>
      </c>
      <c r="AF113" s="17">
        <v>3.09</v>
      </c>
      <c r="AG113" s="17">
        <v>3.08</v>
      </c>
      <c r="AH113" s="8">
        <v>3.11</v>
      </c>
      <c r="AI113" s="12">
        <v>3.08</v>
      </c>
      <c r="AJ113" s="12">
        <v>3.07</v>
      </c>
      <c r="AK113" s="12">
        <v>3.08</v>
      </c>
      <c r="AL113" s="12">
        <v>3.06</v>
      </c>
      <c r="AM113" s="12">
        <v>3.06</v>
      </c>
      <c r="AN113" s="8">
        <v>3.06</v>
      </c>
      <c r="AO113" s="17">
        <v>3.07</v>
      </c>
      <c r="AP113" s="17">
        <v>3.1</v>
      </c>
      <c r="AQ113" s="17">
        <v>3.11</v>
      </c>
      <c r="AR113" s="17">
        <v>3.1036354840463098</v>
      </c>
      <c r="AS113" s="17">
        <v>3.1</v>
      </c>
      <c r="AT113" s="17">
        <v>3.08</v>
      </c>
      <c r="AU113" s="17">
        <v>3.08</v>
      </c>
      <c r="AV113" s="17">
        <v>3.07</v>
      </c>
      <c r="AW113" s="17">
        <v>3.08</v>
      </c>
      <c r="AX113" s="17">
        <v>3.09</v>
      </c>
      <c r="AY113" s="17">
        <v>3.08</v>
      </c>
      <c r="AZ113" s="17">
        <v>3.1</v>
      </c>
      <c r="BA113" s="17">
        <v>3.08</v>
      </c>
      <c r="BB113" s="17">
        <v>3.07</v>
      </c>
      <c r="BC113" s="8">
        <v>3.07</v>
      </c>
      <c r="BD113" s="8">
        <v>3.07</v>
      </c>
      <c r="BE113" s="8">
        <v>3.09</v>
      </c>
    </row>
    <row r="114" spans="3:57" x14ac:dyDescent="0.2">
      <c r="C114" s="16" t="s">
        <v>78</v>
      </c>
      <c r="D114" s="6" t="s">
        <v>58</v>
      </c>
      <c r="E114" s="17">
        <v>0.81</v>
      </c>
      <c r="F114" s="17">
        <v>0.8</v>
      </c>
      <c r="G114" s="17">
        <v>0.8</v>
      </c>
      <c r="H114" s="17">
        <v>0.79</v>
      </c>
      <c r="I114" s="8">
        <v>0.79</v>
      </c>
      <c r="J114" s="8">
        <v>0.79</v>
      </c>
      <c r="K114" s="8">
        <v>0.79</v>
      </c>
      <c r="L114" s="8">
        <v>0.79</v>
      </c>
      <c r="M114" s="8">
        <v>0.79</v>
      </c>
      <c r="N114" s="8">
        <v>0.8</v>
      </c>
      <c r="O114" s="8">
        <v>0.8</v>
      </c>
      <c r="P114" s="8">
        <v>0.79</v>
      </c>
      <c r="Q114" s="8">
        <v>0.79</v>
      </c>
      <c r="R114" s="8">
        <v>0.79</v>
      </c>
      <c r="S114" s="8">
        <v>0.79</v>
      </c>
      <c r="T114" s="8">
        <v>0.79</v>
      </c>
      <c r="U114" s="8">
        <v>0.79</v>
      </c>
      <c r="V114" s="8">
        <v>0.79</v>
      </c>
      <c r="W114" s="8">
        <v>0.79</v>
      </c>
      <c r="X114" s="8">
        <v>0.79</v>
      </c>
      <c r="Y114" s="8">
        <v>0.79</v>
      </c>
      <c r="Z114" s="8">
        <v>0.79</v>
      </c>
      <c r="AA114" s="17">
        <v>0.79</v>
      </c>
      <c r="AB114" s="17">
        <v>0.78</v>
      </c>
      <c r="AC114" s="17">
        <v>0.78</v>
      </c>
      <c r="AD114" s="17">
        <v>0.78</v>
      </c>
      <c r="AE114" s="17">
        <v>0.77</v>
      </c>
      <c r="AF114" s="17">
        <v>0.77</v>
      </c>
      <c r="AG114" s="17">
        <v>0.77</v>
      </c>
      <c r="AH114" s="8">
        <v>0.77</v>
      </c>
      <c r="AI114" s="12">
        <v>0.77</v>
      </c>
      <c r="AJ114" s="12">
        <v>0.76</v>
      </c>
      <c r="AK114" s="12">
        <v>0.76</v>
      </c>
      <c r="AL114" s="12">
        <v>0.76</v>
      </c>
      <c r="AM114" s="12">
        <v>0.75</v>
      </c>
      <c r="AN114" s="8">
        <v>0.76</v>
      </c>
      <c r="AO114" s="17">
        <v>0.75</v>
      </c>
      <c r="AP114" s="17">
        <v>0.75</v>
      </c>
      <c r="AQ114" s="17">
        <v>0.75</v>
      </c>
      <c r="AR114" s="17">
        <v>0.75</v>
      </c>
      <c r="AS114" s="17">
        <v>0.75</v>
      </c>
      <c r="AT114" s="17">
        <v>0.74</v>
      </c>
      <c r="AU114" s="17">
        <v>0.74</v>
      </c>
      <c r="AV114" s="17">
        <v>0.74</v>
      </c>
      <c r="AW114" s="17">
        <v>0.74</v>
      </c>
      <c r="AX114" s="17">
        <v>0.74</v>
      </c>
      <c r="AY114" s="17">
        <v>0.75</v>
      </c>
      <c r="AZ114" s="17">
        <v>0.75</v>
      </c>
      <c r="BA114" s="17">
        <v>0.74</v>
      </c>
      <c r="BB114" s="17">
        <v>0.74</v>
      </c>
      <c r="BC114" s="8">
        <v>0.74</v>
      </c>
      <c r="BD114" s="8">
        <v>0.75</v>
      </c>
      <c r="BE114" s="8">
        <v>0.75</v>
      </c>
    </row>
    <row r="115" spans="3:57" x14ac:dyDescent="0.2">
      <c r="C115" s="16" t="s">
        <v>79</v>
      </c>
      <c r="D115" s="6" t="s">
        <v>58</v>
      </c>
      <c r="E115" s="17">
        <v>1.59</v>
      </c>
      <c r="F115" s="17">
        <v>1.64</v>
      </c>
      <c r="G115" s="17">
        <v>1.66</v>
      </c>
      <c r="H115" s="17">
        <v>1.68</v>
      </c>
      <c r="I115" s="8">
        <v>1.68</v>
      </c>
      <c r="J115" s="8">
        <v>1.66</v>
      </c>
      <c r="K115" s="8">
        <v>1.68</v>
      </c>
      <c r="L115" s="8">
        <v>1.68</v>
      </c>
      <c r="M115" s="8">
        <v>1.69</v>
      </c>
      <c r="N115" s="8">
        <v>1.68</v>
      </c>
      <c r="O115" s="8">
        <v>1.66</v>
      </c>
      <c r="P115" s="8">
        <v>1.62</v>
      </c>
      <c r="Q115" s="8">
        <v>1.6</v>
      </c>
      <c r="R115" s="8">
        <v>1.59</v>
      </c>
      <c r="S115" s="8">
        <v>1.58</v>
      </c>
      <c r="T115" s="8">
        <v>1.58</v>
      </c>
      <c r="U115" s="8">
        <v>1.58</v>
      </c>
      <c r="V115" s="8">
        <v>1.61</v>
      </c>
      <c r="W115" s="8">
        <v>1.61</v>
      </c>
      <c r="X115" s="8">
        <v>1.61</v>
      </c>
      <c r="Y115" s="8">
        <v>1.61</v>
      </c>
      <c r="Z115" s="8">
        <v>1.61</v>
      </c>
      <c r="AA115" s="17">
        <v>1.6</v>
      </c>
      <c r="AB115" s="17">
        <v>1.58</v>
      </c>
      <c r="AC115" s="17">
        <v>1.57</v>
      </c>
      <c r="AD115" s="17">
        <v>1.56</v>
      </c>
      <c r="AE115" s="17">
        <v>1.56</v>
      </c>
      <c r="AF115" s="17">
        <v>1.55</v>
      </c>
      <c r="AG115" s="17">
        <v>1.55</v>
      </c>
      <c r="AH115" s="8">
        <v>1.55</v>
      </c>
      <c r="AI115" s="12">
        <v>1.51</v>
      </c>
      <c r="AJ115" s="12">
        <v>1.51</v>
      </c>
      <c r="AK115" s="12">
        <v>1.51</v>
      </c>
      <c r="AL115" s="12">
        <v>1.51</v>
      </c>
      <c r="AM115" s="12">
        <v>1.52</v>
      </c>
      <c r="AN115" s="8">
        <v>1.51</v>
      </c>
      <c r="AO115" s="17">
        <v>1.52</v>
      </c>
      <c r="AP115" s="17">
        <v>1.51</v>
      </c>
      <c r="AQ115" s="17">
        <v>1.53</v>
      </c>
      <c r="AR115" s="17">
        <v>1.5485342548579801</v>
      </c>
      <c r="AS115" s="17">
        <v>1.53</v>
      </c>
      <c r="AT115" s="17">
        <v>1.53</v>
      </c>
      <c r="AU115" s="17">
        <v>1.54</v>
      </c>
      <c r="AV115" s="17">
        <v>1.52</v>
      </c>
      <c r="AW115" s="17">
        <v>1.52</v>
      </c>
      <c r="AX115" s="17">
        <v>1.52</v>
      </c>
      <c r="AY115" s="17">
        <v>1.5</v>
      </c>
      <c r="AZ115" s="17">
        <v>1.5</v>
      </c>
      <c r="BA115" s="17">
        <v>1.49</v>
      </c>
      <c r="BB115" s="17">
        <v>1.48</v>
      </c>
      <c r="BC115" s="8">
        <v>1.49</v>
      </c>
      <c r="BD115" s="8">
        <v>1.49</v>
      </c>
      <c r="BE115" s="8">
        <v>1.49</v>
      </c>
    </row>
    <row r="116" spans="3:57" x14ac:dyDescent="0.2">
      <c r="C116" s="16" t="s">
        <v>80</v>
      </c>
      <c r="D116" s="6" t="s">
        <v>58</v>
      </c>
      <c r="E116" s="17">
        <v>2.0099999999999998</v>
      </c>
      <c r="F116" s="17">
        <v>2.02</v>
      </c>
      <c r="G116" s="17">
        <v>2.13</v>
      </c>
      <c r="H116" s="17">
        <v>2.4500000000000002</v>
      </c>
      <c r="I116" s="8">
        <v>2.63</v>
      </c>
      <c r="J116" s="8">
        <v>2.62</v>
      </c>
      <c r="K116" s="8">
        <v>2.56</v>
      </c>
      <c r="L116" s="8">
        <v>2.4</v>
      </c>
      <c r="M116" s="8">
        <v>2.25</v>
      </c>
      <c r="N116" s="8">
        <v>2.0699999999999998</v>
      </c>
      <c r="O116" s="8">
        <v>1.96</v>
      </c>
      <c r="P116" s="8">
        <v>1.91</v>
      </c>
      <c r="Q116" s="8">
        <v>1.79</v>
      </c>
      <c r="R116" s="8">
        <v>1.69</v>
      </c>
      <c r="S116" s="8">
        <v>1.67</v>
      </c>
      <c r="T116" s="8">
        <v>1.6</v>
      </c>
      <c r="U116" s="8">
        <v>1.59</v>
      </c>
      <c r="V116" s="8">
        <v>1.49</v>
      </c>
      <c r="W116" s="8">
        <v>1.45</v>
      </c>
      <c r="X116" s="8">
        <v>1.41</v>
      </c>
      <c r="Y116" s="8">
        <v>1.39</v>
      </c>
      <c r="Z116" s="8">
        <v>1.39</v>
      </c>
      <c r="AA116" s="17">
        <v>1.36</v>
      </c>
      <c r="AB116" s="17">
        <v>1.33</v>
      </c>
      <c r="AC116" s="17">
        <v>1.34</v>
      </c>
      <c r="AD116" s="17">
        <v>1.33</v>
      </c>
      <c r="AE116" s="17">
        <v>1.33</v>
      </c>
      <c r="AF116" s="17">
        <v>1.33</v>
      </c>
      <c r="AG116" s="17">
        <v>1.35</v>
      </c>
      <c r="AH116" s="8">
        <v>1.34</v>
      </c>
      <c r="AI116" s="12">
        <v>1.3</v>
      </c>
      <c r="AJ116" s="12">
        <v>1.3</v>
      </c>
      <c r="AK116" s="12">
        <v>1.42</v>
      </c>
      <c r="AL116" s="12">
        <v>1.4</v>
      </c>
      <c r="AM116" s="12">
        <v>1.41</v>
      </c>
      <c r="AN116" s="8">
        <v>1.41</v>
      </c>
      <c r="AO116" s="17">
        <v>1.43</v>
      </c>
      <c r="AP116" s="17">
        <v>1.43</v>
      </c>
      <c r="AQ116" s="17">
        <v>1.46</v>
      </c>
      <c r="AR116" s="17">
        <v>1.4922222222222201</v>
      </c>
      <c r="AS116" s="17">
        <v>1.46</v>
      </c>
      <c r="AT116" s="17">
        <v>1.44</v>
      </c>
      <c r="AU116" s="17">
        <v>1.4</v>
      </c>
      <c r="AV116" s="17">
        <v>1.4</v>
      </c>
      <c r="AW116" s="17">
        <v>1.42</v>
      </c>
      <c r="AX116" s="17">
        <v>1.52</v>
      </c>
      <c r="AY116" s="17">
        <v>1.53</v>
      </c>
      <c r="AZ116" s="17">
        <v>1.48</v>
      </c>
      <c r="BA116" s="17">
        <v>1.45</v>
      </c>
      <c r="BB116" s="17">
        <v>1.46</v>
      </c>
      <c r="BC116" s="8">
        <v>1.45</v>
      </c>
      <c r="BD116" s="8">
        <v>1.46</v>
      </c>
      <c r="BE116" s="8">
        <v>1.47</v>
      </c>
    </row>
    <row r="117" spans="3:57" x14ac:dyDescent="0.2">
      <c r="C117" s="16" t="s">
        <v>81</v>
      </c>
      <c r="D117" s="6" t="s">
        <v>58</v>
      </c>
      <c r="E117" s="17">
        <v>1.1000000000000001</v>
      </c>
      <c r="F117" s="17">
        <v>1.1000000000000001</v>
      </c>
      <c r="G117" s="17">
        <v>1.1000000000000001</v>
      </c>
      <c r="H117" s="17">
        <v>1.1000000000000001</v>
      </c>
      <c r="I117" s="8">
        <v>1.1000000000000001</v>
      </c>
      <c r="J117" s="8">
        <v>1.0900000000000001</v>
      </c>
      <c r="K117" s="8">
        <v>1.0900000000000001</v>
      </c>
      <c r="L117" s="8">
        <v>1.0900000000000001</v>
      </c>
      <c r="M117" s="8">
        <v>1.08</v>
      </c>
      <c r="N117" s="8">
        <v>1.08</v>
      </c>
      <c r="O117" s="8">
        <v>1.0900000000000001</v>
      </c>
      <c r="P117" s="8">
        <v>1.1100000000000001</v>
      </c>
      <c r="Q117" s="8">
        <v>1.1000000000000001</v>
      </c>
      <c r="R117" s="8">
        <v>1.1000000000000001</v>
      </c>
      <c r="S117" s="8">
        <v>1.1000000000000001</v>
      </c>
      <c r="T117" s="8">
        <v>1.1000000000000001</v>
      </c>
      <c r="U117" s="8">
        <v>1.1000000000000001</v>
      </c>
      <c r="V117" s="8">
        <v>1.1000000000000001</v>
      </c>
      <c r="W117" s="8">
        <v>1.1000000000000001</v>
      </c>
      <c r="X117" s="8">
        <v>1.1100000000000001</v>
      </c>
      <c r="Y117" s="8">
        <v>1.1100000000000001</v>
      </c>
      <c r="Z117" s="8">
        <v>1.1000000000000001</v>
      </c>
      <c r="AA117" s="17">
        <v>1.1000000000000001</v>
      </c>
      <c r="AB117" s="17">
        <v>1.1000000000000001</v>
      </c>
      <c r="AC117" s="17">
        <v>1.1000000000000001</v>
      </c>
      <c r="AD117" s="17">
        <v>1.0900000000000001</v>
      </c>
      <c r="AE117" s="17">
        <v>1.0900000000000001</v>
      </c>
      <c r="AF117" s="17">
        <v>1.08</v>
      </c>
      <c r="AG117" s="17">
        <v>1.0900000000000001</v>
      </c>
      <c r="AH117" s="8">
        <v>1.08</v>
      </c>
      <c r="AI117" s="12">
        <v>1.05</v>
      </c>
      <c r="AJ117" s="12">
        <v>1.05</v>
      </c>
      <c r="AK117" s="12">
        <v>1.05</v>
      </c>
      <c r="AL117" s="12">
        <v>1.05</v>
      </c>
      <c r="AM117" s="12">
        <v>1.05</v>
      </c>
      <c r="AN117" s="8">
        <v>1.03</v>
      </c>
      <c r="AO117" s="17">
        <v>1.03</v>
      </c>
      <c r="AP117" s="17">
        <v>1.03</v>
      </c>
      <c r="AQ117" s="17">
        <v>1.03</v>
      </c>
      <c r="AR117" s="17">
        <v>1.0302834882229199</v>
      </c>
      <c r="AS117" s="17">
        <v>1.03</v>
      </c>
      <c r="AT117" s="17">
        <v>1.05</v>
      </c>
      <c r="AU117" s="17">
        <v>1.04</v>
      </c>
      <c r="AV117" s="17">
        <v>1.04</v>
      </c>
      <c r="AW117" s="17">
        <v>1.03</v>
      </c>
      <c r="AX117" s="17">
        <v>1.52</v>
      </c>
      <c r="AY117" s="17">
        <v>1.04</v>
      </c>
      <c r="AZ117" s="17">
        <v>1.03</v>
      </c>
      <c r="BA117" s="17">
        <v>1.03</v>
      </c>
      <c r="BB117" s="17">
        <v>1.03</v>
      </c>
      <c r="BC117" s="8">
        <v>1.03</v>
      </c>
      <c r="BD117" s="8">
        <v>1.03</v>
      </c>
      <c r="BE117" s="8">
        <v>1.03</v>
      </c>
    </row>
    <row r="118" spans="3:57" x14ac:dyDescent="0.2">
      <c r="C118" s="16" t="s">
        <v>82</v>
      </c>
      <c r="D118" s="6" t="s">
        <v>58</v>
      </c>
      <c r="E118" s="17">
        <v>3.5</v>
      </c>
      <c r="F118" s="17">
        <v>3.63</v>
      </c>
      <c r="G118" s="17">
        <v>4.1399999999999997</v>
      </c>
      <c r="H118" s="17">
        <v>4.78</v>
      </c>
      <c r="I118" s="8">
        <v>4.9800000000000004</v>
      </c>
      <c r="J118" s="8">
        <v>4.99</v>
      </c>
      <c r="K118" s="8">
        <v>4.8</v>
      </c>
      <c r="L118" s="8">
        <v>4.8099999999999996</v>
      </c>
      <c r="M118" s="8">
        <v>4.7</v>
      </c>
      <c r="N118" s="8">
        <v>4.57</v>
      </c>
      <c r="O118" s="8">
        <v>4.4000000000000004</v>
      </c>
      <c r="P118" s="8">
        <v>4.12</v>
      </c>
      <c r="Q118" s="8">
        <v>4.0999999999999996</v>
      </c>
      <c r="R118" s="8">
        <v>3.86</v>
      </c>
      <c r="S118" s="8">
        <v>3.85</v>
      </c>
      <c r="T118" s="8">
        <v>3.75</v>
      </c>
      <c r="U118" s="8">
        <v>3.74</v>
      </c>
      <c r="V118" s="8">
        <v>3.61</v>
      </c>
      <c r="W118" s="8">
        <v>3.31</v>
      </c>
      <c r="X118" s="8">
        <v>3.21</v>
      </c>
      <c r="Y118" s="8">
        <v>3.13</v>
      </c>
      <c r="Z118" s="8">
        <v>3.03</v>
      </c>
      <c r="AA118" s="17">
        <v>3.03</v>
      </c>
      <c r="AB118" s="17">
        <v>2.95</v>
      </c>
      <c r="AC118" s="17">
        <v>2.92</v>
      </c>
      <c r="AD118" s="17">
        <v>2.94</v>
      </c>
      <c r="AE118" s="17">
        <v>2.93</v>
      </c>
      <c r="AF118" s="17">
        <v>3.04</v>
      </c>
      <c r="AG118" s="17">
        <v>3.08</v>
      </c>
      <c r="AH118" s="8">
        <v>3.14</v>
      </c>
      <c r="AI118" s="12">
        <v>3.05</v>
      </c>
      <c r="AJ118" s="12">
        <v>3.02</v>
      </c>
      <c r="AK118" s="12">
        <v>3.08</v>
      </c>
      <c r="AL118" s="12">
        <v>3.25</v>
      </c>
      <c r="AM118" s="12">
        <v>3.37</v>
      </c>
      <c r="AN118" s="8">
        <v>3.45</v>
      </c>
      <c r="AO118" s="17">
        <v>3.44</v>
      </c>
      <c r="AP118" s="17">
        <v>3.54</v>
      </c>
      <c r="AQ118" s="17">
        <v>3.71</v>
      </c>
      <c r="AR118" s="17">
        <v>3.8500298280259999</v>
      </c>
      <c r="AS118" s="17">
        <v>3.83</v>
      </c>
      <c r="AT118" s="17">
        <v>3.69</v>
      </c>
      <c r="AU118" s="17">
        <v>3.56</v>
      </c>
      <c r="AV118" s="17">
        <v>3.51</v>
      </c>
      <c r="AW118" s="17">
        <v>3.49</v>
      </c>
      <c r="AX118" s="17">
        <v>3.43</v>
      </c>
      <c r="AY118" s="17">
        <v>3.37</v>
      </c>
      <c r="AZ118" s="17">
        <v>3.37</v>
      </c>
      <c r="BA118" s="17">
        <v>3.37</v>
      </c>
      <c r="BB118" s="17">
        <v>3.44</v>
      </c>
      <c r="BC118" s="8">
        <v>3.46</v>
      </c>
      <c r="BD118" s="8">
        <v>3.49</v>
      </c>
      <c r="BE118" s="8">
        <v>3.51</v>
      </c>
    </row>
    <row r="119" spans="3:57" x14ac:dyDescent="0.2">
      <c r="C119" s="16" t="s">
        <v>84</v>
      </c>
      <c r="D119" s="6" t="s">
        <v>85</v>
      </c>
      <c r="E119" s="17">
        <v>0.93</v>
      </c>
      <c r="F119" s="17">
        <v>0.93</v>
      </c>
      <c r="G119" s="17">
        <v>0.94</v>
      </c>
      <c r="H119" s="17">
        <v>0.94</v>
      </c>
      <c r="I119" s="8">
        <v>0.94</v>
      </c>
      <c r="J119" s="8">
        <v>0.93</v>
      </c>
      <c r="K119" s="8">
        <v>0.94</v>
      </c>
      <c r="L119" s="8">
        <v>0.94</v>
      </c>
      <c r="M119" s="8">
        <v>0.94</v>
      </c>
      <c r="N119" s="8">
        <v>0.93</v>
      </c>
      <c r="O119" s="8">
        <v>0.93</v>
      </c>
      <c r="P119" s="8">
        <v>0.93</v>
      </c>
      <c r="Q119" s="8">
        <v>0.9</v>
      </c>
      <c r="R119" s="8">
        <v>0.89</v>
      </c>
      <c r="S119" s="8">
        <v>0.88</v>
      </c>
      <c r="T119" s="8">
        <v>0.87</v>
      </c>
      <c r="U119" s="8">
        <v>0.87</v>
      </c>
      <c r="V119" s="8">
        <v>0.87</v>
      </c>
      <c r="W119" s="8">
        <v>0.87</v>
      </c>
      <c r="X119" s="8">
        <v>0.86</v>
      </c>
      <c r="Y119" s="8">
        <v>0.86</v>
      </c>
      <c r="Z119" s="8">
        <v>0.86</v>
      </c>
      <c r="AA119" s="17">
        <v>0.85</v>
      </c>
      <c r="AB119" s="17">
        <v>0.85</v>
      </c>
      <c r="AC119" s="17">
        <v>0.85</v>
      </c>
      <c r="AD119" s="17">
        <v>0.84</v>
      </c>
      <c r="AE119" s="17">
        <v>0.84</v>
      </c>
      <c r="AF119" s="17">
        <v>0.84</v>
      </c>
      <c r="AG119" s="17">
        <v>0.84</v>
      </c>
      <c r="AH119" s="8">
        <v>0.84</v>
      </c>
      <c r="AI119" s="12">
        <v>0.83</v>
      </c>
      <c r="AJ119" s="12">
        <v>0.83</v>
      </c>
      <c r="AK119" s="12">
        <v>0.83</v>
      </c>
      <c r="AL119" s="12">
        <v>0.83</v>
      </c>
      <c r="AM119" s="12">
        <v>0.84</v>
      </c>
      <c r="AN119" s="8">
        <v>0.84</v>
      </c>
      <c r="AO119" s="17">
        <v>0.84</v>
      </c>
      <c r="AP119" s="17">
        <v>0.84</v>
      </c>
      <c r="AQ119" s="17">
        <v>0.85</v>
      </c>
      <c r="AR119" s="17">
        <v>0.85380740025616908</v>
      </c>
      <c r="AS119" s="17">
        <v>0.86</v>
      </c>
      <c r="AT119" s="17">
        <v>0.86</v>
      </c>
      <c r="AU119" s="17">
        <v>0.85</v>
      </c>
      <c r="AV119" s="17">
        <v>0.84</v>
      </c>
      <c r="AW119" s="17">
        <v>0.84</v>
      </c>
      <c r="AX119" s="17">
        <v>0.84</v>
      </c>
      <c r="AY119" s="17">
        <v>0.85</v>
      </c>
      <c r="AZ119" s="17">
        <v>0.85</v>
      </c>
      <c r="BA119" s="17">
        <v>0.85</v>
      </c>
      <c r="BB119" s="17">
        <v>0.85</v>
      </c>
      <c r="BC119" s="8">
        <v>0.85</v>
      </c>
      <c r="BD119" s="8">
        <v>0.85</v>
      </c>
      <c r="BE119" s="8">
        <v>0.85</v>
      </c>
    </row>
    <row r="120" spans="3:57" x14ac:dyDescent="0.2">
      <c r="C120" s="16" t="s">
        <v>86</v>
      </c>
      <c r="D120" s="6" t="s">
        <v>58</v>
      </c>
      <c r="E120" s="17">
        <v>2.42</v>
      </c>
      <c r="F120" s="17">
        <v>2.4700000000000002</v>
      </c>
      <c r="G120" s="17">
        <v>2.48</v>
      </c>
      <c r="H120" s="17">
        <v>2.5499999999999998</v>
      </c>
      <c r="I120" s="8">
        <v>2.5499999999999998</v>
      </c>
      <c r="J120" s="8">
        <v>2.52</v>
      </c>
      <c r="K120" s="8">
        <v>2.5</v>
      </c>
      <c r="L120" s="8">
        <v>2.4300000000000002</v>
      </c>
      <c r="M120" s="8">
        <v>2.4300000000000002</v>
      </c>
      <c r="N120" s="8">
        <v>2.42</v>
      </c>
      <c r="O120" s="8">
        <v>2.4900000000000002</v>
      </c>
      <c r="P120" s="8">
        <v>2.56</v>
      </c>
      <c r="Q120" s="8">
        <v>2.62</v>
      </c>
      <c r="R120" s="8">
        <v>2.64</v>
      </c>
      <c r="S120" s="8">
        <v>2.65</v>
      </c>
      <c r="T120" s="8">
        <v>2.54</v>
      </c>
      <c r="U120" s="8">
        <v>2.5299999999999998</v>
      </c>
      <c r="V120" s="8">
        <v>2.5</v>
      </c>
      <c r="W120" s="8">
        <v>2.35</v>
      </c>
      <c r="X120" s="8">
        <v>2.27</v>
      </c>
      <c r="Y120" s="8">
        <v>2.2000000000000002</v>
      </c>
      <c r="Z120" s="8">
        <v>2.25</v>
      </c>
      <c r="AA120" s="17">
        <v>2.02</v>
      </c>
      <c r="AB120" s="17">
        <v>1.96</v>
      </c>
      <c r="AC120" s="17">
        <v>1.92</v>
      </c>
      <c r="AD120" s="17">
        <v>1.91</v>
      </c>
      <c r="AE120" s="17">
        <v>1.88</v>
      </c>
      <c r="AF120" s="17">
        <v>1.87</v>
      </c>
      <c r="AG120" s="17">
        <v>1.88</v>
      </c>
      <c r="AH120" s="8">
        <v>1.87</v>
      </c>
      <c r="AI120" s="12">
        <v>1.78</v>
      </c>
      <c r="AJ120" s="12">
        <v>1.78</v>
      </c>
      <c r="AK120" s="12">
        <v>1.78</v>
      </c>
      <c r="AL120" s="12">
        <v>1.77</v>
      </c>
      <c r="AM120" s="12">
        <v>1.79</v>
      </c>
      <c r="AN120" s="8">
        <v>1.78</v>
      </c>
      <c r="AO120" s="17">
        <v>1.76</v>
      </c>
      <c r="AP120" s="17">
        <v>1.77</v>
      </c>
      <c r="AQ120" s="17">
        <v>1.78</v>
      </c>
      <c r="AR120" s="17">
        <v>1.8040379063704699</v>
      </c>
      <c r="AS120" s="17">
        <v>1.82</v>
      </c>
      <c r="AT120" s="17">
        <v>1.85</v>
      </c>
      <c r="AU120" s="17">
        <v>1.86</v>
      </c>
      <c r="AV120" s="17">
        <v>1.85</v>
      </c>
      <c r="AW120" s="17">
        <v>1.84</v>
      </c>
      <c r="AX120" s="17">
        <v>1.81</v>
      </c>
      <c r="AY120" s="17">
        <v>1.78</v>
      </c>
      <c r="AZ120" s="17">
        <v>1.78</v>
      </c>
      <c r="BA120" s="17">
        <v>1.75</v>
      </c>
      <c r="BB120" s="17">
        <v>1.77</v>
      </c>
      <c r="BC120" s="8">
        <v>1.77</v>
      </c>
      <c r="BD120" s="8">
        <v>1.77</v>
      </c>
      <c r="BE120" s="8">
        <v>1.78</v>
      </c>
    </row>
    <row r="121" spans="3:57" x14ac:dyDescent="0.2">
      <c r="C121" s="16" t="s">
        <v>104</v>
      </c>
      <c r="D121" s="6" t="s">
        <v>58</v>
      </c>
      <c r="E121" s="17">
        <v>2.2000000000000002</v>
      </c>
      <c r="F121" s="17">
        <v>2.21</v>
      </c>
      <c r="G121" s="17">
        <v>2.19</v>
      </c>
      <c r="H121" s="17">
        <v>2.2200000000000002</v>
      </c>
      <c r="I121" s="8">
        <v>2.17</v>
      </c>
      <c r="J121" s="8">
        <v>2.14</v>
      </c>
      <c r="K121" s="8">
        <v>2.11</v>
      </c>
      <c r="L121" s="8">
        <v>2.08</v>
      </c>
      <c r="M121" s="8">
        <v>2.04</v>
      </c>
      <c r="N121" s="8">
        <v>2.08</v>
      </c>
      <c r="O121" s="8">
        <v>2.1</v>
      </c>
      <c r="P121" s="8">
        <v>2.15</v>
      </c>
      <c r="Q121" s="8">
        <v>2.2000000000000002</v>
      </c>
      <c r="R121" s="8">
        <v>2.2200000000000002</v>
      </c>
      <c r="S121" s="8">
        <v>2.2599999999999998</v>
      </c>
      <c r="T121" s="8">
        <v>2.31</v>
      </c>
      <c r="U121" s="8">
        <v>2.3199999999999998</v>
      </c>
      <c r="V121" s="8">
        <v>2.33</v>
      </c>
      <c r="W121" s="8">
        <v>2.31</v>
      </c>
      <c r="X121" s="8">
        <v>2.25</v>
      </c>
      <c r="Y121" s="8">
        <v>2.1800000000000002</v>
      </c>
      <c r="Z121" s="8">
        <v>2.13</v>
      </c>
      <c r="AA121" s="17">
        <v>2.09</v>
      </c>
      <c r="AB121" s="17">
        <v>2.0699999999999998</v>
      </c>
      <c r="AC121" s="17">
        <v>2.0099999999999998</v>
      </c>
      <c r="AD121" s="17">
        <v>1.98</v>
      </c>
      <c r="AE121" s="17">
        <v>1.96</v>
      </c>
      <c r="AF121" s="17">
        <v>1.95</v>
      </c>
      <c r="AG121" s="17">
        <v>1.93</v>
      </c>
      <c r="AH121" s="8">
        <v>1.91</v>
      </c>
      <c r="AI121" s="12">
        <v>1.78</v>
      </c>
      <c r="AJ121" s="12">
        <v>1.76</v>
      </c>
      <c r="AK121" s="12">
        <v>1.75</v>
      </c>
      <c r="AL121" s="12">
        <v>1.75</v>
      </c>
      <c r="AM121" s="12">
        <v>1.77</v>
      </c>
      <c r="AN121" s="8">
        <v>1.78</v>
      </c>
      <c r="AO121" s="17">
        <v>1.81</v>
      </c>
      <c r="AP121" s="17">
        <v>1.82</v>
      </c>
      <c r="AQ121" s="17">
        <v>1.87</v>
      </c>
      <c r="AR121" s="17">
        <v>1.9445235320008403</v>
      </c>
      <c r="AS121" s="17">
        <v>1.97</v>
      </c>
      <c r="AT121" s="17">
        <v>1.97</v>
      </c>
      <c r="AU121" s="17">
        <v>1.97</v>
      </c>
      <c r="AV121" s="17">
        <v>1.97</v>
      </c>
      <c r="AW121" s="17">
        <v>1.96</v>
      </c>
      <c r="AX121" s="17">
        <v>1.93</v>
      </c>
      <c r="AY121" s="17">
        <v>1.91</v>
      </c>
      <c r="AZ121" s="17">
        <v>1.87</v>
      </c>
      <c r="BA121" s="17">
        <v>1.86</v>
      </c>
      <c r="BB121" s="17">
        <v>1.86</v>
      </c>
      <c r="BC121" s="8">
        <v>1.89</v>
      </c>
      <c r="BD121" s="8">
        <v>1.92</v>
      </c>
      <c r="BE121" s="8">
        <v>1.92</v>
      </c>
    </row>
    <row r="122" spans="3:57" x14ac:dyDescent="0.2">
      <c r="C122" s="16" t="s">
        <v>87</v>
      </c>
      <c r="D122" s="6" t="s">
        <v>58</v>
      </c>
      <c r="E122" s="17">
        <v>1</v>
      </c>
      <c r="F122" s="17">
        <v>0.99</v>
      </c>
      <c r="G122" s="17">
        <v>0.99</v>
      </c>
      <c r="H122" s="17">
        <v>1</v>
      </c>
      <c r="I122" s="8">
        <v>0.99</v>
      </c>
      <c r="J122" s="8">
        <v>0.99</v>
      </c>
      <c r="K122" s="8">
        <v>1</v>
      </c>
      <c r="L122" s="8">
        <v>0.99</v>
      </c>
      <c r="M122" s="8">
        <v>1</v>
      </c>
      <c r="N122" s="8">
        <v>1</v>
      </c>
      <c r="O122" s="8">
        <v>0.99</v>
      </c>
      <c r="P122" s="8">
        <v>0.99</v>
      </c>
      <c r="Q122" s="8">
        <v>0.99</v>
      </c>
      <c r="R122" s="8">
        <v>1</v>
      </c>
      <c r="S122" s="8">
        <v>0.99</v>
      </c>
      <c r="T122" s="8">
        <v>1</v>
      </c>
      <c r="U122" s="8">
        <v>1</v>
      </c>
      <c r="V122" s="8">
        <v>1</v>
      </c>
      <c r="W122" s="8">
        <v>1</v>
      </c>
      <c r="X122" s="8">
        <v>1</v>
      </c>
      <c r="Y122" s="8">
        <v>1.01</v>
      </c>
      <c r="Z122" s="8">
        <v>1.01</v>
      </c>
      <c r="AA122" s="17">
        <v>1.01</v>
      </c>
      <c r="AB122" s="17">
        <v>1.01</v>
      </c>
      <c r="AC122" s="17">
        <v>1.01</v>
      </c>
      <c r="AD122" s="17">
        <v>1.01</v>
      </c>
      <c r="AE122" s="17">
        <v>1.02</v>
      </c>
      <c r="AF122" s="17">
        <v>1.01</v>
      </c>
      <c r="AG122" s="17">
        <v>1</v>
      </c>
      <c r="AH122" s="8">
        <v>1.01</v>
      </c>
      <c r="AI122" s="12">
        <v>0.97</v>
      </c>
      <c r="AJ122" s="12">
        <v>0.97</v>
      </c>
      <c r="AK122" s="12">
        <v>0.97</v>
      </c>
      <c r="AL122" s="12">
        <v>0.96</v>
      </c>
      <c r="AM122" s="12">
        <v>0.95</v>
      </c>
      <c r="AN122" s="8">
        <v>0.96</v>
      </c>
      <c r="AO122" s="17">
        <v>0.96</v>
      </c>
      <c r="AP122" s="17">
        <v>0.97</v>
      </c>
      <c r="AQ122" s="17">
        <v>0.97</v>
      </c>
      <c r="AR122" s="17">
        <v>0.97391938499877206</v>
      </c>
      <c r="AS122" s="17">
        <v>0.97</v>
      </c>
      <c r="AT122" s="17">
        <v>0.97</v>
      </c>
      <c r="AU122" s="17">
        <v>0.97</v>
      </c>
      <c r="AV122" s="17">
        <v>0.97</v>
      </c>
      <c r="AW122" s="17">
        <v>0.98</v>
      </c>
      <c r="AX122" s="17">
        <v>0.98</v>
      </c>
      <c r="AY122" s="17">
        <v>0.98</v>
      </c>
      <c r="AZ122" s="17">
        <v>0.98</v>
      </c>
      <c r="BA122" s="17">
        <v>0.97</v>
      </c>
      <c r="BB122" s="17">
        <v>0.97</v>
      </c>
      <c r="BC122" s="8">
        <v>0.98</v>
      </c>
      <c r="BD122" s="8">
        <v>0.98</v>
      </c>
      <c r="BE122" s="8">
        <v>0.98</v>
      </c>
    </row>
    <row r="123" spans="3:57" x14ac:dyDescent="0.2">
      <c r="C123" s="16" t="s">
        <v>88</v>
      </c>
      <c r="D123" s="6" t="s">
        <v>58</v>
      </c>
      <c r="E123" s="17">
        <v>1.76</v>
      </c>
      <c r="F123" s="17">
        <v>1.73</v>
      </c>
      <c r="G123" s="17">
        <v>1.66</v>
      </c>
      <c r="H123" s="17">
        <v>1.62</v>
      </c>
      <c r="I123" s="8">
        <v>1.56</v>
      </c>
      <c r="J123" s="8">
        <v>1.55</v>
      </c>
      <c r="K123" s="8">
        <v>1.54</v>
      </c>
      <c r="L123" s="8">
        <v>1.51</v>
      </c>
      <c r="M123" s="8">
        <v>1.5</v>
      </c>
      <c r="N123" s="8">
        <v>1.46</v>
      </c>
      <c r="O123" s="8">
        <v>1.43</v>
      </c>
      <c r="P123" s="8">
        <v>1.41</v>
      </c>
      <c r="Q123" s="8">
        <v>1.41</v>
      </c>
      <c r="R123" s="8">
        <v>1.42</v>
      </c>
      <c r="S123" s="8">
        <v>1.4</v>
      </c>
      <c r="T123" s="8">
        <v>1.39</v>
      </c>
      <c r="U123" s="8">
        <v>1.39</v>
      </c>
      <c r="V123" s="8">
        <v>1.38</v>
      </c>
      <c r="W123" s="8">
        <v>1.38</v>
      </c>
      <c r="X123" s="8">
        <v>1.37</v>
      </c>
      <c r="Y123" s="8">
        <v>1.36</v>
      </c>
      <c r="Z123" s="8">
        <v>1.36</v>
      </c>
      <c r="AA123" s="17">
        <v>1.35</v>
      </c>
      <c r="AB123" s="17">
        <v>1.34</v>
      </c>
      <c r="AC123" s="17">
        <v>1.34</v>
      </c>
      <c r="AD123" s="17">
        <v>1.34</v>
      </c>
      <c r="AE123" s="17">
        <v>1.33</v>
      </c>
      <c r="AF123" s="17">
        <v>1.32</v>
      </c>
      <c r="AG123" s="17">
        <v>1.31</v>
      </c>
      <c r="AH123" s="8">
        <v>1.32</v>
      </c>
      <c r="AI123" s="12">
        <v>1.3</v>
      </c>
      <c r="AJ123" s="12">
        <v>1.3</v>
      </c>
      <c r="AK123" s="12">
        <v>1.31</v>
      </c>
      <c r="AL123" s="12">
        <v>1.34</v>
      </c>
      <c r="AM123" s="12">
        <v>1.37</v>
      </c>
      <c r="AN123" s="8">
        <v>1.46</v>
      </c>
      <c r="AO123" s="17">
        <v>1.58</v>
      </c>
      <c r="AP123" s="17">
        <v>1.64</v>
      </c>
      <c r="AQ123" s="17">
        <v>1.73</v>
      </c>
      <c r="AR123" s="17">
        <v>1.71035657780177</v>
      </c>
      <c r="AS123" s="17">
        <v>1.71</v>
      </c>
      <c r="AT123" s="17">
        <v>1.69</v>
      </c>
      <c r="AU123" s="17">
        <v>1.72</v>
      </c>
      <c r="AV123" s="17">
        <v>1.71</v>
      </c>
      <c r="AW123" s="17">
        <v>1.7</v>
      </c>
      <c r="AX123" s="17">
        <v>1.7</v>
      </c>
      <c r="AY123" s="17">
        <v>1.68</v>
      </c>
      <c r="AZ123" s="17">
        <v>1.68</v>
      </c>
      <c r="BA123" s="17">
        <v>1.68</v>
      </c>
      <c r="BB123" s="17">
        <v>1.67</v>
      </c>
      <c r="BC123" s="8">
        <v>1.66</v>
      </c>
      <c r="BD123" s="8">
        <v>1.65</v>
      </c>
      <c r="BE123" s="8">
        <v>1.65</v>
      </c>
    </row>
    <row r="124" spans="3:57" x14ac:dyDescent="0.2">
      <c r="C124" s="18" t="s">
        <v>91</v>
      </c>
      <c r="D124" s="6" t="s">
        <v>58</v>
      </c>
      <c r="E124" s="17">
        <v>1.67</v>
      </c>
      <c r="F124" s="17">
        <v>1.65</v>
      </c>
      <c r="G124" s="17">
        <v>1.66</v>
      </c>
      <c r="H124" s="17">
        <v>1.66</v>
      </c>
      <c r="I124" s="8">
        <v>1.7</v>
      </c>
      <c r="J124" s="8">
        <v>1.73</v>
      </c>
      <c r="K124" s="8">
        <v>1.8</v>
      </c>
      <c r="L124" s="8">
        <v>1.86</v>
      </c>
      <c r="M124" s="8">
        <v>1.88</v>
      </c>
      <c r="N124" s="8">
        <v>1.95</v>
      </c>
      <c r="O124" s="8">
        <v>1.97</v>
      </c>
      <c r="P124" s="8">
        <v>1.97</v>
      </c>
      <c r="Q124" s="8">
        <v>1.98</v>
      </c>
      <c r="R124" s="8">
        <v>1.9</v>
      </c>
      <c r="S124" s="8">
        <v>1.86</v>
      </c>
      <c r="T124" s="8">
        <v>1.88</v>
      </c>
      <c r="U124" s="8">
        <v>1.88</v>
      </c>
      <c r="V124" s="8">
        <v>1.89</v>
      </c>
      <c r="W124" s="8">
        <v>1.88</v>
      </c>
      <c r="X124" s="8">
        <v>1.93</v>
      </c>
      <c r="Y124" s="8">
        <v>1.91</v>
      </c>
      <c r="Z124" s="8">
        <v>1.9</v>
      </c>
      <c r="AA124" s="17">
        <v>1.88</v>
      </c>
      <c r="AB124" s="17">
        <v>1.89</v>
      </c>
      <c r="AC124" s="17">
        <v>1.82</v>
      </c>
      <c r="AD124" s="17">
        <v>1.84</v>
      </c>
      <c r="AE124" s="17">
        <v>1.85</v>
      </c>
      <c r="AF124" s="17">
        <v>1.97</v>
      </c>
      <c r="AG124" s="17">
        <v>1.99</v>
      </c>
      <c r="AH124" s="8">
        <v>2.1</v>
      </c>
      <c r="AI124" s="12">
        <v>1.99</v>
      </c>
      <c r="AJ124" s="12">
        <v>1.99</v>
      </c>
      <c r="AK124" s="12">
        <v>2.0099999999999998</v>
      </c>
      <c r="AL124" s="12">
        <v>1.9</v>
      </c>
      <c r="AM124" s="12">
        <v>1.96</v>
      </c>
      <c r="AN124" s="8">
        <v>2</v>
      </c>
      <c r="AO124" s="17">
        <v>1.99</v>
      </c>
      <c r="AP124" s="17">
        <v>2.09</v>
      </c>
      <c r="AQ124" s="17">
        <v>1.98</v>
      </c>
      <c r="AR124" s="17">
        <v>2.1064705882352901</v>
      </c>
      <c r="AS124" s="17">
        <v>2.15</v>
      </c>
      <c r="AT124" s="17">
        <v>2.1800000000000002</v>
      </c>
      <c r="AU124" s="17">
        <v>2.09</v>
      </c>
      <c r="AV124" s="17">
        <v>2.02</v>
      </c>
      <c r="AW124" s="17">
        <v>1.99</v>
      </c>
      <c r="AX124" s="17">
        <v>1.93</v>
      </c>
      <c r="AY124" s="17">
        <v>1.83</v>
      </c>
      <c r="AZ124" s="17">
        <v>1.75</v>
      </c>
      <c r="BA124" s="17">
        <v>1.72</v>
      </c>
      <c r="BB124" s="17">
        <v>1.7</v>
      </c>
      <c r="BC124" s="8">
        <v>1.69</v>
      </c>
      <c r="BD124" s="8">
        <v>1.67</v>
      </c>
      <c r="BE124" s="8">
        <v>1.68</v>
      </c>
    </row>
    <row r="125" spans="3:57" x14ac:dyDescent="0.2">
      <c r="C125" s="18" t="s">
        <v>100</v>
      </c>
      <c r="D125" s="6" t="s">
        <v>58</v>
      </c>
      <c r="E125" s="17">
        <v>1.4</v>
      </c>
      <c r="F125" s="17">
        <v>1.38</v>
      </c>
      <c r="G125" s="17">
        <v>1.34</v>
      </c>
      <c r="H125" s="17">
        <v>1.32</v>
      </c>
      <c r="I125" s="8">
        <v>1.33</v>
      </c>
      <c r="J125" s="8">
        <v>1.32</v>
      </c>
      <c r="K125" s="8">
        <v>1.31</v>
      </c>
      <c r="L125" s="8">
        <v>1.31</v>
      </c>
      <c r="M125" s="8">
        <v>1.32</v>
      </c>
      <c r="N125" s="8">
        <v>1.33</v>
      </c>
      <c r="O125" s="8">
        <v>1.34</v>
      </c>
      <c r="P125" s="8">
        <v>1.34</v>
      </c>
      <c r="Q125" s="8">
        <v>1.34</v>
      </c>
      <c r="R125" s="8">
        <v>1.35</v>
      </c>
      <c r="S125" s="8">
        <v>1.34</v>
      </c>
      <c r="T125" s="8">
        <v>1.34</v>
      </c>
      <c r="U125" s="8">
        <v>1.34</v>
      </c>
      <c r="V125" s="8">
        <v>1.34</v>
      </c>
      <c r="W125" s="8">
        <v>1.34</v>
      </c>
      <c r="X125" s="8">
        <v>1.34</v>
      </c>
      <c r="Y125" s="8">
        <v>1.35</v>
      </c>
      <c r="Z125" s="8">
        <v>1.37</v>
      </c>
      <c r="AA125" s="17">
        <v>1.31</v>
      </c>
      <c r="AB125" s="17">
        <v>1.32</v>
      </c>
      <c r="AC125" s="17">
        <v>1.32</v>
      </c>
      <c r="AD125" s="17">
        <v>1.32</v>
      </c>
      <c r="AE125" s="17">
        <v>1.32</v>
      </c>
      <c r="AF125" s="17">
        <v>1.34</v>
      </c>
      <c r="AG125" s="17">
        <v>1.36</v>
      </c>
      <c r="AH125" s="8">
        <v>1.37</v>
      </c>
      <c r="AI125" s="12">
        <v>1.37</v>
      </c>
      <c r="AJ125" s="12">
        <v>1.38</v>
      </c>
      <c r="AK125" s="12">
        <v>1.37</v>
      </c>
      <c r="AL125" s="12">
        <v>1.37</v>
      </c>
      <c r="AM125" s="12">
        <v>1.39</v>
      </c>
      <c r="AN125" s="8">
        <v>1.41</v>
      </c>
      <c r="AO125" s="17">
        <v>1.42</v>
      </c>
      <c r="AP125" s="17">
        <v>1.44</v>
      </c>
      <c r="AQ125" s="17">
        <v>1.46</v>
      </c>
      <c r="AR125" s="17">
        <v>1.4848148148148199</v>
      </c>
      <c r="AS125" s="17">
        <v>1.47</v>
      </c>
      <c r="AT125" s="17">
        <v>1.47</v>
      </c>
      <c r="AU125" s="17">
        <v>1.49</v>
      </c>
      <c r="AV125" s="17">
        <v>1.49</v>
      </c>
      <c r="AW125" s="17">
        <v>1.56</v>
      </c>
      <c r="AX125" s="17">
        <v>1.54</v>
      </c>
      <c r="AY125" s="17">
        <v>1.52</v>
      </c>
      <c r="AZ125" s="17">
        <v>1.49</v>
      </c>
      <c r="BA125" s="17">
        <v>1.48</v>
      </c>
      <c r="BB125" s="17">
        <v>1.45</v>
      </c>
      <c r="BC125" s="8">
        <v>1.43</v>
      </c>
      <c r="BD125" s="8">
        <v>1.44</v>
      </c>
      <c r="BE125" s="8">
        <v>1.43</v>
      </c>
    </row>
    <row r="126" spans="3:57" x14ac:dyDescent="0.2">
      <c r="C126" s="16" t="s">
        <v>89</v>
      </c>
      <c r="D126" s="6" t="s">
        <v>58</v>
      </c>
      <c r="E126" s="17">
        <v>1.76</v>
      </c>
      <c r="F126" s="17">
        <v>1.77</v>
      </c>
      <c r="G126" s="17">
        <v>1.75</v>
      </c>
      <c r="H126" s="17">
        <v>1.75</v>
      </c>
      <c r="I126" s="8">
        <v>1.75</v>
      </c>
      <c r="J126" s="8">
        <v>1.73</v>
      </c>
      <c r="K126" s="8">
        <v>1.73</v>
      </c>
      <c r="L126" s="8">
        <v>1.71</v>
      </c>
      <c r="M126" s="8">
        <v>1.7</v>
      </c>
      <c r="N126" s="8">
        <v>1.7</v>
      </c>
      <c r="O126" s="8">
        <v>1.69</v>
      </c>
      <c r="P126" s="8">
        <v>1.69</v>
      </c>
      <c r="Q126" s="8">
        <v>1.69</v>
      </c>
      <c r="R126" s="8">
        <v>1.68</v>
      </c>
      <c r="S126" s="8">
        <v>1.67</v>
      </c>
      <c r="T126" s="8">
        <v>1.67</v>
      </c>
      <c r="U126" s="8">
        <v>1.67</v>
      </c>
      <c r="V126" s="8">
        <v>1.67</v>
      </c>
      <c r="W126" s="8">
        <v>1.68</v>
      </c>
      <c r="X126" s="8">
        <v>1.67</v>
      </c>
      <c r="Y126" s="8">
        <v>1.65</v>
      </c>
      <c r="Z126" s="8">
        <v>1.66</v>
      </c>
      <c r="AA126" s="17">
        <v>1.67</v>
      </c>
      <c r="AB126" s="17">
        <v>1.66</v>
      </c>
      <c r="AC126" s="17">
        <v>1.66</v>
      </c>
      <c r="AD126" s="17">
        <v>1.67</v>
      </c>
      <c r="AE126" s="17">
        <v>1.67</v>
      </c>
      <c r="AF126" s="17">
        <v>1.67</v>
      </c>
      <c r="AG126" s="17">
        <v>1.68</v>
      </c>
      <c r="AH126" s="8">
        <v>1.67</v>
      </c>
      <c r="AI126" s="12">
        <v>1.65</v>
      </c>
      <c r="AJ126" s="12">
        <v>1.64</v>
      </c>
      <c r="AK126" s="12">
        <v>1.64</v>
      </c>
      <c r="AL126" s="12">
        <v>1.63</v>
      </c>
      <c r="AM126" s="12">
        <v>1.64</v>
      </c>
      <c r="AN126" s="8">
        <v>1.64</v>
      </c>
      <c r="AO126" s="17">
        <v>1.66</v>
      </c>
      <c r="AP126" s="17">
        <v>1.65</v>
      </c>
      <c r="AQ126" s="17">
        <v>1.65</v>
      </c>
      <c r="AR126" s="17">
        <v>1.6515484169829302</v>
      </c>
      <c r="AS126" s="17">
        <v>1.64</v>
      </c>
      <c r="AT126" s="17">
        <v>1.65</v>
      </c>
      <c r="AU126" s="17">
        <v>1.62</v>
      </c>
      <c r="AV126" s="17">
        <v>1.61</v>
      </c>
      <c r="AW126" s="17">
        <v>1.61</v>
      </c>
      <c r="AX126" s="17">
        <v>1.61</v>
      </c>
      <c r="AY126" s="17">
        <v>1.61</v>
      </c>
      <c r="AZ126" s="17">
        <v>1.59</v>
      </c>
      <c r="BA126" s="17">
        <v>1.57</v>
      </c>
      <c r="BB126" s="17">
        <v>1.58</v>
      </c>
      <c r="BC126" s="17">
        <v>1.59</v>
      </c>
      <c r="BD126" s="17">
        <v>1.59</v>
      </c>
      <c r="BE126" s="17">
        <v>1.58</v>
      </c>
    </row>
    <row r="127" spans="3:57" x14ac:dyDescent="0.2">
      <c r="C127" s="16" t="s">
        <v>95</v>
      </c>
      <c r="D127" s="6" t="s">
        <v>58</v>
      </c>
      <c r="E127" s="17">
        <v>1.83</v>
      </c>
      <c r="F127" s="17">
        <v>1.83</v>
      </c>
      <c r="G127" s="17">
        <v>1.85</v>
      </c>
      <c r="H127" s="17">
        <v>1.85</v>
      </c>
      <c r="I127" s="17">
        <v>1.88</v>
      </c>
      <c r="J127" s="17">
        <v>1.87</v>
      </c>
      <c r="K127" s="17">
        <v>1.87</v>
      </c>
      <c r="L127" s="17">
        <v>1.86</v>
      </c>
      <c r="M127" s="17">
        <v>1.87</v>
      </c>
      <c r="N127" s="17">
        <v>1.85</v>
      </c>
      <c r="O127" s="17">
        <v>1.87</v>
      </c>
      <c r="P127" s="17">
        <v>1.85</v>
      </c>
      <c r="Q127" s="17">
        <v>1.86</v>
      </c>
      <c r="R127" s="17">
        <v>1.86</v>
      </c>
      <c r="S127" s="17">
        <v>1.87</v>
      </c>
      <c r="T127" s="17">
        <v>1.89</v>
      </c>
      <c r="U127" s="17">
        <v>1.89</v>
      </c>
      <c r="V127" s="17">
        <v>1.9</v>
      </c>
      <c r="W127" s="17">
        <v>1.93</v>
      </c>
      <c r="X127" s="17">
        <v>1.96</v>
      </c>
      <c r="Y127" s="17">
        <v>1.93</v>
      </c>
      <c r="Z127" s="17">
        <v>2.0499999999999998</v>
      </c>
      <c r="AA127" s="17">
        <v>2.08</v>
      </c>
      <c r="AB127" s="17">
        <v>2.0699999999999998</v>
      </c>
      <c r="AC127" s="17">
        <v>2.08</v>
      </c>
      <c r="AD127" s="17">
        <v>2.09</v>
      </c>
      <c r="AE127" s="17">
        <v>2.0699999999999998</v>
      </c>
      <c r="AF127" s="17">
        <v>1.99</v>
      </c>
      <c r="AG127" s="17">
        <v>1.99</v>
      </c>
      <c r="AH127" s="17">
        <v>1.98</v>
      </c>
      <c r="AI127" s="12">
        <v>1.94</v>
      </c>
      <c r="AJ127" s="12">
        <v>1.94</v>
      </c>
      <c r="AK127" s="12">
        <v>1.94</v>
      </c>
      <c r="AL127" s="12">
        <v>1.92</v>
      </c>
      <c r="AM127" s="12">
        <v>1.89</v>
      </c>
      <c r="AN127" s="17">
        <v>1.85</v>
      </c>
      <c r="AO127" s="17">
        <v>1.79</v>
      </c>
      <c r="AP127" s="17">
        <v>1.78</v>
      </c>
      <c r="AQ127" s="17">
        <v>1.77</v>
      </c>
      <c r="AR127" s="17">
        <v>1.77299297231447</v>
      </c>
      <c r="AS127" s="17">
        <v>1.76</v>
      </c>
      <c r="AT127" s="17">
        <v>1.76</v>
      </c>
      <c r="AU127" s="17">
        <v>1.72</v>
      </c>
      <c r="AV127" s="17">
        <v>1.72</v>
      </c>
      <c r="AW127" s="17">
        <v>1.72</v>
      </c>
      <c r="AX127" s="17">
        <v>1.71</v>
      </c>
      <c r="AY127" s="17">
        <v>1.71</v>
      </c>
      <c r="AZ127" s="17">
        <v>1.71</v>
      </c>
      <c r="BA127" s="17">
        <v>1.7</v>
      </c>
      <c r="BB127" s="17">
        <v>1.7</v>
      </c>
      <c r="BC127" s="17">
        <v>1.7</v>
      </c>
      <c r="BD127" s="17">
        <v>1.7</v>
      </c>
      <c r="BE127" s="17">
        <v>1.7</v>
      </c>
    </row>
    <row r="128" spans="3:57" x14ac:dyDescent="0.2">
      <c r="C128" s="23" t="s">
        <v>96</v>
      </c>
      <c r="D128" s="6" t="s">
        <v>58</v>
      </c>
      <c r="E128" s="17">
        <v>2.0499999999999998</v>
      </c>
      <c r="F128" s="17">
        <v>2.0299999999999998</v>
      </c>
      <c r="G128" s="17">
        <v>1.99</v>
      </c>
      <c r="H128" s="17">
        <v>1.99</v>
      </c>
      <c r="I128" s="17">
        <v>2</v>
      </c>
      <c r="J128" s="17">
        <v>2.0299999999999998</v>
      </c>
      <c r="K128" s="17">
        <v>2.04</v>
      </c>
      <c r="L128" s="17">
        <v>2.06</v>
      </c>
      <c r="M128" s="17">
        <v>2.0499999999999998</v>
      </c>
      <c r="N128" s="17">
        <v>2.0299999999999998</v>
      </c>
      <c r="O128" s="17">
        <v>2.04</v>
      </c>
      <c r="P128" s="17">
        <v>2.0299999999999998</v>
      </c>
      <c r="Q128" s="17">
        <v>2.02</v>
      </c>
      <c r="R128" s="17">
        <v>2</v>
      </c>
      <c r="S128" s="17">
        <v>2</v>
      </c>
      <c r="T128" s="17">
        <v>1.98</v>
      </c>
      <c r="U128" s="17">
        <v>1.97</v>
      </c>
      <c r="V128" s="17">
        <v>1.91</v>
      </c>
      <c r="W128" s="17">
        <v>1.87</v>
      </c>
      <c r="X128" s="17">
        <v>1.86</v>
      </c>
      <c r="Y128" s="17">
        <v>1.87</v>
      </c>
      <c r="Z128" s="17">
        <v>1.88</v>
      </c>
      <c r="AA128" s="17">
        <v>1.87</v>
      </c>
      <c r="AB128" s="17">
        <v>1.85</v>
      </c>
      <c r="AC128" s="17">
        <v>1.82</v>
      </c>
      <c r="AD128" s="17">
        <v>1.8</v>
      </c>
      <c r="AE128" s="17">
        <v>1.78</v>
      </c>
      <c r="AF128" s="17">
        <v>1.75</v>
      </c>
      <c r="AG128" s="17">
        <v>1.73</v>
      </c>
      <c r="AH128" s="17">
        <v>1.71</v>
      </c>
      <c r="AI128" s="12">
        <v>1.67</v>
      </c>
      <c r="AJ128" s="12">
        <v>1.66</v>
      </c>
      <c r="AK128" s="12">
        <v>1.66</v>
      </c>
      <c r="AL128" s="12">
        <v>1.66</v>
      </c>
      <c r="AM128" s="12">
        <v>1.65</v>
      </c>
      <c r="AN128" s="17">
        <v>1.65</v>
      </c>
      <c r="AO128" s="17">
        <v>1.64</v>
      </c>
      <c r="AP128" s="17">
        <v>1.66</v>
      </c>
      <c r="AQ128" s="17">
        <v>1.7</v>
      </c>
      <c r="AR128" s="17">
        <v>1.7653969125831703</v>
      </c>
      <c r="AS128" s="17">
        <v>1.83</v>
      </c>
      <c r="AT128" s="17">
        <v>1.85</v>
      </c>
      <c r="AU128" s="17">
        <v>1.93</v>
      </c>
      <c r="AV128" s="17">
        <v>2.0099999999999998</v>
      </c>
      <c r="AW128" s="17">
        <v>2.0699999999999998</v>
      </c>
      <c r="AX128" s="17">
        <v>2.08</v>
      </c>
      <c r="AY128" s="17">
        <v>2.1</v>
      </c>
      <c r="AZ128" s="17">
        <v>2.06</v>
      </c>
      <c r="BA128" s="17">
        <v>2.0299999999999998</v>
      </c>
      <c r="BB128" s="17">
        <v>1.99</v>
      </c>
      <c r="BC128" s="17">
        <v>1.93</v>
      </c>
      <c r="BD128" s="17">
        <v>1.89</v>
      </c>
      <c r="BE128" s="17">
        <v>1.88</v>
      </c>
    </row>
    <row r="129" spans="3:3" x14ac:dyDescent="0.2">
      <c r="C129" s="23"/>
    </row>
  </sheetData>
  <mergeCells count="1">
    <mergeCell ref="D4:G4"/>
  </mergeCells>
  <phoneticPr fontId="0" type="noConversion"/>
  <pageMargins left="0.75" right="0.75" top="1" bottom="1" header="0" footer="0"/>
  <headerFooter alignWithMargins="0"/>
  <drawing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dimension ref="C2:BE141"/>
  <sheetViews>
    <sheetView topLeftCell="C1" workbookViewId="0">
      <pane xSplit="2" topLeftCell="AS1" activePane="topRight" state="frozen"/>
      <selection activeCell="C1" sqref="C1"/>
      <selection pane="topRight" activeCell="BD140" sqref="BD140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21" width="5.42578125" bestFit="1" customWidth="1"/>
    <col min="22" max="22" width="5.7109375" customWidth="1"/>
    <col min="23" max="57" width="5.42578125" bestFit="1" customWidth="1"/>
  </cols>
  <sheetData>
    <row r="2" spans="3:57" ht="18" customHeight="1" x14ac:dyDescent="0.2">
      <c r="D2" s="30"/>
    </row>
    <row r="3" spans="3:57" ht="21" customHeight="1" x14ac:dyDescent="0.2">
      <c r="D3" s="30"/>
      <c r="H3" s="30"/>
      <c r="K3" s="30"/>
      <c r="L3" s="30"/>
    </row>
    <row r="4" spans="3:57" ht="32.25" customHeight="1" x14ac:dyDescent="0.2">
      <c r="D4" s="214"/>
      <c r="E4" s="214"/>
      <c r="F4" s="214"/>
      <c r="G4" s="214"/>
    </row>
    <row r="5" spans="3:57" x14ac:dyDescent="0.2">
      <c r="E5" s="27"/>
    </row>
    <row r="6" spans="3:57" ht="24.95" customHeight="1" x14ac:dyDescent="0.2"/>
    <row r="7" spans="3:57" ht="24.95" customHeight="1" x14ac:dyDescent="0.2">
      <c r="C7" s="28" t="s">
        <v>98</v>
      </c>
    </row>
    <row r="8" spans="3:57" ht="15.75" x14ac:dyDescent="0.2">
      <c r="C8" s="29" t="s">
        <v>99</v>
      </c>
    </row>
    <row r="12" spans="3:57" ht="15" customHeight="1" x14ac:dyDescent="0.2">
      <c r="C12" s="1" t="s">
        <v>0</v>
      </c>
      <c r="E12" s="2">
        <v>2010</v>
      </c>
      <c r="F12" s="2"/>
      <c r="G12" s="2"/>
      <c r="H12" s="2"/>
      <c r="I12" s="2"/>
      <c r="J12" s="2"/>
      <c r="K12" s="2"/>
      <c r="L12" s="2"/>
      <c r="M12" s="2"/>
    </row>
    <row r="13" spans="3:57" ht="13.5" thickBot="1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5" thickTop="1" x14ac:dyDescent="0.2">
      <c r="C14" s="5" t="s">
        <v>57</v>
      </c>
      <c r="D14" s="6" t="s">
        <v>58</v>
      </c>
      <c r="E14" s="8">
        <v>3.46</v>
      </c>
      <c r="F14" s="17">
        <v>3.58</v>
      </c>
      <c r="G14" s="17">
        <v>3.59</v>
      </c>
      <c r="H14" s="8">
        <v>3.59</v>
      </c>
      <c r="I14" s="8">
        <v>3.58</v>
      </c>
      <c r="J14" s="8">
        <v>3.56</v>
      </c>
      <c r="K14" s="8">
        <v>3.55</v>
      </c>
      <c r="L14" s="8">
        <v>3.53</v>
      </c>
      <c r="M14" s="8">
        <v>3.5</v>
      </c>
      <c r="N14" s="8">
        <v>3.47</v>
      </c>
      <c r="O14" s="8">
        <v>3.45</v>
      </c>
      <c r="P14" s="8">
        <v>3.45</v>
      </c>
      <c r="Q14" s="8">
        <v>3.45</v>
      </c>
      <c r="R14" s="8">
        <v>3.44</v>
      </c>
      <c r="S14" s="8">
        <v>3.42</v>
      </c>
      <c r="T14" s="8">
        <v>3.4</v>
      </c>
      <c r="U14" s="71">
        <v>3.39</v>
      </c>
      <c r="V14" s="74">
        <v>3.37</v>
      </c>
      <c r="W14" s="8">
        <v>3.33</v>
      </c>
      <c r="X14" s="8">
        <v>3.31</v>
      </c>
      <c r="Y14" s="8">
        <v>3.3</v>
      </c>
      <c r="Z14" s="8">
        <v>3.28</v>
      </c>
      <c r="AA14" s="8">
        <v>3.29</v>
      </c>
      <c r="AB14" s="8">
        <v>3.29</v>
      </c>
      <c r="AC14" s="8">
        <v>3.3</v>
      </c>
      <c r="AD14" s="8">
        <v>3.31</v>
      </c>
      <c r="AE14" s="8">
        <v>3.31</v>
      </c>
      <c r="AF14" s="8">
        <v>3.32</v>
      </c>
      <c r="AG14" s="8">
        <v>3.33</v>
      </c>
      <c r="AH14" s="8">
        <v>3.34</v>
      </c>
      <c r="AI14" s="8">
        <v>3.34</v>
      </c>
      <c r="AJ14" s="8">
        <v>3.3</v>
      </c>
      <c r="AK14" s="8">
        <v>3.37</v>
      </c>
      <c r="AL14" s="8">
        <v>3.41</v>
      </c>
      <c r="AM14" s="8">
        <v>3.42</v>
      </c>
      <c r="AN14" s="8">
        <v>3.42</v>
      </c>
      <c r="AO14" s="40">
        <v>3.42</v>
      </c>
      <c r="AP14" s="17">
        <v>3.42</v>
      </c>
      <c r="AQ14" s="17">
        <v>3.41</v>
      </c>
      <c r="AR14" s="17">
        <v>3.41</v>
      </c>
      <c r="AS14" s="17">
        <v>3.41</v>
      </c>
      <c r="AT14" s="17">
        <v>3.43</v>
      </c>
      <c r="AU14" s="17">
        <v>3.44</v>
      </c>
      <c r="AV14" s="8">
        <v>3.47</v>
      </c>
      <c r="AW14" s="17">
        <v>3.51</v>
      </c>
      <c r="AX14" s="17">
        <v>3.57</v>
      </c>
      <c r="AY14" s="17">
        <v>3.58</v>
      </c>
      <c r="AZ14" s="40">
        <v>3.59</v>
      </c>
      <c r="BA14" s="17">
        <v>3.6</v>
      </c>
      <c r="BB14" s="17">
        <v>3.61</v>
      </c>
      <c r="BC14" s="17">
        <v>3.62</v>
      </c>
      <c r="BD14" s="17">
        <v>3.61</v>
      </c>
      <c r="BE14" s="17"/>
    </row>
    <row r="15" spans="3:57" x14ac:dyDescent="0.2">
      <c r="C15" s="5" t="s">
        <v>59</v>
      </c>
      <c r="D15" s="6" t="s">
        <v>58</v>
      </c>
      <c r="E15" s="8">
        <v>5.86</v>
      </c>
      <c r="F15" s="17">
        <v>5.61</v>
      </c>
      <c r="G15" s="17">
        <v>5.2</v>
      </c>
      <c r="H15" s="8">
        <v>4.9400000000000004</v>
      </c>
      <c r="I15" s="8">
        <v>4.83</v>
      </c>
      <c r="J15" s="8">
        <v>4.82</v>
      </c>
      <c r="K15" s="8">
        <v>4.84</v>
      </c>
      <c r="L15" s="8">
        <v>4.79</v>
      </c>
      <c r="M15" s="8">
        <v>4.72</v>
      </c>
      <c r="N15" s="8">
        <v>4.72</v>
      </c>
      <c r="O15" s="8">
        <v>4.75</v>
      </c>
      <c r="P15" s="8">
        <v>4.7699999999999996</v>
      </c>
      <c r="Q15" s="8">
        <v>4.8499999999999996</v>
      </c>
      <c r="R15" s="8">
        <v>4.8600000000000003</v>
      </c>
      <c r="S15" s="8">
        <v>4.8099999999999996</v>
      </c>
      <c r="T15" s="8">
        <v>4.8</v>
      </c>
      <c r="U15" s="72">
        <v>4.7699999999999996</v>
      </c>
      <c r="V15" s="68">
        <v>4.76</v>
      </c>
      <c r="W15" s="8">
        <v>4.75</v>
      </c>
      <c r="X15" s="8">
        <v>4.7699999999999996</v>
      </c>
      <c r="Y15" s="8">
        <v>4.8</v>
      </c>
      <c r="Z15" s="8">
        <v>4.8499999999999996</v>
      </c>
      <c r="AA15" s="8">
        <v>4.82</v>
      </c>
      <c r="AB15" s="8">
        <v>4.8499999999999996</v>
      </c>
      <c r="AC15" s="8">
        <v>4.9000000000000004</v>
      </c>
      <c r="AD15" s="8">
        <v>5.01</v>
      </c>
      <c r="AE15" s="8">
        <v>5.24</v>
      </c>
      <c r="AF15" s="8">
        <v>5.3</v>
      </c>
      <c r="AG15" s="8">
        <v>5.3</v>
      </c>
      <c r="AH15" s="8">
        <v>5.29</v>
      </c>
      <c r="AI15" s="8">
        <v>5.32</v>
      </c>
      <c r="AJ15" s="8">
        <v>5.36</v>
      </c>
      <c r="AK15" s="8">
        <v>5.43</v>
      </c>
      <c r="AL15" s="8">
        <v>5.55</v>
      </c>
      <c r="AM15" s="8">
        <v>5.78</v>
      </c>
      <c r="AN15" s="8">
        <v>5.79</v>
      </c>
      <c r="AO15" s="62">
        <v>5.86</v>
      </c>
      <c r="AP15" s="17">
        <v>5.89</v>
      </c>
      <c r="AQ15" s="17">
        <v>5.89</v>
      </c>
      <c r="AR15" s="17">
        <v>5.91</v>
      </c>
      <c r="AS15" s="17">
        <v>5.94</v>
      </c>
      <c r="AT15" s="17">
        <v>5.96</v>
      </c>
      <c r="AU15" s="17">
        <v>5.95</v>
      </c>
      <c r="AV15" s="8">
        <v>5.92</v>
      </c>
      <c r="AW15" s="17">
        <v>5.92</v>
      </c>
      <c r="AX15" s="17">
        <v>5.89</v>
      </c>
      <c r="AY15" s="17">
        <v>5.84</v>
      </c>
      <c r="AZ15" s="40">
        <v>5.82</v>
      </c>
      <c r="BA15" s="17">
        <v>5.85</v>
      </c>
      <c r="BB15" s="17">
        <v>5.86</v>
      </c>
      <c r="BC15" s="17">
        <v>5.86</v>
      </c>
      <c r="BD15" s="17">
        <v>5.87</v>
      </c>
      <c r="BE15" s="17"/>
    </row>
    <row r="16" spans="3:57" x14ac:dyDescent="0.2">
      <c r="C16" s="5" t="s">
        <v>60</v>
      </c>
      <c r="D16" s="6" t="s">
        <v>58</v>
      </c>
      <c r="E16" s="8">
        <v>1.32</v>
      </c>
      <c r="F16" s="17">
        <v>1.3</v>
      </c>
      <c r="G16" s="17">
        <v>1.32</v>
      </c>
      <c r="H16" s="8">
        <v>1.33</v>
      </c>
      <c r="I16" s="8">
        <v>1.36</v>
      </c>
      <c r="J16" s="8">
        <v>1.39</v>
      </c>
      <c r="K16" s="8">
        <v>1.44</v>
      </c>
      <c r="L16" s="8">
        <v>1.47</v>
      </c>
      <c r="M16" s="8">
        <v>1.48</v>
      </c>
      <c r="N16" s="8">
        <v>1.49</v>
      </c>
      <c r="O16" s="8">
        <v>1.44</v>
      </c>
      <c r="P16" s="8">
        <v>1.39</v>
      </c>
      <c r="Q16" s="8">
        <v>1.34</v>
      </c>
      <c r="R16" s="8">
        <v>1.34</v>
      </c>
      <c r="S16" s="8">
        <v>1.34</v>
      </c>
      <c r="T16" s="8">
        <v>1.34</v>
      </c>
      <c r="U16" s="72">
        <v>1.38</v>
      </c>
      <c r="V16" s="68">
        <v>1.43</v>
      </c>
      <c r="W16" s="8">
        <v>1.46</v>
      </c>
      <c r="X16" s="8">
        <v>1.5</v>
      </c>
      <c r="Y16" s="8">
        <v>1.54</v>
      </c>
      <c r="Z16" s="8">
        <v>1.58</v>
      </c>
      <c r="AA16" s="8">
        <v>1.62</v>
      </c>
      <c r="AB16" s="8">
        <v>1.64</v>
      </c>
      <c r="AC16" s="8">
        <v>1.65</v>
      </c>
      <c r="AD16" s="8">
        <v>1.65</v>
      </c>
      <c r="AE16" s="8">
        <v>1.64</v>
      </c>
      <c r="AF16" s="8">
        <v>1.64</v>
      </c>
      <c r="AG16" s="8">
        <v>1.62</v>
      </c>
      <c r="AH16" s="8">
        <v>1.62</v>
      </c>
      <c r="AI16" s="8">
        <v>1.62</v>
      </c>
      <c r="AJ16" s="8">
        <v>1.62</v>
      </c>
      <c r="AK16" s="8">
        <v>1.62</v>
      </c>
      <c r="AL16" s="8">
        <v>1.57</v>
      </c>
      <c r="AM16" s="8">
        <v>1.52</v>
      </c>
      <c r="AN16" s="8">
        <v>1.47</v>
      </c>
      <c r="AO16" s="62">
        <v>1.44</v>
      </c>
      <c r="AP16" s="17">
        <v>1.43</v>
      </c>
      <c r="AQ16" s="17">
        <v>1.4</v>
      </c>
      <c r="AR16" s="17">
        <v>1.35</v>
      </c>
      <c r="AS16" s="17">
        <v>1.32</v>
      </c>
      <c r="AT16" s="17">
        <v>1.32</v>
      </c>
      <c r="AU16" s="17">
        <v>1.32</v>
      </c>
      <c r="AV16" s="8">
        <v>1.32</v>
      </c>
      <c r="AW16" s="17">
        <v>1.32</v>
      </c>
      <c r="AX16" s="17">
        <v>1.32</v>
      </c>
      <c r="AY16" s="17">
        <v>1.32</v>
      </c>
      <c r="AZ16" s="40">
        <v>1.32</v>
      </c>
      <c r="BA16" s="17">
        <v>1.32</v>
      </c>
      <c r="BB16" s="17">
        <v>1.33</v>
      </c>
      <c r="BC16" s="17">
        <v>1.34</v>
      </c>
      <c r="BD16" s="17">
        <v>1.34</v>
      </c>
      <c r="BE16" s="17"/>
    </row>
    <row r="17" spans="3:57" x14ac:dyDescent="0.2">
      <c r="C17" s="5" t="s">
        <v>61</v>
      </c>
      <c r="D17" s="6" t="s">
        <v>58</v>
      </c>
      <c r="E17" s="8">
        <v>1.33</v>
      </c>
      <c r="F17" s="17">
        <v>1.32</v>
      </c>
      <c r="G17" s="17">
        <v>1.33</v>
      </c>
      <c r="H17" s="8">
        <v>1.34</v>
      </c>
      <c r="I17" s="8">
        <v>1.34</v>
      </c>
      <c r="J17" s="8">
        <v>1.34</v>
      </c>
      <c r="K17" s="8">
        <v>1.37</v>
      </c>
      <c r="L17" s="8">
        <v>1.4</v>
      </c>
      <c r="M17" s="8">
        <v>1.45</v>
      </c>
      <c r="N17" s="8">
        <v>1.46</v>
      </c>
      <c r="O17" s="8">
        <v>1.46</v>
      </c>
      <c r="P17" s="8">
        <v>1.49</v>
      </c>
      <c r="Q17" s="8">
        <v>1.52</v>
      </c>
      <c r="R17" s="8">
        <v>1.49</v>
      </c>
      <c r="S17" s="8">
        <v>1.47</v>
      </c>
      <c r="T17" s="8">
        <v>1.48</v>
      </c>
      <c r="U17" s="72">
        <v>1.48</v>
      </c>
      <c r="V17" s="68">
        <v>1.44</v>
      </c>
      <c r="W17" s="8">
        <v>1.21</v>
      </c>
      <c r="X17" s="8">
        <v>1.19</v>
      </c>
      <c r="Y17" s="8">
        <v>1.22</v>
      </c>
      <c r="Z17" s="8">
        <v>1.23</v>
      </c>
      <c r="AA17" s="8">
        <v>1.25</v>
      </c>
      <c r="AB17" s="8">
        <v>1.37</v>
      </c>
      <c r="AC17" s="8">
        <v>1.39</v>
      </c>
      <c r="AD17" s="8">
        <v>1.42</v>
      </c>
      <c r="AE17" s="8">
        <v>1.47</v>
      </c>
      <c r="AF17" s="8">
        <v>1.59</v>
      </c>
      <c r="AG17" s="8">
        <v>1.63</v>
      </c>
      <c r="AH17" s="8">
        <v>1.66</v>
      </c>
      <c r="AI17" s="8">
        <v>1.67</v>
      </c>
      <c r="AJ17" s="8">
        <v>1.66</v>
      </c>
      <c r="AK17" s="8">
        <v>1.7</v>
      </c>
      <c r="AL17" s="8">
        <v>1.7</v>
      </c>
      <c r="AM17" s="8">
        <v>1.7</v>
      </c>
      <c r="AN17" s="8">
        <v>1.76</v>
      </c>
      <c r="AO17" s="62">
        <v>1.81</v>
      </c>
      <c r="AP17" s="17">
        <v>1.92</v>
      </c>
      <c r="AQ17" s="17">
        <v>1.91</v>
      </c>
      <c r="AR17" s="17">
        <v>1.91</v>
      </c>
      <c r="AS17" s="17">
        <v>1.9</v>
      </c>
      <c r="AT17" s="17">
        <v>1.88</v>
      </c>
      <c r="AU17" s="17">
        <v>1.82</v>
      </c>
      <c r="AV17" s="8">
        <v>1.72</v>
      </c>
      <c r="AW17" s="17">
        <v>1.7</v>
      </c>
      <c r="AX17" s="17">
        <v>1.7</v>
      </c>
      <c r="AY17" s="17">
        <v>1.68</v>
      </c>
      <c r="AZ17" s="40">
        <v>1.74</v>
      </c>
      <c r="BA17" s="17">
        <v>1.68</v>
      </c>
      <c r="BB17" s="17">
        <v>1.66</v>
      </c>
      <c r="BC17" s="17">
        <v>1.67</v>
      </c>
      <c r="BD17" s="17">
        <v>1.68</v>
      </c>
      <c r="BE17" s="17"/>
    </row>
    <row r="18" spans="3:57" x14ac:dyDescent="0.2">
      <c r="C18" s="5" t="s">
        <v>62</v>
      </c>
      <c r="D18" s="6" t="s">
        <v>58</v>
      </c>
      <c r="E18" s="8">
        <v>2.91</v>
      </c>
      <c r="F18" s="17">
        <v>2.78</v>
      </c>
      <c r="G18" s="17">
        <v>2.78</v>
      </c>
      <c r="H18" s="8">
        <v>2.78</v>
      </c>
      <c r="I18" s="8">
        <v>2.77</v>
      </c>
      <c r="J18" s="8">
        <v>2.74</v>
      </c>
      <c r="K18" s="8">
        <v>2.74</v>
      </c>
      <c r="L18" s="8">
        <v>2.74</v>
      </c>
      <c r="M18" s="8">
        <v>3.06</v>
      </c>
      <c r="N18" s="8">
        <v>3.14</v>
      </c>
      <c r="O18" s="8">
        <v>3.14</v>
      </c>
      <c r="P18" s="8">
        <v>3.14</v>
      </c>
      <c r="Q18" s="8">
        <v>3.36</v>
      </c>
      <c r="R18" s="8">
        <v>3.38</v>
      </c>
      <c r="S18" s="8">
        <v>3.38</v>
      </c>
      <c r="T18" s="8">
        <v>3.37</v>
      </c>
      <c r="U18" s="72">
        <v>3.1</v>
      </c>
      <c r="V18" s="68">
        <v>2.89</v>
      </c>
      <c r="W18" s="8">
        <v>2.89</v>
      </c>
      <c r="X18" s="8">
        <v>2.89</v>
      </c>
      <c r="Y18" s="8">
        <v>2.71</v>
      </c>
      <c r="Z18" s="8">
        <v>2.71</v>
      </c>
      <c r="AA18" s="8">
        <v>2.71</v>
      </c>
      <c r="AB18" s="8">
        <v>2.71</v>
      </c>
      <c r="AC18" s="8">
        <v>2.71</v>
      </c>
      <c r="AD18" s="8">
        <v>2.71</v>
      </c>
      <c r="AE18" s="8">
        <v>2.71</v>
      </c>
      <c r="AF18" s="8">
        <v>2.71</v>
      </c>
      <c r="AG18" s="8">
        <v>2.71</v>
      </c>
      <c r="AH18" s="8">
        <v>2.71</v>
      </c>
      <c r="AI18" s="8">
        <v>2.99</v>
      </c>
      <c r="AJ18" s="8">
        <v>2.99</v>
      </c>
      <c r="AK18" s="8">
        <v>3.03</v>
      </c>
      <c r="AL18" s="8">
        <v>3.03</v>
      </c>
      <c r="AM18" s="8">
        <v>3.04</v>
      </c>
      <c r="AN18" s="8">
        <v>3.41</v>
      </c>
      <c r="AO18" s="40">
        <v>3.41</v>
      </c>
      <c r="AP18" s="17">
        <v>3.41</v>
      </c>
      <c r="AQ18" s="17">
        <v>3.41</v>
      </c>
      <c r="AR18" s="17">
        <v>3.41</v>
      </c>
      <c r="AS18" s="17">
        <v>3.39</v>
      </c>
      <c r="AT18" s="17">
        <v>3.67</v>
      </c>
      <c r="AU18" s="17">
        <v>3.83</v>
      </c>
      <c r="AV18" s="8">
        <v>3.91</v>
      </c>
      <c r="AW18" s="17">
        <v>4</v>
      </c>
      <c r="AX18" s="17">
        <v>4</v>
      </c>
      <c r="AY18" s="17">
        <v>4</v>
      </c>
      <c r="AZ18" s="40">
        <v>3.56</v>
      </c>
      <c r="BA18" s="17">
        <v>3.56</v>
      </c>
      <c r="BB18" s="17">
        <v>3.45</v>
      </c>
      <c r="BC18" s="17">
        <v>3.25</v>
      </c>
      <c r="BD18" s="17">
        <v>3.21</v>
      </c>
      <c r="BE18" s="17"/>
    </row>
    <row r="19" spans="3:57" x14ac:dyDescent="0.2">
      <c r="C19" s="5" t="s">
        <v>75</v>
      </c>
      <c r="D19" s="20" t="s">
        <v>76</v>
      </c>
      <c r="E19" s="8">
        <v>0.92</v>
      </c>
      <c r="F19" s="17">
        <v>0.78</v>
      </c>
      <c r="G19" s="17">
        <v>0.76</v>
      </c>
      <c r="H19" s="8">
        <v>0.77</v>
      </c>
      <c r="I19" s="8">
        <v>0.78</v>
      </c>
      <c r="J19" s="8">
        <v>0.79</v>
      </c>
      <c r="K19" s="8">
        <v>0.82</v>
      </c>
      <c r="L19" s="8">
        <v>0.86</v>
      </c>
      <c r="M19" s="8">
        <v>0.88</v>
      </c>
      <c r="N19" s="8">
        <v>0.88</v>
      </c>
      <c r="O19" s="8">
        <v>0.87</v>
      </c>
      <c r="P19" s="8">
        <v>0.87</v>
      </c>
      <c r="Q19" s="8">
        <v>0.85</v>
      </c>
      <c r="R19" s="8">
        <v>0.83</v>
      </c>
      <c r="S19" s="8">
        <v>0.79</v>
      </c>
      <c r="T19" s="8">
        <v>0.75</v>
      </c>
      <c r="U19" s="72">
        <v>0.68</v>
      </c>
      <c r="V19" s="68">
        <v>0.64</v>
      </c>
      <c r="W19" s="8">
        <v>0.61</v>
      </c>
      <c r="X19" s="8">
        <v>0.6</v>
      </c>
      <c r="Y19" s="8">
        <v>0.6</v>
      </c>
      <c r="Z19" s="8">
        <v>0.59</v>
      </c>
      <c r="AA19" s="8">
        <v>0.59</v>
      </c>
      <c r="AB19" s="8">
        <v>0.57999999999999996</v>
      </c>
      <c r="AC19" s="8">
        <v>0.56000000000000005</v>
      </c>
      <c r="AD19" s="8">
        <v>0.53</v>
      </c>
      <c r="AE19" s="8">
        <v>0.54</v>
      </c>
      <c r="AF19" s="8">
        <v>0.52</v>
      </c>
      <c r="AG19" s="8">
        <v>0.5</v>
      </c>
      <c r="AH19" s="8">
        <v>0.49</v>
      </c>
      <c r="AI19" s="8">
        <v>0.5</v>
      </c>
      <c r="AJ19" s="8">
        <v>0.52</v>
      </c>
      <c r="AK19" s="8">
        <v>0.56000000000000005</v>
      </c>
      <c r="AL19" s="8">
        <v>0.56999999999999995</v>
      </c>
      <c r="AM19" s="8">
        <v>0.59</v>
      </c>
      <c r="AN19" s="8">
        <v>0.6</v>
      </c>
      <c r="AO19" s="40">
        <v>0.59</v>
      </c>
      <c r="AP19" s="17">
        <v>0.57999999999999996</v>
      </c>
      <c r="AQ19" s="17">
        <v>0.56000000000000005</v>
      </c>
      <c r="AR19" s="17">
        <v>0.54</v>
      </c>
      <c r="AS19" s="17">
        <v>0.51</v>
      </c>
      <c r="AT19" s="17">
        <v>0.51</v>
      </c>
      <c r="AU19" s="17">
        <v>0.52</v>
      </c>
      <c r="AV19" s="8">
        <v>0.52</v>
      </c>
      <c r="AW19" s="17">
        <v>0.52</v>
      </c>
      <c r="AX19" s="17">
        <v>0.52</v>
      </c>
      <c r="AY19" s="17">
        <v>0.52</v>
      </c>
      <c r="AZ19" s="40">
        <v>0.52</v>
      </c>
      <c r="BA19" s="17">
        <v>0.52</v>
      </c>
      <c r="BB19" s="17">
        <v>0.53</v>
      </c>
      <c r="BC19" s="17">
        <v>0.53</v>
      </c>
      <c r="BD19" s="17">
        <v>0.53</v>
      </c>
      <c r="BE19" s="17"/>
    </row>
    <row r="20" spans="3:57" x14ac:dyDescent="0.2">
      <c r="C20" s="5" t="s">
        <v>63</v>
      </c>
      <c r="D20" s="6" t="s">
        <v>58</v>
      </c>
      <c r="E20" s="8">
        <v>5.75</v>
      </c>
      <c r="F20" s="17">
        <v>4.7300000000000004</v>
      </c>
      <c r="G20" s="17">
        <v>3.73</v>
      </c>
      <c r="H20" s="8">
        <v>3.29</v>
      </c>
      <c r="I20" s="8">
        <v>3.25</v>
      </c>
      <c r="J20" s="8">
        <v>4.5</v>
      </c>
      <c r="K20" s="8">
        <v>3.9</v>
      </c>
      <c r="L20" s="8">
        <v>3.6</v>
      </c>
      <c r="M20" s="8">
        <v>4.8499999999999996</v>
      </c>
      <c r="N20" s="8">
        <v>4.49</v>
      </c>
      <c r="O20" s="8">
        <v>3.49</v>
      </c>
      <c r="P20" s="8">
        <v>3.25</v>
      </c>
      <c r="Q20" s="8">
        <v>4.75</v>
      </c>
      <c r="R20" s="8">
        <v>4.71</v>
      </c>
      <c r="S20" s="8">
        <v>4.6100000000000003</v>
      </c>
      <c r="T20" s="8">
        <v>4.42</v>
      </c>
      <c r="U20" s="8">
        <v>3.71</v>
      </c>
      <c r="V20" s="8">
        <v>4.21</v>
      </c>
      <c r="W20" s="8">
        <v>4.21</v>
      </c>
      <c r="X20" s="8">
        <v>3.25</v>
      </c>
      <c r="Y20" s="8">
        <v>3.45</v>
      </c>
      <c r="Z20" s="8">
        <v>3.3</v>
      </c>
      <c r="AA20" s="8">
        <v>4.1100000000000003</v>
      </c>
      <c r="AB20" s="8">
        <v>4.83</v>
      </c>
      <c r="AC20" s="8">
        <v>4.22</v>
      </c>
      <c r="AD20" s="8">
        <v>5.22</v>
      </c>
      <c r="AE20" s="8">
        <v>4.22</v>
      </c>
      <c r="AF20" s="8">
        <v>4.82</v>
      </c>
      <c r="AG20" s="8">
        <v>5.14</v>
      </c>
      <c r="AH20" s="8">
        <v>4.74</v>
      </c>
      <c r="AI20" s="8">
        <v>4.4400000000000004</v>
      </c>
      <c r="AJ20" s="8">
        <v>4.1399999999999997</v>
      </c>
      <c r="AK20" s="8">
        <v>4.74</v>
      </c>
      <c r="AL20" s="8">
        <v>4.74</v>
      </c>
      <c r="AM20" s="8">
        <v>5.15</v>
      </c>
      <c r="AN20" s="8">
        <v>4.9000000000000004</v>
      </c>
      <c r="AO20" s="40">
        <v>4.8</v>
      </c>
      <c r="AP20" s="17">
        <v>4.5</v>
      </c>
      <c r="AQ20" s="17">
        <v>4.9000000000000004</v>
      </c>
      <c r="AR20" s="17">
        <v>5.0999999999999996</v>
      </c>
      <c r="AS20" s="17">
        <v>5.2</v>
      </c>
      <c r="AT20" s="17">
        <v>4.7</v>
      </c>
      <c r="AU20" s="17">
        <v>4.12</v>
      </c>
      <c r="AV20" s="8">
        <v>3.46</v>
      </c>
      <c r="AW20" s="17">
        <v>3.86</v>
      </c>
      <c r="AX20" s="17">
        <v>4.8600000000000003</v>
      </c>
      <c r="AY20" s="17">
        <v>3.56</v>
      </c>
      <c r="AZ20" s="38">
        <v>3.16</v>
      </c>
      <c r="BA20" s="17">
        <v>2.99</v>
      </c>
      <c r="BB20" s="17">
        <v>3.29</v>
      </c>
      <c r="BC20" s="17">
        <v>4.13</v>
      </c>
      <c r="BD20" s="17">
        <v>5.36</v>
      </c>
      <c r="BE20" s="17"/>
    </row>
    <row r="21" spans="3:57" x14ac:dyDescent="0.2">
      <c r="C21" s="5" t="s">
        <v>64</v>
      </c>
      <c r="D21" s="6" t="s">
        <v>58</v>
      </c>
      <c r="E21" s="8">
        <v>3.8</v>
      </c>
      <c r="F21" s="17">
        <v>3.44</v>
      </c>
      <c r="G21" s="17">
        <v>2.69</v>
      </c>
      <c r="H21" s="8">
        <v>2.23</v>
      </c>
      <c r="I21" s="8">
        <v>2</v>
      </c>
      <c r="J21" s="8">
        <v>2.58</v>
      </c>
      <c r="K21" s="8">
        <v>2.38</v>
      </c>
      <c r="L21" s="8">
        <v>2.63</v>
      </c>
      <c r="M21" s="8">
        <v>3.82</v>
      </c>
      <c r="N21" s="8">
        <v>3.78</v>
      </c>
      <c r="O21" s="8">
        <v>3.17</v>
      </c>
      <c r="P21" s="8">
        <v>2.37</v>
      </c>
      <c r="Q21" s="8">
        <v>2.37</v>
      </c>
      <c r="R21" s="8">
        <v>2.71</v>
      </c>
      <c r="S21" s="8">
        <v>3.71</v>
      </c>
      <c r="T21" s="8">
        <v>3.05</v>
      </c>
      <c r="U21" s="8">
        <v>2.4900000000000002</v>
      </c>
      <c r="V21" s="8">
        <v>2.4300000000000002</v>
      </c>
      <c r="W21" s="8">
        <v>2.9</v>
      </c>
      <c r="X21" s="8">
        <v>1.76</v>
      </c>
      <c r="Y21" s="8">
        <v>1.29</v>
      </c>
      <c r="Z21" s="8">
        <v>1.7</v>
      </c>
      <c r="AA21" s="8">
        <v>2.5</v>
      </c>
      <c r="AB21" s="8">
        <v>3.25</v>
      </c>
      <c r="AC21" s="8">
        <v>3.25</v>
      </c>
      <c r="AD21" s="8">
        <v>2.72</v>
      </c>
      <c r="AE21" s="8">
        <v>3</v>
      </c>
      <c r="AF21" s="8">
        <v>3.27</v>
      </c>
      <c r="AG21" s="8">
        <v>3.67</v>
      </c>
      <c r="AH21" s="8">
        <v>3.67</v>
      </c>
      <c r="AI21" s="8">
        <v>3.1</v>
      </c>
      <c r="AJ21" s="8">
        <v>3.25</v>
      </c>
      <c r="AK21" s="8">
        <v>3.65</v>
      </c>
      <c r="AL21" s="8">
        <v>3.65</v>
      </c>
      <c r="AM21" s="8">
        <v>3</v>
      </c>
      <c r="AN21" s="8">
        <v>2.7</v>
      </c>
      <c r="AO21" s="40">
        <v>2.7</v>
      </c>
      <c r="AP21" s="17">
        <v>2.99</v>
      </c>
      <c r="AQ21" s="17">
        <v>2.99</v>
      </c>
      <c r="AR21" s="17">
        <v>3.1</v>
      </c>
      <c r="AS21" s="17">
        <v>3.19</v>
      </c>
      <c r="AT21" s="17">
        <v>3.24</v>
      </c>
      <c r="AU21" s="17">
        <v>3</v>
      </c>
      <c r="AV21" s="8">
        <v>2.93</v>
      </c>
      <c r="AW21" s="17">
        <v>3.1</v>
      </c>
      <c r="AX21" s="17">
        <v>3.6</v>
      </c>
      <c r="AY21" s="17">
        <v>3.1</v>
      </c>
      <c r="AZ21" s="38">
        <v>2.79</v>
      </c>
      <c r="BA21" s="17">
        <v>2.7</v>
      </c>
      <c r="BB21" s="17">
        <v>2.93</v>
      </c>
      <c r="BC21" s="17">
        <v>2.99</v>
      </c>
      <c r="BD21" s="17">
        <v>3.99</v>
      </c>
      <c r="BE21" s="17"/>
    </row>
    <row r="22" spans="3:57" x14ac:dyDescent="0.2">
      <c r="C22" s="5" t="s">
        <v>65</v>
      </c>
      <c r="D22" s="6" t="s">
        <v>58</v>
      </c>
      <c r="E22" s="8">
        <v>1.22</v>
      </c>
      <c r="F22" s="17">
        <v>1.55</v>
      </c>
      <c r="G22" s="17">
        <v>0.85</v>
      </c>
      <c r="H22" s="8">
        <v>0.9</v>
      </c>
      <c r="I22" s="8">
        <v>0.81</v>
      </c>
      <c r="J22" s="8">
        <v>0.9</v>
      </c>
      <c r="K22" s="8">
        <v>1.17</v>
      </c>
      <c r="L22" s="8">
        <v>1.51</v>
      </c>
      <c r="M22" s="8">
        <v>1.61</v>
      </c>
      <c r="N22" s="8">
        <v>1.63</v>
      </c>
      <c r="O22" s="8">
        <v>1.03</v>
      </c>
      <c r="P22" s="8">
        <v>0.83</v>
      </c>
      <c r="Q22" s="8">
        <v>1.03</v>
      </c>
      <c r="R22" s="8">
        <v>0.83</v>
      </c>
      <c r="S22" s="8">
        <v>0.63</v>
      </c>
      <c r="T22" s="8">
        <v>0.73</v>
      </c>
      <c r="U22" s="8">
        <v>0.73</v>
      </c>
      <c r="V22" s="8">
        <v>1</v>
      </c>
      <c r="W22" s="8">
        <v>1.1000000000000001</v>
      </c>
      <c r="X22" s="76">
        <v>1.06</v>
      </c>
      <c r="Y22" s="76">
        <v>1.2</v>
      </c>
      <c r="Z22" s="76">
        <v>1.3</v>
      </c>
      <c r="AA22" s="76">
        <v>1.7</v>
      </c>
      <c r="AB22" s="76">
        <v>1.53</v>
      </c>
      <c r="AC22" s="76">
        <v>2.0299999999999998</v>
      </c>
      <c r="AD22" s="8">
        <v>1.6</v>
      </c>
      <c r="AE22" s="8">
        <v>1.6</v>
      </c>
      <c r="AF22" s="76">
        <v>1.38</v>
      </c>
      <c r="AG22" s="76">
        <v>1.38</v>
      </c>
      <c r="AH22" s="76">
        <v>1.53</v>
      </c>
      <c r="AI22" s="76">
        <v>1.83</v>
      </c>
      <c r="AJ22" s="76">
        <v>1.59</v>
      </c>
      <c r="AK22" s="76">
        <v>1.59</v>
      </c>
      <c r="AL22" s="76">
        <v>1.67</v>
      </c>
      <c r="AM22" s="76">
        <v>1.1499999999999999</v>
      </c>
      <c r="AN22" s="76">
        <v>1.3</v>
      </c>
      <c r="AO22" s="62">
        <v>1</v>
      </c>
      <c r="AP22" s="17">
        <v>1</v>
      </c>
      <c r="AQ22" s="17">
        <v>1.1000000000000001</v>
      </c>
      <c r="AR22" s="17">
        <v>1.3</v>
      </c>
      <c r="AS22" s="17">
        <v>1.2</v>
      </c>
      <c r="AT22" s="17">
        <v>1</v>
      </c>
      <c r="AU22" s="17">
        <v>0.8</v>
      </c>
      <c r="AV22" s="8">
        <v>1</v>
      </c>
      <c r="AW22" s="17">
        <v>1.1299999999999999</v>
      </c>
      <c r="AX22" s="17">
        <v>1.1299999999999999</v>
      </c>
      <c r="AY22" s="17">
        <v>0.93</v>
      </c>
      <c r="AZ22" s="38">
        <v>1.1299999999999999</v>
      </c>
      <c r="BA22" s="17">
        <v>0.95</v>
      </c>
      <c r="BB22" s="17">
        <v>1.25</v>
      </c>
      <c r="BC22" s="17">
        <v>1.45</v>
      </c>
      <c r="BD22" s="17">
        <v>1.45</v>
      </c>
      <c r="BE22" s="17"/>
    </row>
    <row r="23" spans="3:57" x14ac:dyDescent="0.2">
      <c r="C23" s="5" t="s">
        <v>66</v>
      </c>
      <c r="D23" s="6" t="s">
        <v>58</v>
      </c>
      <c r="E23" s="8">
        <v>2.62</v>
      </c>
      <c r="F23" s="17">
        <v>2.52</v>
      </c>
      <c r="G23" s="17">
        <v>2.52</v>
      </c>
      <c r="H23" s="8">
        <v>2.59</v>
      </c>
      <c r="I23" s="8">
        <v>2</v>
      </c>
      <c r="J23" s="8">
        <v>2.83</v>
      </c>
      <c r="K23" s="8">
        <v>2.33</v>
      </c>
      <c r="L23" s="8">
        <v>2.33</v>
      </c>
      <c r="M23" s="8">
        <v>2.33</v>
      </c>
      <c r="N23" s="8">
        <v>3.09</v>
      </c>
      <c r="O23" s="8">
        <v>2.14</v>
      </c>
      <c r="P23" s="8">
        <v>1.54</v>
      </c>
      <c r="Q23" s="8">
        <v>2</v>
      </c>
      <c r="R23" s="8">
        <v>2.42</v>
      </c>
      <c r="S23" s="8">
        <v>1.89</v>
      </c>
      <c r="T23" s="8">
        <v>1.87</v>
      </c>
      <c r="U23" s="8">
        <v>2.37</v>
      </c>
      <c r="V23" s="8">
        <v>2.37</v>
      </c>
      <c r="W23" s="8">
        <v>2.27</v>
      </c>
      <c r="X23" s="76">
        <v>2</v>
      </c>
      <c r="Y23" s="76">
        <v>2.13</v>
      </c>
      <c r="Z23" s="76">
        <v>1.9</v>
      </c>
      <c r="AA23" s="76">
        <v>1.9</v>
      </c>
      <c r="AB23" s="76">
        <v>1.9</v>
      </c>
      <c r="AC23" s="76">
        <v>2.15</v>
      </c>
      <c r="AD23" s="8">
        <v>2.15</v>
      </c>
      <c r="AE23" s="8">
        <v>1.51</v>
      </c>
      <c r="AF23" s="76">
        <v>1.8</v>
      </c>
      <c r="AG23" s="76">
        <v>2.23</v>
      </c>
      <c r="AH23" s="76">
        <v>3.53</v>
      </c>
      <c r="AI23" s="76">
        <v>3.78</v>
      </c>
      <c r="AJ23" s="76">
        <v>3.18</v>
      </c>
      <c r="AK23" s="76">
        <v>3.18</v>
      </c>
      <c r="AL23" s="76">
        <v>4.18</v>
      </c>
      <c r="AM23" s="76">
        <v>4</v>
      </c>
      <c r="AN23" s="76">
        <v>2.8</v>
      </c>
      <c r="AO23" s="17">
        <v>2.5</v>
      </c>
      <c r="AP23" s="17">
        <v>2.4</v>
      </c>
      <c r="AQ23" s="17">
        <v>2.4</v>
      </c>
      <c r="AR23" s="17">
        <v>2.4</v>
      </c>
      <c r="AS23" s="17">
        <v>2.4</v>
      </c>
      <c r="AT23" s="17">
        <v>2.65</v>
      </c>
      <c r="AU23" s="17">
        <v>2.82</v>
      </c>
      <c r="AV23" s="8">
        <v>2.52</v>
      </c>
      <c r="AW23" s="17">
        <v>2.52</v>
      </c>
      <c r="AX23" s="17">
        <v>2.52</v>
      </c>
      <c r="AY23" s="17">
        <v>2.25</v>
      </c>
      <c r="AZ23" s="38">
        <v>2.75</v>
      </c>
      <c r="BA23" s="17">
        <v>2.5</v>
      </c>
      <c r="BB23" s="17">
        <v>2.7</v>
      </c>
      <c r="BC23" s="17">
        <v>2.27</v>
      </c>
      <c r="BD23" s="17">
        <v>2.4700000000000002</v>
      </c>
      <c r="BE23" s="17"/>
    </row>
    <row r="24" spans="3:57" x14ac:dyDescent="0.2">
      <c r="C24" s="5" t="s">
        <v>67</v>
      </c>
      <c r="D24" s="6" t="s">
        <v>58</v>
      </c>
      <c r="E24" s="8">
        <v>6.5</v>
      </c>
      <c r="F24" s="17">
        <v>6.3</v>
      </c>
      <c r="G24" s="17">
        <v>5.3</v>
      </c>
      <c r="H24" s="8">
        <v>5</v>
      </c>
      <c r="I24" s="8">
        <v>4.5</v>
      </c>
      <c r="J24" s="8">
        <v>4.6500000000000004</v>
      </c>
      <c r="K24" s="8">
        <v>4.2</v>
      </c>
      <c r="L24" s="8">
        <v>4.2</v>
      </c>
      <c r="M24" s="8">
        <v>4.2</v>
      </c>
      <c r="N24" s="8">
        <v>4.37</v>
      </c>
      <c r="O24" s="8">
        <v>3.87</v>
      </c>
      <c r="P24" s="8">
        <v>3.87</v>
      </c>
      <c r="Q24" s="8">
        <v>4.18</v>
      </c>
      <c r="R24" s="8">
        <v>4.78</v>
      </c>
      <c r="S24" s="8">
        <v>5.4</v>
      </c>
      <c r="T24" s="8">
        <v>3.48</v>
      </c>
      <c r="U24" s="8">
        <v>3.23</v>
      </c>
      <c r="V24" s="8">
        <v>3.23</v>
      </c>
      <c r="W24" s="8">
        <v>4.0599999999999996</v>
      </c>
      <c r="X24" s="76">
        <v>4.0599999999999996</v>
      </c>
      <c r="Y24" s="76">
        <v>3.29</v>
      </c>
      <c r="Z24" s="76">
        <v>3.09</v>
      </c>
      <c r="AA24" s="76">
        <v>3.71</v>
      </c>
      <c r="AB24" s="76">
        <v>3.79</v>
      </c>
      <c r="AC24" s="76">
        <v>3.75</v>
      </c>
      <c r="AD24" s="8">
        <v>3.5</v>
      </c>
      <c r="AE24" s="8">
        <v>4.0999999999999996</v>
      </c>
      <c r="AF24" s="76">
        <v>3.1</v>
      </c>
      <c r="AG24" s="76">
        <v>4.0999999999999996</v>
      </c>
      <c r="AH24" s="76">
        <v>4.8</v>
      </c>
      <c r="AI24" s="76">
        <v>4</v>
      </c>
      <c r="AJ24" s="76">
        <v>3.6</v>
      </c>
      <c r="AK24" s="76">
        <v>3.8</v>
      </c>
      <c r="AL24" s="76">
        <v>4.5</v>
      </c>
      <c r="AM24" s="76">
        <v>5.61</v>
      </c>
      <c r="AN24" s="76">
        <v>5</v>
      </c>
      <c r="AO24" s="40">
        <v>4.7</v>
      </c>
      <c r="AP24" s="17">
        <v>4.8</v>
      </c>
      <c r="AQ24" s="17">
        <v>4.42</v>
      </c>
      <c r="AR24" s="17">
        <v>4.42</v>
      </c>
      <c r="AS24" s="17">
        <v>4.42</v>
      </c>
      <c r="AT24" s="17">
        <v>4.38</v>
      </c>
      <c r="AU24" s="17">
        <v>4.38</v>
      </c>
      <c r="AV24" s="8">
        <v>5.33</v>
      </c>
      <c r="AW24" s="17">
        <v>5.49</v>
      </c>
      <c r="AX24" s="17">
        <v>6.09</v>
      </c>
      <c r="AY24" s="17">
        <v>6.09</v>
      </c>
      <c r="AZ24" s="38">
        <v>5.09</v>
      </c>
      <c r="BA24" s="17">
        <v>4.59</v>
      </c>
      <c r="BB24" s="17">
        <v>5.29</v>
      </c>
      <c r="BC24" s="17">
        <v>5.2</v>
      </c>
      <c r="BD24" s="17">
        <v>6.3</v>
      </c>
      <c r="BE24" s="17"/>
    </row>
    <row r="25" spans="3:57" x14ac:dyDescent="0.2">
      <c r="C25" s="5" t="s">
        <v>68</v>
      </c>
      <c r="D25" s="6" t="s">
        <v>58</v>
      </c>
      <c r="E25" s="8">
        <v>0.93</v>
      </c>
      <c r="F25" s="17">
        <v>0.82</v>
      </c>
      <c r="G25" s="17">
        <v>1.02</v>
      </c>
      <c r="H25" s="8">
        <v>0.92</v>
      </c>
      <c r="I25" s="8">
        <v>0.92</v>
      </c>
      <c r="J25" s="8">
        <v>0.96</v>
      </c>
      <c r="K25" s="8">
        <v>1.1599999999999999</v>
      </c>
      <c r="L25" s="8">
        <v>0.87</v>
      </c>
      <c r="M25" s="8">
        <v>0.67</v>
      </c>
      <c r="N25" s="8">
        <v>0.79</v>
      </c>
      <c r="O25" s="8">
        <v>0.76</v>
      </c>
      <c r="P25" s="8">
        <v>1.01</v>
      </c>
      <c r="Q25" s="8">
        <v>0.95</v>
      </c>
      <c r="R25" s="8">
        <v>0.95</v>
      </c>
      <c r="S25" s="8">
        <v>0.96</v>
      </c>
      <c r="T25" s="8">
        <v>0.66</v>
      </c>
      <c r="U25" s="8">
        <v>0.56000000000000005</v>
      </c>
      <c r="V25" s="8">
        <v>0.7</v>
      </c>
      <c r="W25" s="8">
        <v>0.38</v>
      </c>
      <c r="X25" s="76">
        <v>0.37</v>
      </c>
      <c r="Y25" s="76">
        <v>0.56999999999999995</v>
      </c>
      <c r="Z25" s="76">
        <v>0.38</v>
      </c>
      <c r="AA25" s="76">
        <v>0.36</v>
      </c>
      <c r="AB25" s="76">
        <v>0.77</v>
      </c>
      <c r="AC25" s="76">
        <v>0.43</v>
      </c>
      <c r="AD25" s="8">
        <v>0.43</v>
      </c>
      <c r="AE25" s="8">
        <v>0.43</v>
      </c>
      <c r="AF25" s="76">
        <v>0.6</v>
      </c>
      <c r="AG25" s="76">
        <v>0.59</v>
      </c>
      <c r="AH25" s="76">
        <v>0.47</v>
      </c>
      <c r="AI25" s="76">
        <v>0.55000000000000004</v>
      </c>
      <c r="AJ25" s="76">
        <v>0.55000000000000004</v>
      </c>
      <c r="AK25" s="76">
        <v>0.5</v>
      </c>
      <c r="AL25" s="76">
        <v>0.8</v>
      </c>
      <c r="AM25" s="76">
        <v>0.42</v>
      </c>
      <c r="AN25" s="76">
        <v>0.42</v>
      </c>
      <c r="AO25" s="40">
        <v>0.37</v>
      </c>
      <c r="AP25" s="17">
        <v>0.48</v>
      </c>
      <c r="AQ25" s="17">
        <v>0.53</v>
      </c>
      <c r="AR25" s="17">
        <v>0.62</v>
      </c>
      <c r="AS25" s="17">
        <v>0.62</v>
      </c>
      <c r="AT25" s="17">
        <v>0.57999999999999996</v>
      </c>
      <c r="AU25" s="17">
        <v>1</v>
      </c>
      <c r="AV25" s="8">
        <v>0.5</v>
      </c>
      <c r="AW25" s="17">
        <v>0.96</v>
      </c>
      <c r="AX25" s="17">
        <v>0.81</v>
      </c>
      <c r="AY25" s="17">
        <v>0.77</v>
      </c>
      <c r="AZ25" s="38">
        <v>0.77</v>
      </c>
      <c r="BA25" s="17">
        <v>0.77</v>
      </c>
      <c r="BB25" s="17">
        <v>0.87</v>
      </c>
      <c r="BC25" s="17">
        <v>0.73</v>
      </c>
      <c r="BD25" s="17">
        <v>1.43</v>
      </c>
      <c r="BE25" s="17"/>
    </row>
    <row r="26" spans="3:57" x14ac:dyDescent="0.2">
      <c r="C26" s="5" t="s">
        <v>69</v>
      </c>
      <c r="D26" s="6" t="s">
        <v>58</v>
      </c>
      <c r="E26" s="8">
        <v>2.62</v>
      </c>
      <c r="F26" s="17">
        <v>2.75</v>
      </c>
      <c r="G26" s="17">
        <v>2.5</v>
      </c>
      <c r="H26" s="8">
        <v>2</v>
      </c>
      <c r="I26" s="8">
        <v>2.25</v>
      </c>
      <c r="J26" s="8">
        <v>2.5</v>
      </c>
      <c r="K26" s="8">
        <v>2</v>
      </c>
      <c r="L26" s="8">
        <v>1.45</v>
      </c>
      <c r="M26" s="8">
        <v>2.21</v>
      </c>
      <c r="N26" s="8">
        <v>2.21</v>
      </c>
      <c r="O26" s="8">
        <v>2</v>
      </c>
      <c r="P26" s="8">
        <v>1.24</v>
      </c>
      <c r="Q26" s="8">
        <v>1.5</v>
      </c>
      <c r="R26" s="8">
        <v>1.3</v>
      </c>
      <c r="S26" s="8">
        <v>1.3</v>
      </c>
      <c r="T26" s="8">
        <v>1.05</v>
      </c>
      <c r="U26" s="8">
        <v>1</v>
      </c>
      <c r="V26" s="8">
        <v>1.27</v>
      </c>
      <c r="W26" s="8">
        <v>1.47</v>
      </c>
      <c r="X26" s="76">
        <v>1.21</v>
      </c>
      <c r="Y26" s="76">
        <v>1.1599999999999999</v>
      </c>
      <c r="Z26" s="76">
        <v>0.97</v>
      </c>
      <c r="AA26" s="76">
        <v>1.24</v>
      </c>
      <c r="AB26" s="76">
        <v>1.44</v>
      </c>
      <c r="AC26" s="76">
        <v>1.44</v>
      </c>
      <c r="AD26" s="8">
        <v>1.53</v>
      </c>
      <c r="AE26" s="8">
        <v>1.6</v>
      </c>
      <c r="AF26" s="76">
        <v>1.48</v>
      </c>
      <c r="AG26" s="76">
        <v>1.61</v>
      </c>
      <c r="AH26" s="76">
        <v>1.52</v>
      </c>
      <c r="AI26" s="76">
        <v>1.77</v>
      </c>
      <c r="AJ26" s="76">
        <v>1.29</v>
      </c>
      <c r="AK26" s="76">
        <v>1.1000000000000001</v>
      </c>
      <c r="AL26" s="76">
        <v>1.1399999999999999</v>
      </c>
      <c r="AM26" s="76">
        <v>1.25</v>
      </c>
      <c r="AN26" s="76">
        <v>1.1000000000000001</v>
      </c>
      <c r="AO26" s="62">
        <v>1.25</v>
      </c>
      <c r="AP26" s="17">
        <v>1.1499999999999999</v>
      </c>
      <c r="AQ26" s="17">
        <v>1.25</v>
      </c>
      <c r="AR26" s="17">
        <v>1.52</v>
      </c>
      <c r="AS26" s="17">
        <v>1.26</v>
      </c>
      <c r="AT26" s="17">
        <v>1.19</v>
      </c>
      <c r="AU26" s="17">
        <v>1.18</v>
      </c>
      <c r="AV26" s="8">
        <v>1.31</v>
      </c>
      <c r="AW26" s="17">
        <v>1.46</v>
      </c>
      <c r="AX26" s="17">
        <v>1.67</v>
      </c>
      <c r="AY26" s="17">
        <v>1.53</v>
      </c>
      <c r="AZ26" s="38">
        <v>1.84</v>
      </c>
      <c r="BA26" s="17">
        <v>1.5</v>
      </c>
      <c r="BB26" s="17">
        <v>1.6</v>
      </c>
      <c r="BC26" s="17">
        <v>1.35</v>
      </c>
      <c r="BD26" s="17">
        <v>1.55</v>
      </c>
      <c r="BE26" s="17"/>
    </row>
    <row r="27" spans="3:57" x14ac:dyDescent="0.2">
      <c r="C27" s="5" t="s">
        <v>70</v>
      </c>
      <c r="D27" s="6" t="s">
        <v>58</v>
      </c>
      <c r="E27" s="8">
        <v>1.1599999999999999</v>
      </c>
      <c r="F27" s="17">
        <v>1.33</v>
      </c>
      <c r="G27" s="17">
        <v>0.89</v>
      </c>
      <c r="H27" s="8">
        <v>0.57999999999999996</v>
      </c>
      <c r="I27" s="8">
        <v>0.57999999999999996</v>
      </c>
      <c r="J27" s="8">
        <v>0.53</v>
      </c>
      <c r="K27" s="8">
        <v>0.45</v>
      </c>
      <c r="L27" s="8">
        <v>0.46</v>
      </c>
      <c r="M27" s="8">
        <v>0.52</v>
      </c>
      <c r="N27" s="8">
        <v>0.73</v>
      </c>
      <c r="O27" s="8">
        <v>0.84</v>
      </c>
      <c r="P27" s="8">
        <v>1.01</v>
      </c>
      <c r="Q27" s="8">
        <v>0.97</v>
      </c>
      <c r="R27" s="8">
        <v>1.43</v>
      </c>
      <c r="S27" s="8">
        <v>1.26</v>
      </c>
      <c r="T27" s="8">
        <v>1.04</v>
      </c>
      <c r="U27" s="8">
        <v>1.41</v>
      </c>
      <c r="V27" s="8">
        <v>1.0900000000000001</v>
      </c>
      <c r="W27" s="8">
        <v>0.93</v>
      </c>
      <c r="X27" s="76">
        <v>1.17</v>
      </c>
      <c r="Y27" s="76">
        <v>0.69</v>
      </c>
      <c r="Z27" s="76">
        <v>0.95</v>
      </c>
      <c r="AA27" s="76">
        <v>0.72</v>
      </c>
      <c r="AB27" s="76">
        <v>1.22</v>
      </c>
      <c r="AC27" s="76">
        <v>0.72</v>
      </c>
      <c r="AD27" s="8">
        <v>0.81</v>
      </c>
      <c r="AE27" s="8">
        <v>0.74</v>
      </c>
      <c r="AF27" s="76">
        <v>1.97</v>
      </c>
      <c r="AG27" s="76">
        <v>1.36</v>
      </c>
      <c r="AH27" s="76">
        <v>1.54</v>
      </c>
      <c r="AI27" s="76">
        <v>0.87</v>
      </c>
      <c r="AJ27" s="76">
        <v>1.51</v>
      </c>
      <c r="AK27" s="76">
        <v>1.42</v>
      </c>
      <c r="AL27" s="76">
        <v>1.2</v>
      </c>
      <c r="AM27" s="76">
        <v>1.67</v>
      </c>
      <c r="AN27" s="76">
        <v>1.7</v>
      </c>
      <c r="AO27" s="40">
        <v>0.81</v>
      </c>
      <c r="AP27" s="17">
        <v>0.73</v>
      </c>
      <c r="AQ27" s="17">
        <v>0.6</v>
      </c>
      <c r="AR27" s="17">
        <v>1.29</v>
      </c>
      <c r="AS27" s="17">
        <v>0.66</v>
      </c>
      <c r="AT27" s="17">
        <v>0.94</v>
      </c>
      <c r="AU27" s="17">
        <v>0.88</v>
      </c>
      <c r="AV27" s="8">
        <v>1.18</v>
      </c>
      <c r="AW27" s="17">
        <v>1.98</v>
      </c>
      <c r="AX27" s="17">
        <v>1.74</v>
      </c>
      <c r="AY27" s="17">
        <v>1.22</v>
      </c>
      <c r="AZ27" s="38">
        <v>1.92</v>
      </c>
      <c r="BA27" s="17">
        <v>1.92</v>
      </c>
      <c r="BB27" s="17">
        <v>2.27</v>
      </c>
      <c r="BC27" s="17">
        <v>2.1800000000000002</v>
      </c>
      <c r="BD27" s="17">
        <v>1.86</v>
      </c>
      <c r="BE27" s="17"/>
    </row>
    <row r="28" spans="3:57" x14ac:dyDescent="0.2">
      <c r="C28" s="5" t="s">
        <v>101</v>
      </c>
      <c r="D28" s="6" t="s">
        <v>58</v>
      </c>
      <c r="E28" s="8">
        <v>4.26</v>
      </c>
      <c r="F28" s="17">
        <v>5.4</v>
      </c>
      <c r="G28" s="17">
        <v>2.12</v>
      </c>
      <c r="H28" s="8">
        <v>5.41</v>
      </c>
      <c r="I28" s="8">
        <v>3.97</v>
      </c>
      <c r="J28" s="8">
        <v>5</v>
      </c>
      <c r="K28" s="8">
        <v>5</v>
      </c>
      <c r="L28" s="8">
        <v>5.61</v>
      </c>
      <c r="M28" s="8">
        <v>6.78</v>
      </c>
      <c r="N28" s="8">
        <v>5.91</v>
      </c>
      <c r="O28" s="8">
        <v>4.55</v>
      </c>
      <c r="P28" s="8">
        <v>5.33</v>
      </c>
      <c r="Q28" s="8">
        <v>6</v>
      </c>
      <c r="R28" s="8">
        <v>2.76</v>
      </c>
      <c r="S28" s="8">
        <v>3.83</v>
      </c>
      <c r="T28" s="8">
        <v>4.57</v>
      </c>
      <c r="U28" s="8">
        <v>4.0999999999999996</v>
      </c>
      <c r="V28" s="8">
        <v>3.19</v>
      </c>
      <c r="W28" s="8">
        <v>3.68</v>
      </c>
      <c r="X28" s="76">
        <v>3.39</v>
      </c>
      <c r="Y28" s="76">
        <v>2.64</v>
      </c>
      <c r="Z28" s="76">
        <v>4.34</v>
      </c>
      <c r="AA28" s="76">
        <v>6.09</v>
      </c>
      <c r="AB28" s="76">
        <v>9.67</v>
      </c>
      <c r="AC28" s="76">
        <v>7.43</v>
      </c>
      <c r="AD28" s="8">
        <v>4.3899999999999997</v>
      </c>
      <c r="AE28" s="8">
        <v>3.44</v>
      </c>
      <c r="AF28" s="76">
        <v>2.67</v>
      </c>
      <c r="AG28" s="76">
        <v>2.95</v>
      </c>
      <c r="AH28" s="76">
        <v>2.98</v>
      </c>
      <c r="AI28" s="76">
        <v>4.08</v>
      </c>
      <c r="AJ28" s="76">
        <v>4.17</v>
      </c>
      <c r="AK28" s="76">
        <v>3.88</v>
      </c>
      <c r="AL28" s="76">
        <v>3.83</v>
      </c>
      <c r="AM28" s="76">
        <v>5.87</v>
      </c>
      <c r="AN28" s="76">
        <v>6</v>
      </c>
      <c r="AO28" s="40">
        <v>5.1100000000000003</v>
      </c>
      <c r="AP28" s="17">
        <v>4.75</v>
      </c>
      <c r="AQ28" s="17">
        <v>4.78</v>
      </c>
      <c r="AR28" s="17">
        <v>5.38</v>
      </c>
      <c r="AS28" s="17">
        <v>4.76</v>
      </c>
      <c r="AT28" s="17">
        <v>3.95</v>
      </c>
      <c r="AU28" s="17">
        <v>3.8</v>
      </c>
      <c r="AV28" s="8">
        <v>4.5599999999999996</v>
      </c>
      <c r="AW28" s="17">
        <v>4.51</v>
      </c>
      <c r="AX28" s="17">
        <v>2.86</v>
      </c>
      <c r="AY28" s="17">
        <v>3.7</v>
      </c>
      <c r="AZ28" s="38">
        <v>3.26</v>
      </c>
      <c r="BA28" s="17">
        <v>3.03</v>
      </c>
      <c r="BB28" s="17">
        <v>3.62</v>
      </c>
      <c r="BC28" s="17">
        <v>2.83</v>
      </c>
      <c r="BD28" s="17">
        <v>3.51</v>
      </c>
      <c r="BE28" s="17"/>
    </row>
    <row r="29" spans="3:57" x14ac:dyDescent="0.2">
      <c r="C29" s="5" t="s">
        <v>71</v>
      </c>
      <c r="D29" s="6" t="s">
        <v>58</v>
      </c>
      <c r="E29" s="8">
        <v>2</v>
      </c>
      <c r="F29" s="17">
        <v>2</v>
      </c>
      <c r="G29" s="17">
        <v>2</v>
      </c>
      <c r="H29" s="8">
        <v>2</v>
      </c>
      <c r="I29" s="8">
        <v>2</v>
      </c>
      <c r="J29" s="8">
        <v>2</v>
      </c>
      <c r="K29" s="8">
        <v>2</v>
      </c>
      <c r="L29" s="8">
        <v>2</v>
      </c>
      <c r="M29" s="8">
        <v>2</v>
      </c>
      <c r="N29" s="8">
        <v>2</v>
      </c>
      <c r="O29" s="8">
        <v>2</v>
      </c>
      <c r="P29" s="8">
        <v>2</v>
      </c>
      <c r="Q29" s="8">
        <v>2.1</v>
      </c>
      <c r="R29" s="8">
        <v>2.0699999999999998</v>
      </c>
      <c r="S29" s="8">
        <v>2.0699999999999998</v>
      </c>
      <c r="T29" s="8">
        <v>1.95</v>
      </c>
      <c r="U29" s="8">
        <v>1.95</v>
      </c>
      <c r="V29" s="8">
        <v>2.2000000000000002</v>
      </c>
      <c r="W29" s="8">
        <v>2.2000000000000002</v>
      </c>
      <c r="X29" s="76">
        <v>1.95</v>
      </c>
      <c r="Y29" s="76">
        <v>1.95</v>
      </c>
      <c r="Z29" s="76">
        <v>2.2000000000000002</v>
      </c>
      <c r="AA29" s="76">
        <v>2.2000000000000002</v>
      </c>
      <c r="AB29" s="76">
        <v>2.2000000000000002</v>
      </c>
      <c r="AC29" s="76">
        <v>1.85</v>
      </c>
      <c r="AD29" s="8">
        <v>2</v>
      </c>
      <c r="AE29" s="8">
        <v>2.2000000000000002</v>
      </c>
      <c r="AF29" s="76">
        <v>2.2000000000000002</v>
      </c>
      <c r="AG29" s="76">
        <v>2.1</v>
      </c>
      <c r="AH29" s="76">
        <v>2.1</v>
      </c>
      <c r="AI29" s="76">
        <v>2.1</v>
      </c>
      <c r="AJ29" s="76">
        <v>2.1</v>
      </c>
      <c r="AK29" s="76">
        <v>2.1</v>
      </c>
      <c r="AL29" s="76">
        <v>2.1</v>
      </c>
      <c r="AM29" s="76">
        <v>2.1</v>
      </c>
      <c r="AN29" s="76">
        <v>2.1</v>
      </c>
      <c r="AO29" s="40">
        <v>2.1</v>
      </c>
      <c r="AP29" s="17">
        <v>2.1</v>
      </c>
      <c r="AQ29" s="17">
        <v>2.1</v>
      </c>
      <c r="AR29" s="17">
        <v>2</v>
      </c>
      <c r="AS29" s="17">
        <v>2.1</v>
      </c>
      <c r="AT29" s="17">
        <v>2.1</v>
      </c>
      <c r="AU29" s="17">
        <v>2.1</v>
      </c>
      <c r="AV29" s="8">
        <v>2.1</v>
      </c>
      <c r="AW29" s="17">
        <v>2.1</v>
      </c>
      <c r="AX29" s="17">
        <v>2.1</v>
      </c>
      <c r="AY29" s="17">
        <v>2.1</v>
      </c>
      <c r="AZ29" s="38">
        <v>2.1</v>
      </c>
      <c r="BA29" s="17">
        <v>2.1</v>
      </c>
      <c r="BB29" s="17">
        <v>2.1</v>
      </c>
      <c r="BC29" s="17">
        <v>2.4</v>
      </c>
      <c r="BD29" s="17">
        <v>2.4</v>
      </c>
      <c r="BE29" s="17"/>
    </row>
    <row r="30" spans="3:57" x14ac:dyDescent="0.2">
      <c r="C30" s="5" t="s">
        <v>102</v>
      </c>
      <c r="D30" s="6" t="s">
        <v>58</v>
      </c>
      <c r="E30" s="8">
        <v>3.61</v>
      </c>
      <c r="F30" s="17">
        <v>3.63</v>
      </c>
      <c r="G30" s="17">
        <v>3.63</v>
      </c>
      <c r="H30" s="8">
        <v>3.61</v>
      </c>
      <c r="I30" s="8">
        <v>3.61</v>
      </c>
      <c r="J30" s="8">
        <v>3.59</v>
      </c>
      <c r="K30" s="8">
        <v>3.66</v>
      </c>
      <c r="L30" s="8">
        <v>3.75</v>
      </c>
      <c r="M30" s="8">
        <v>3.98</v>
      </c>
      <c r="N30" s="8">
        <v>4.07</v>
      </c>
      <c r="O30" s="8">
        <v>3.97</v>
      </c>
      <c r="P30" s="8">
        <v>4.3</v>
      </c>
      <c r="Q30" s="8">
        <v>4.43</v>
      </c>
      <c r="R30" s="8">
        <v>4.58</v>
      </c>
      <c r="S30" s="8">
        <v>4.6500000000000004</v>
      </c>
      <c r="T30" s="8">
        <v>4.6900000000000004</v>
      </c>
      <c r="U30" s="8">
        <v>4.54</v>
      </c>
      <c r="V30" s="8">
        <v>4.34</v>
      </c>
      <c r="W30" s="8">
        <v>4.32</v>
      </c>
      <c r="X30" s="76">
        <v>4.32</v>
      </c>
      <c r="Y30" s="76">
        <v>4.32</v>
      </c>
      <c r="Z30" s="76">
        <v>4.33</v>
      </c>
      <c r="AA30" s="76">
        <v>4.28</v>
      </c>
      <c r="AB30" s="76">
        <v>4.24</v>
      </c>
      <c r="AC30" s="76">
        <v>4.49</v>
      </c>
      <c r="AD30" s="8">
        <v>4.7300000000000004</v>
      </c>
      <c r="AE30" s="8">
        <v>4.66</v>
      </c>
      <c r="AF30" s="76">
        <v>4.72</v>
      </c>
      <c r="AG30" s="76">
        <v>4.66</v>
      </c>
      <c r="AH30" s="76">
        <v>4.47</v>
      </c>
      <c r="AI30" s="76">
        <v>4.29</v>
      </c>
      <c r="AJ30" s="76">
        <v>4.2699999999999996</v>
      </c>
      <c r="AK30" s="76">
        <v>4.26</v>
      </c>
      <c r="AL30" s="76">
        <v>4.24</v>
      </c>
      <c r="AM30" s="76">
        <v>4.24</v>
      </c>
      <c r="AN30" s="76">
        <v>4.1900000000000004</v>
      </c>
      <c r="AO30" s="40">
        <v>4.18</v>
      </c>
      <c r="AP30" s="17">
        <v>4.2</v>
      </c>
      <c r="AQ30" s="17">
        <v>4.24</v>
      </c>
      <c r="AR30" s="17">
        <v>4.2699999999999996</v>
      </c>
      <c r="AS30" s="17">
        <v>4.3</v>
      </c>
      <c r="AT30" s="17">
        <v>4.28</v>
      </c>
      <c r="AU30" s="17">
        <v>4.2699999999999996</v>
      </c>
      <c r="AV30" s="8">
        <v>4.28</v>
      </c>
      <c r="AW30" s="17">
        <v>4.2300000000000004</v>
      </c>
      <c r="AX30" s="17">
        <v>4.1500000000000004</v>
      </c>
      <c r="AY30" s="17">
        <v>4.16</v>
      </c>
      <c r="AZ30" s="38">
        <v>4.22</v>
      </c>
      <c r="BA30" s="17">
        <v>4.2</v>
      </c>
      <c r="BB30" s="17">
        <v>4.0999999999999996</v>
      </c>
      <c r="BC30" s="17">
        <v>4.0999999999999996</v>
      </c>
      <c r="BD30" s="17">
        <v>4.0999999999999996</v>
      </c>
      <c r="BE30" s="17"/>
    </row>
    <row r="31" spans="3:57" x14ac:dyDescent="0.2">
      <c r="C31" s="5" t="s">
        <v>72</v>
      </c>
      <c r="D31" s="6" t="s">
        <v>58</v>
      </c>
      <c r="E31" s="8">
        <v>3.9</v>
      </c>
      <c r="F31" s="17">
        <v>3.8</v>
      </c>
      <c r="G31" s="17">
        <v>3.7</v>
      </c>
      <c r="H31" s="8">
        <v>3.5</v>
      </c>
      <c r="I31" s="8">
        <v>3.7</v>
      </c>
      <c r="J31" s="8">
        <v>4.12</v>
      </c>
      <c r="K31" s="8">
        <v>4</v>
      </c>
      <c r="L31" s="8">
        <v>3.8</v>
      </c>
      <c r="M31" s="8">
        <v>3.8</v>
      </c>
      <c r="N31" s="8">
        <v>3.8</v>
      </c>
      <c r="O31" s="8">
        <v>3.8</v>
      </c>
      <c r="P31" s="8">
        <v>3.8</v>
      </c>
      <c r="Q31" s="8">
        <v>3.8</v>
      </c>
      <c r="R31" s="8">
        <v>3.8</v>
      </c>
      <c r="S31" s="8">
        <v>3.79</v>
      </c>
      <c r="T31" s="8">
        <v>3.79</v>
      </c>
      <c r="U31" s="8">
        <v>3.79</v>
      </c>
      <c r="V31" s="8">
        <v>3.79</v>
      </c>
      <c r="W31" s="8">
        <v>4.24</v>
      </c>
      <c r="X31" s="76">
        <v>4.24</v>
      </c>
      <c r="Y31" s="76">
        <v>4.24</v>
      </c>
      <c r="Z31" s="76">
        <v>4.24</v>
      </c>
      <c r="AA31" s="76">
        <v>4.25</v>
      </c>
      <c r="AB31" s="76">
        <v>4.25</v>
      </c>
      <c r="AC31" s="76">
        <v>4.79</v>
      </c>
      <c r="AD31" s="8">
        <v>4.79</v>
      </c>
      <c r="AE31" s="8">
        <v>4.79</v>
      </c>
      <c r="AF31" s="76">
        <v>4.79</v>
      </c>
      <c r="AG31" s="76">
        <v>4.95</v>
      </c>
      <c r="AH31" s="76">
        <v>4.95</v>
      </c>
      <c r="AI31" s="76">
        <v>4.95</v>
      </c>
      <c r="AJ31" s="76">
        <v>4.95</v>
      </c>
      <c r="AK31" s="76">
        <v>4.95</v>
      </c>
      <c r="AL31" s="76">
        <v>4.95</v>
      </c>
      <c r="AM31" s="76">
        <v>5</v>
      </c>
      <c r="AN31" s="76">
        <v>5</v>
      </c>
      <c r="AO31" s="62">
        <v>4.8499999999999996</v>
      </c>
      <c r="AP31" s="17">
        <v>4.8499999999999996</v>
      </c>
      <c r="AQ31" s="17">
        <v>5.34</v>
      </c>
      <c r="AR31" s="17">
        <v>5.34</v>
      </c>
      <c r="AS31" s="17">
        <v>5.34</v>
      </c>
      <c r="AT31" s="17">
        <v>5.35</v>
      </c>
      <c r="AU31" s="17">
        <v>5.35</v>
      </c>
      <c r="AV31" s="8">
        <v>5.35</v>
      </c>
      <c r="AW31" s="17">
        <v>5.35</v>
      </c>
      <c r="AX31" s="17">
        <v>5.25</v>
      </c>
      <c r="AY31" s="17">
        <v>4.96</v>
      </c>
      <c r="AZ31" s="38">
        <v>4.96</v>
      </c>
      <c r="BA31" s="17">
        <v>4.96</v>
      </c>
      <c r="BB31" s="17">
        <v>4.96</v>
      </c>
      <c r="BC31" s="17">
        <v>4.96</v>
      </c>
      <c r="BD31" s="17">
        <v>4.96</v>
      </c>
      <c r="BE31" s="17"/>
    </row>
    <row r="32" spans="3:57" x14ac:dyDescent="0.2">
      <c r="C32" s="5" t="s">
        <v>73</v>
      </c>
      <c r="D32" s="6" t="s">
        <v>58</v>
      </c>
      <c r="E32" s="8">
        <v>4</v>
      </c>
      <c r="F32" s="17">
        <v>3.99</v>
      </c>
      <c r="G32" s="17">
        <v>3.69</v>
      </c>
      <c r="H32" s="8">
        <v>3.59</v>
      </c>
      <c r="I32" s="8">
        <v>3.8</v>
      </c>
      <c r="J32" s="8">
        <v>4.5</v>
      </c>
      <c r="K32" s="8">
        <v>4.7</v>
      </c>
      <c r="L32" s="8">
        <v>4.3</v>
      </c>
      <c r="M32" s="8">
        <v>4.8</v>
      </c>
      <c r="N32" s="8">
        <v>5.5</v>
      </c>
      <c r="O32" s="8">
        <v>4.5</v>
      </c>
      <c r="P32" s="8">
        <v>4</v>
      </c>
      <c r="Q32" s="8">
        <v>5.07</v>
      </c>
      <c r="R32" s="8">
        <v>4.87</v>
      </c>
      <c r="S32" s="8">
        <v>4.67</v>
      </c>
      <c r="T32" s="8">
        <v>4.0199999999999996</v>
      </c>
      <c r="U32" s="8">
        <v>3.02</v>
      </c>
      <c r="V32" s="8">
        <v>4.0199999999999996</v>
      </c>
      <c r="W32" s="8">
        <v>3.92</v>
      </c>
      <c r="X32" s="76">
        <v>4.92</v>
      </c>
      <c r="Y32" s="76">
        <v>4.82</v>
      </c>
      <c r="Z32" s="76">
        <v>4.67</v>
      </c>
      <c r="AA32" s="76">
        <v>4.57</v>
      </c>
      <c r="AB32" s="76">
        <v>3.57</v>
      </c>
      <c r="AC32" s="76">
        <v>3.57</v>
      </c>
      <c r="AD32" s="8">
        <v>3</v>
      </c>
      <c r="AE32" s="8">
        <v>2.4500000000000002</v>
      </c>
      <c r="AF32" s="76">
        <v>2.4500000000000002</v>
      </c>
      <c r="AG32" s="76">
        <v>2.31</v>
      </c>
      <c r="AH32" s="76">
        <v>2.61</v>
      </c>
      <c r="AI32" s="76">
        <v>2.71</v>
      </c>
      <c r="AJ32" s="76">
        <v>2.71</v>
      </c>
      <c r="AK32" s="76">
        <v>3.71</v>
      </c>
      <c r="AL32" s="76">
        <v>3.16</v>
      </c>
      <c r="AM32" s="76">
        <v>4.1500000000000004</v>
      </c>
      <c r="AN32" s="76">
        <v>3.4</v>
      </c>
      <c r="AO32" s="40">
        <v>3.3</v>
      </c>
      <c r="AP32" s="17">
        <v>3.46</v>
      </c>
      <c r="AQ32" s="17">
        <v>3.3</v>
      </c>
      <c r="AR32" s="17">
        <v>3.59</v>
      </c>
      <c r="AS32" s="17">
        <v>3.59</v>
      </c>
      <c r="AT32" s="17">
        <v>4</v>
      </c>
      <c r="AU32" s="17">
        <v>3.8</v>
      </c>
      <c r="AV32" s="8">
        <v>4.5999999999999996</v>
      </c>
      <c r="AW32" s="17">
        <v>5.0999999999999996</v>
      </c>
      <c r="AX32" s="17">
        <v>4.0999999999999996</v>
      </c>
      <c r="AY32" s="17">
        <v>4.0999999999999996</v>
      </c>
      <c r="AZ32" s="38">
        <v>4.0999999999999996</v>
      </c>
      <c r="BA32" s="17">
        <v>4.3499999999999996</v>
      </c>
      <c r="BB32" s="17">
        <v>4.45</v>
      </c>
      <c r="BC32" s="17">
        <v>4.55</v>
      </c>
      <c r="BD32" s="17">
        <v>4.55</v>
      </c>
      <c r="BE32" s="17"/>
    </row>
    <row r="33" spans="3:57" x14ac:dyDescent="0.2">
      <c r="C33" s="5" t="s">
        <v>74</v>
      </c>
      <c r="D33" s="6" t="s">
        <v>58</v>
      </c>
      <c r="E33" s="8">
        <v>0.75</v>
      </c>
      <c r="F33" s="17">
        <v>0.75</v>
      </c>
      <c r="G33" s="17">
        <v>0.75</v>
      </c>
      <c r="H33" s="8">
        <v>0.75</v>
      </c>
      <c r="I33" s="8">
        <v>0.75</v>
      </c>
      <c r="J33" s="8">
        <v>0.75</v>
      </c>
      <c r="K33" s="8">
        <v>0.75</v>
      </c>
      <c r="L33" s="8">
        <v>0.75</v>
      </c>
      <c r="M33" s="8">
        <v>0.8</v>
      </c>
      <c r="N33" s="8">
        <v>0.8</v>
      </c>
      <c r="O33" s="8">
        <v>0.8</v>
      </c>
      <c r="P33" s="8">
        <v>0.8</v>
      </c>
      <c r="Q33" s="8">
        <v>0.8</v>
      </c>
      <c r="R33" s="8">
        <v>0.8</v>
      </c>
      <c r="S33" s="8">
        <v>0.8</v>
      </c>
      <c r="T33" s="8">
        <v>0.8</v>
      </c>
      <c r="U33" s="8">
        <v>0.8</v>
      </c>
      <c r="V33" s="8">
        <v>0.8</v>
      </c>
      <c r="W33" s="76">
        <v>0.8</v>
      </c>
      <c r="X33" s="76">
        <v>0.8</v>
      </c>
      <c r="Y33" s="76">
        <v>0.8</v>
      </c>
      <c r="Z33" s="76">
        <v>0.8</v>
      </c>
      <c r="AA33" s="76">
        <v>0.8</v>
      </c>
      <c r="AB33" s="76">
        <v>0.8</v>
      </c>
      <c r="AC33" s="76">
        <v>0.8</v>
      </c>
      <c r="AD33" s="76">
        <v>0.8</v>
      </c>
      <c r="AE33" s="76">
        <v>0.8</v>
      </c>
      <c r="AF33" s="76">
        <v>0.8</v>
      </c>
      <c r="AG33" s="76">
        <v>0.8</v>
      </c>
      <c r="AH33" s="76">
        <v>0.8</v>
      </c>
      <c r="AI33" s="76">
        <v>0.8</v>
      </c>
      <c r="AJ33" s="76">
        <v>0.8</v>
      </c>
      <c r="AK33" s="76">
        <v>0.8</v>
      </c>
      <c r="AL33" s="76">
        <v>0.8</v>
      </c>
      <c r="AM33" s="76">
        <v>0.8</v>
      </c>
      <c r="AN33" s="76">
        <v>0.8</v>
      </c>
      <c r="AO33" s="76">
        <v>0.8</v>
      </c>
      <c r="AP33" s="17">
        <v>0.8</v>
      </c>
      <c r="AQ33" s="17">
        <v>0.85</v>
      </c>
      <c r="AR33" s="17">
        <v>0.8</v>
      </c>
      <c r="AS33" s="17">
        <v>0.85</v>
      </c>
      <c r="AT33" s="17">
        <v>0.85</v>
      </c>
      <c r="AU33" s="17">
        <v>0.85</v>
      </c>
      <c r="AV33" s="8">
        <v>0.85</v>
      </c>
      <c r="AW33" s="17">
        <v>0.85</v>
      </c>
      <c r="AX33" s="17">
        <v>0.85</v>
      </c>
      <c r="AY33" s="17">
        <v>0.85</v>
      </c>
      <c r="AZ33" s="38">
        <v>0.85</v>
      </c>
      <c r="BA33" s="17">
        <v>0.85</v>
      </c>
      <c r="BB33" s="17">
        <v>0.85</v>
      </c>
      <c r="BC33" s="17">
        <v>0.85</v>
      </c>
      <c r="BD33" s="17">
        <v>0.85</v>
      </c>
      <c r="BE33" s="17"/>
    </row>
    <row r="34" spans="3:57" x14ac:dyDescent="0.2">
      <c r="C34" s="16" t="s">
        <v>78</v>
      </c>
      <c r="D34" s="6" t="s">
        <v>58</v>
      </c>
      <c r="E34" s="8">
        <v>0.1</v>
      </c>
      <c r="F34" s="17">
        <v>0.08</v>
      </c>
      <c r="G34" s="17">
        <v>0.06</v>
      </c>
      <c r="H34" s="8">
        <v>0.06</v>
      </c>
      <c r="I34" s="8">
        <v>0.06</v>
      </c>
      <c r="J34" s="8">
        <v>7.0000000000000007E-2</v>
      </c>
      <c r="K34" s="8">
        <v>0.08</v>
      </c>
      <c r="L34" s="8">
        <v>0.09</v>
      </c>
      <c r="M34" s="8">
        <v>0.16</v>
      </c>
      <c r="N34" s="8">
        <v>0.21</v>
      </c>
      <c r="O34" s="8">
        <v>0.3</v>
      </c>
      <c r="P34" s="8">
        <v>0.34</v>
      </c>
      <c r="Q34" s="8">
        <v>0.31</v>
      </c>
      <c r="R34" s="8">
        <v>0.4</v>
      </c>
      <c r="S34" s="68">
        <v>0.41</v>
      </c>
      <c r="T34" s="8">
        <v>0.41</v>
      </c>
      <c r="U34" s="73">
        <v>0.44</v>
      </c>
      <c r="V34" s="68">
        <v>0.39</v>
      </c>
      <c r="W34" s="76">
        <v>0.43</v>
      </c>
      <c r="X34" s="76">
        <v>0.41</v>
      </c>
      <c r="Y34" s="76">
        <v>0.38</v>
      </c>
      <c r="Z34" s="76">
        <v>0.32</v>
      </c>
      <c r="AA34" s="76">
        <v>0.3</v>
      </c>
      <c r="AB34" s="76">
        <v>0.32</v>
      </c>
      <c r="AC34" s="76">
        <v>0.31</v>
      </c>
      <c r="AD34" s="76">
        <v>0.31</v>
      </c>
      <c r="AE34" s="76">
        <v>0.38</v>
      </c>
      <c r="AF34" s="76">
        <v>0.36</v>
      </c>
      <c r="AG34" s="76">
        <v>0.35</v>
      </c>
      <c r="AH34" s="76">
        <v>0.35</v>
      </c>
      <c r="AI34" s="76">
        <v>0.34</v>
      </c>
      <c r="AJ34" s="76">
        <v>0.28999999999999998</v>
      </c>
      <c r="AK34" s="76">
        <v>0.28000000000000003</v>
      </c>
      <c r="AL34" s="76">
        <v>0.27</v>
      </c>
      <c r="AM34" s="76">
        <v>0.23</v>
      </c>
      <c r="AN34" s="76">
        <v>0.21</v>
      </c>
      <c r="AO34" s="76">
        <v>0.2</v>
      </c>
      <c r="AP34" s="17">
        <v>0.19</v>
      </c>
      <c r="AQ34" s="17">
        <v>0.19</v>
      </c>
      <c r="AR34" s="17">
        <v>0.19</v>
      </c>
      <c r="AS34" s="17">
        <v>0.19</v>
      </c>
      <c r="AT34" s="17">
        <v>0.19</v>
      </c>
      <c r="AU34" s="17">
        <v>0.19</v>
      </c>
      <c r="AV34" s="8">
        <v>0.21</v>
      </c>
      <c r="AW34" s="17">
        <v>0.23</v>
      </c>
      <c r="AX34" s="17">
        <v>0.23</v>
      </c>
      <c r="AY34" s="17">
        <v>0.24</v>
      </c>
      <c r="AZ34" s="40">
        <v>0.22</v>
      </c>
      <c r="BA34" s="17">
        <v>0.27</v>
      </c>
      <c r="BB34" s="17">
        <v>0.26</v>
      </c>
      <c r="BC34" s="17">
        <v>0.25</v>
      </c>
      <c r="BD34" s="17">
        <v>0.25</v>
      </c>
      <c r="BE34" s="17"/>
    </row>
    <row r="35" spans="3:57" x14ac:dyDescent="0.2">
      <c r="C35" s="16" t="s">
        <v>79</v>
      </c>
      <c r="D35" s="6" t="s">
        <v>58</v>
      </c>
      <c r="E35" s="8">
        <v>0.41</v>
      </c>
      <c r="F35" s="17">
        <v>0.45</v>
      </c>
      <c r="G35" s="17">
        <v>0.45</v>
      </c>
      <c r="H35" s="8">
        <v>0.44</v>
      </c>
      <c r="I35" s="8">
        <v>0.5</v>
      </c>
      <c r="J35" s="8">
        <v>0.52</v>
      </c>
      <c r="K35" s="8">
        <v>0.52</v>
      </c>
      <c r="L35" s="8">
        <v>0.51</v>
      </c>
      <c r="M35" s="8">
        <v>0.56999999999999995</v>
      </c>
      <c r="N35" s="8">
        <v>0.56999999999999995</v>
      </c>
      <c r="O35" s="8">
        <v>0.6</v>
      </c>
      <c r="P35" s="8">
        <v>0.52</v>
      </c>
      <c r="Q35" s="8">
        <v>0.52</v>
      </c>
      <c r="R35" s="8">
        <v>0.44</v>
      </c>
      <c r="S35" s="68">
        <v>0.44</v>
      </c>
      <c r="T35" s="8">
        <v>0.4</v>
      </c>
      <c r="U35" s="73">
        <v>0.39</v>
      </c>
      <c r="V35" s="68">
        <v>0.48</v>
      </c>
      <c r="W35" s="76">
        <v>0.48</v>
      </c>
      <c r="X35" s="76">
        <v>0.5</v>
      </c>
      <c r="Y35" s="76">
        <v>0.5</v>
      </c>
      <c r="Z35" s="76">
        <v>0.61</v>
      </c>
      <c r="AA35" s="76">
        <v>0.48</v>
      </c>
      <c r="AB35" s="76">
        <v>0.44</v>
      </c>
      <c r="AC35" s="76">
        <v>0.38</v>
      </c>
      <c r="AD35" s="76">
        <v>0.45</v>
      </c>
      <c r="AE35" s="76">
        <v>0.36</v>
      </c>
      <c r="AF35" s="76">
        <v>0.33</v>
      </c>
      <c r="AG35" s="76">
        <v>0.35</v>
      </c>
      <c r="AH35" s="76">
        <v>0.35</v>
      </c>
      <c r="AI35" s="76">
        <v>0.3</v>
      </c>
      <c r="AJ35" s="76">
        <v>0.31</v>
      </c>
      <c r="AK35" s="76">
        <v>0.28000000000000003</v>
      </c>
      <c r="AL35" s="76">
        <v>0.31</v>
      </c>
      <c r="AM35" s="76">
        <v>0.31</v>
      </c>
      <c r="AN35" s="76">
        <v>0.36</v>
      </c>
      <c r="AO35" s="76">
        <v>0.39</v>
      </c>
      <c r="AP35" s="17">
        <v>0.37</v>
      </c>
      <c r="AQ35" s="17">
        <v>0.37</v>
      </c>
      <c r="AR35" s="17">
        <v>0.32</v>
      </c>
      <c r="AS35" s="17">
        <v>0.47</v>
      </c>
      <c r="AT35" s="17">
        <v>0.46</v>
      </c>
      <c r="AU35" s="17">
        <v>0.43</v>
      </c>
      <c r="AV35" s="8">
        <v>0.43</v>
      </c>
      <c r="AW35" s="17">
        <v>0.46</v>
      </c>
      <c r="AX35" s="17">
        <v>0.44</v>
      </c>
      <c r="AY35" s="17">
        <v>0.47</v>
      </c>
      <c r="AZ35" s="40">
        <v>0.42</v>
      </c>
      <c r="BA35" s="17">
        <v>0.45</v>
      </c>
      <c r="BB35" s="17">
        <v>0.44</v>
      </c>
      <c r="BC35" s="17">
        <v>0.47</v>
      </c>
      <c r="BD35" s="17">
        <v>0.46</v>
      </c>
      <c r="BE35" s="17"/>
    </row>
    <row r="36" spans="3:57" x14ac:dyDescent="0.2">
      <c r="C36" s="16" t="s">
        <v>80</v>
      </c>
      <c r="D36" s="6" t="s">
        <v>58</v>
      </c>
      <c r="E36" s="8">
        <v>0.55000000000000004</v>
      </c>
      <c r="F36" s="17">
        <v>1.79</v>
      </c>
      <c r="G36" s="17">
        <v>1.36</v>
      </c>
      <c r="H36" s="8">
        <v>1.34</v>
      </c>
      <c r="I36" s="8">
        <v>1.57</v>
      </c>
      <c r="J36" s="8">
        <v>1.26</v>
      </c>
      <c r="K36" s="8">
        <v>1.39</v>
      </c>
      <c r="L36" s="8">
        <v>1.37</v>
      </c>
      <c r="M36" s="8">
        <v>1.1399999999999999</v>
      </c>
      <c r="N36" s="8">
        <v>1.59</v>
      </c>
      <c r="O36" s="8">
        <v>1.49</v>
      </c>
      <c r="P36" s="8">
        <v>1.28</v>
      </c>
      <c r="Q36" s="8">
        <v>1.27</v>
      </c>
      <c r="R36" s="8">
        <v>0.6</v>
      </c>
      <c r="S36" s="8">
        <v>0.57999999999999996</v>
      </c>
      <c r="T36" s="8">
        <v>0.33</v>
      </c>
      <c r="U36" s="73">
        <v>0.31</v>
      </c>
      <c r="V36" s="68">
        <v>0.36</v>
      </c>
      <c r="W36" s="76">
        <v>0.44</v>
      </c>
      <c r="X36" s="76">
        <v>0.31</v>
      </c>
      <c r="Y36" s="76">
        <v>0.26</v>
      </c>
      <c r="Z36" s="76">
        <v>0.23</v>
      </c>
      <c r="AA36" s="76">
        <v>0.23</v>
      </c>
      <c r="AB36" s="76">
        <v>0.26</v>
      </c>
      <c r="AC36" s="76">
        <v>0.28000000000000003</v>
      </c>
      <c r="AD36" s="76">
        <v>0.28000000000000003</v>
      </c>
      <c r="AE36" s="76">
        <v>0.27</v>
      </c>
      <c r="AF36" s="76">
        <v>0.21</v>
      </c>
      <c r="AG36" s="76">
        <v>0.17</v>
      </c>
      <c r="AH36" s="76">
        <v>0.17</v>
      </c>
      <c r="AI36" s="76">
        <v>0.35</v>
      </c>
      <c r="AJ36" s="76">
        <v>0.39</v>
      </c>
      <c r="AK36" s="76">
        <v>0.39</v>
      </c>
      <c r="AL36" s="76">
        <v>0.32</v>
      </c>
      <c r="AM36" s="76">
        <v>0.37</v>
      </c>
      <c r="AN36" s="76">
        <v>0.41</v>
      </c>
      <c r="AO36" s="76">
        <v>0.37</v>
      </c>
      <c r="AP36" s="17">
        <v>0.3</v>
      </c>
      <c r="AQ36" s="17">
        <v>0.28000000000000003</v>
      </c>
      <c r="AR36" s="17">
        <v>0.46</v>
      </c>
      <c r="AS36" s="17">
        <v>0.45</v>
      </c>
      <c r="AT36" s="17">
        <v>0.33</v>
      </c>
      <c r="AU36" s="17">
        <v>0.35</v>
      </c>
      <c r="AV36" s="8">
        <v>0.5</v>
      </c>
      <c r="AW36" s="17">
        <v>0.72</v>
      </c>
      <c r="AX36" s="17">
        <v>0.68</v>
      </c>
      <c r="AY36" s="17">
        <v>0.72</v>
      </c>
      <c r="AZ36" s="40">
        <v>0.84</v>
      </c>
      <c r="BA36" s="17">
        <v>0.96</v>
      </c>
      <c r="BB36" s="17">
        <v>0.75</v>
      </c>
      <c r="BC36" s="17">
        <v>1</v>
      </c>
      <c r="BD36" s="17">
        <v>0.54</v>
      </c>
      <c r="BE36" s="17"/>
    </row>
    <row r="37" spans="3:57" x14ac:dyDescent="0.2">
      <c r="C37" s="16" t="s">
        <v>81</v>
      </c>
      <c r="D37" s="6" t="s">
        <v>58</v>
      </c>
      <c r="E37" s="8">
        <v>0.09</v>
      </c>
      <c r="F37" s="17">
        <v>0.15</v>
      </c>
      <c r="G37" s="17">
        <v>0.2</v>
      </c>
      <c r="H37" s="8">
        <v>0.23</v>
      </c>
      <c r="I37" s="8">
        <v>0.25</v>
      </c>
      <c r="J37" s="8">
        <v>0.23</v>
      </c>
      <c r="K37" s="8">
        <v>0.23</v>
      </c>
      <c r="L37" s="8">
        <v>0.23</v>
      </c>
      <c r="M37" s="8">
        <v>0.27</v>
      </c>
      <c r="N37" s="8">
        <v>0.2</v>
      </c>
      <c r="O37" s="8">
        <v>0.2</v>
      </c>
      <c r="P37" s="8">
        <v>0.21</v>
      </c>
      <c r="Q37" s="8">
        <v>0.22</v>
      </c>
      <c r="R37" s="8">
        <v>0.22</v>
      </c>
      <c r="S37" s="8">
        <v>0.23</v>
      </c>
      <c r="T37" s="8">
        <v>0.21</v>
      </c>
      <c r="U37" s="73">
        <v>0.21</v>
      </c>
      <c r="V37" s="68" t="s">
        <v>90</v>
      </c>
      <c r="W37" s="76" t="s">
        <v>90</v>
      </c>
      <c r="X37" s="76" t="s">
        <v>90</v>
      </c>
      <c r="Y37" s="76" t="s">
        <v>90</v>
      </c>
      <c r="Z37" s="76" t="s">
        <v>90</v>
      </c>
      <c r="AA37" s="76" t="s">
        <v>90</v>
      </c>
      <c r="AB37" s="76" t="s">
        <v>90</v>
      </c>
      <c r="AC37" s="76" t="s">
        <v>90</v>
      </c>
      <c r="AD37" s="76" t="s">
        <v>90</v>
      </c>
      <c r="AE37" s="76" t="s">
        <v>90</v>
      </c>
      <c r="AF37" s="76" t="s">
        <v>90</v>
      </c>
      <c r="AG37" s="76" t="s">
        <v>90</v>
      </c>
      <c r="AH37" s="76">
        <v>0.24</v>
      </c>
      <c r="AI37" s="76">
        <v>0.28000000000000003</v>
      </c>
      <c r="AJ37" s="76">
        <v>0.27</v>
      </c>
      <c r="AK37" s="76">
        <v>0.27</v>
      </c>
      <c r="AL37" s="76">
        <v>0.23</v>
      </c>
      <c r="AM37" s="76">
        <v>0.16</v>
      </c>
      <c r="AN37" s="76">
        <v>0.16</v>
      </c>
      <c r="AO37" s="76">
        <v>0.17</v>
      </c>
      <c r="AP37" s="17">
        <v>0.16</v>
      </c>
      <c r="AQ37" s="17">
        <v>0.16</v>
      </c>
      <c r="AR37" s="17">
        <v>0.14000000000000001</v>
      </c>
      <c r="AS37" s="17">
        <v>0.22</v>
      </c>
      <c r="AT37" s="17">
        <v>0.21</v>
      </c>
      <c r="AU37" s="17">
        <v>0.22</v>
      </c>
      <c r="AV37" s="8">
        <v>0.23</v>
      </c>
      <c r="AW37" s="17">
        <v>0.24</v>
      </c>
      <c r="AX37" s="17">
        <v>0.25</v>
      </c>
      <c r="AY37" s="17">
        <v>0.23</v>
      </c>
      <c r="AZ37" s="40">
        <v>0.23</v>
      </c>
      <c r="BA37" s="17">
        <v>0.23</v>
      </c>
      <c r="BB37" s="17">
        <v>0.23</v>
      </c>
      <c r="BC37" s="17">
        <v>0.23</v>
      </c>
      <c r="BD37" s="17">
        <v>0.23</v>
      </c>
      <c r="BE37" s="17"/>
    </row>
    <row r="38" spans="3:57" x14ac:dyDescent="0.2">
      <c r="C38" s="16" t="s">
        <v>82</v>
      </c>
      <c r="D38" s="6" t="s">
        <v>58</v>
      </c>
      <c r="E38" s="8">
        <v>1.94</v>
      </c>
      <c r="F38" s="17">
        <v>2.13</v>
      </c>
      <c r="G38" s="17">
        <v>2.87</v>
      </c>
      <c r="H38" s="8">
        <v>1.99</v>
      </c>
      <c r="I38" s="8">
        <v>1.96</v>
      </c>
      <c r="J38" s="8">
        <v>2.17</v>
      </c>
      <c r="K38" s="8">
        <v>2.2599999999999998</v>
      </c>
      <c r="L38" s="8">
        <v>2.41</v>
      </c>
      <c r="M38" s="8">
        <v>2.57</v>
      </c>
      <c r="N38" s="8">
        <v>2.8</v>
      </c>
      <c r="O38" s="8">
        <v>2.68</v>
      </c>
      <c r="P38" s="8">
        <v>2.2400000000000002</v>
      </c>
      <c r="Q38" s="8">
        <v>1.95</v>
      </c>
      <c r="R38" s="8">
        <v>1.76</v>
      </c>
      <c r="S38" s="8">
        <v>1.62</v>
      </c>
      <c r="T38" s="8">
        <v>1.5</v>
      </c>
      <c r="U38" s="73">
        <v>1.2</v>
      </c>
      <c r="V38" s="68">
        <v>0.97</v>
      </c>
      <c r="W38" s="76">
        <v>0.88</v>
      </c>
      <c r="X38" s="76">
        <v>1</v>
      </c>
      <c r="Y38" s="76">
        <v>1.05</v>
      </c>
      <c r="Z38" s="76">
        <v>0.87</v>
      </c>
      <c r="AA38" s="76">
        <v>0.82</v>
      </c>
      <c r="AB38" s="76">
        <v>1.07</v>
      </c>
      <c r="AC38" s="76">
        <v>1.49</v>
      </c>
      <c r="AD38" s="76">
        <v>1.44</v>
      </c>
      <c r="AE38" s="76">
        <v>1.35</v>
      </c>
      <c r="AF38" s="76">
        <v>1.1000000000000001</v>
      </c>
      <c r="AG38" s="76">
        <v>0.99</v>
      </c>
      <c r="AH38" s="76">
        <v>1.06</v>
      </c>
      <c r="AI38" s="76">
        <v>1.63</v>
      </c>
      <c r="AJ38" s="76">
        <v>1.6</v>
      </c>
      <c r="AK38" s="76">
        <v>1.1299999999999999</v>
      </c>
      <c r="AL38" s="76">
        <v>1.07</v>
      </c>
      <c r="AM38" s="76">
        <v>1.01</v>
      </c>
      <c r="AN38" s="76">
        <v>1.48</v>
      </c>
      <c r="AO38" s="76">
        <v>1.83</v>
      </c>
      <c r="AP38" s="17">
        <v>2.16</v>
      </c>
      <c r="AQ38" s="17">
        <v>2.08</v>
      </c>
      <c r="AR38" s="17">
        <v>2.0499999999999998</v>
      </c>
      <c r="AS38" s="17">
        <v>1.76</v>
      </c>
      <c r="AT38" s="17">
        <v>1.99</v>
      </c>
      <c r="AU38" s="17">
        <v>2.5099999999999998</v>
      </c>
      <c r="AV38" s="8">
        <v>2.11</v>
      </c>
      <c r="AW38" s="17">
        <v>1.97</v>
      </c>
      <c r="AX38" s="17">
        <v>1.99</v>
      </c>
      <c r="AY38" s="17">
        <v>2.21</v>
      </c>
      <c r="AZ38" s="40">
        <v>2.57</v>
      </c>
      <c r="BA38" s="17">
        <v>2.68</v>
      </c>
      <c r="BB38" s="17">
        <v>2.37</v>
      </c>
      <c r="BC38" s="17">
        <v>2.2799999999999998</v>
      </c>
      <c r="BD38" s="17">
        <v>1.98</v>
      </c>
      <c r="BE38" s="17"/>
    </row>
    <row r="39" spans="3:57" x14ac:dyDescent="0.2">
      <c r="C39" s="16" t="s">
        <v>84</v>
      </c>
      <c r="D39" s="6" t="s">
        <v>85</v>
      </c>
      <c r="E39" s="8">
        <v>0.18</v>
      </c>
      <c r="F39" s="17">
        <v>0.19</v>
      </c>
      <c r="G39" s="17">
        <v>0.19</v>
      </c>
      <c r="H39" s="8">
        <v>0.28000000000000003</v>
      </c>
      <c r="I39" s="8">
        <v>0.38</v>
      </c>
      <c r="J39" s="8">
        <v>0.4</v>
      </c>
      <c r="K39" s="8">
        <v>0.47</v>
      </c>
      <c r="L39" s="8">
        <v>0.42</v>
      </c>
      <c r="M39" s="8">
        <v>0.46</v>
      </c>
      <c r="N39" s="8">
        <v>0.52</v>
      </c>
      <c r="O39" s="8">
        <v>0.53</v>
      </c>
      <c r="P39" s="8">
        <v>0.65</v>
      </c>
      <c r="Q39" s="8">
        <v>0.63</v>
      </c>
      <c r="R39" s="8">
        <v>0.72</v>
      </c>
      <c r="S39" s="8">
        <v>0.69</v>
      </c>
      <c r="T39" s="8">
        <v>0.65</v>
      </c>
      <c r="U39" s="73">
        <v>0.55000000000000004</v>
      </c>
      <c r="V39" s="68">
        <v>0.46</v>
      </c>
      <c r="W39" s="76">
        <v>0.39</v>
      </c>
      <c r="X39" s="76">
        <v>0.39</v>
      </c>
      <c r="Y39" s="76">
        <v>0.38</v>
      </c>
      <c r="Z39" s="76">
        <v>0.37</v>
      </c>
      <c r="AA39" s="76">
        <v>0.37</v>
      </c>
      <c r="AB39" s="76">
        <v>0.35</v>
      </c>
      <c r="AC39" s="76">
        <v>0.32</v>
      </c>
      <c r="AD39" s="76">
        <v>0.34</v>
      </c>
      <c r="AE39" s="76">
        <v>0.35</v>
      </c>
      <c r="AF39" s="76">
        <v>0.35</v>
      </c>
      <c r="AG39" s="76">
        <v>0.35</v>
      </c>
      <c r="AH39" s="76">
        <v>0.35</v>
      </c>
      <c r="AI39" s="76">
        <v>0.37</v>
      </c>
      <c r="AJ39" s="76">
        <v>0.37</v>
      </c>
      <c r="AK39" s="76">
        <v>0.3</v>
      </c>
      <c r="AL39" s="76">
        <v>0.31</v>
      </c>
      <c r="AM39" s="76">
        <v>0.3</v>
      </c>
      <c r="AN39" s="76">
        <v>0.36</v>
      </c>
      <c r="AO39" s="76">
        <v>0.38</v>
      </c>
      <c r="AP39" s="17">
        <v>0.39</v>
      </c>
      <c r="AQ39" s="17">
        <v>0.41</v>
      </c>
      <c r="AR39" s="17">
        <v>0.35</v>
      </c>
      <c r="AS39" s="17">
        <v>0.33</v>
      </c>
      <c r="AT39" s="17">
        <v>0.33</v>
      </c>
      <c r="AU39" s="17">
        <v>0.34</v>
      </c>
      <c r="AV39" s="8">
        <v>0.39</v>
      </c>
      <c r="AW39" s="17">
        <v>0.39</v>
      </c>
      <c r="AX39" s="17">
        <v>0.36</v>
      </c>
      <c r="AY39" s="17">
        <v>0.33</v>
      </c>
      <c r="AZ39" s="40">
        <v>0.28000000000000003</v>
      </c>
      <c r="BA39" s="17">
        <v>0.26</v>
      </c>
      <c r="BB39" s="17">
        <v>0.25</v>
      </c>
      <c r="BC39" s="17">
        <v>0.25</v>
      </c>
      <c r="BD39" s="17">
        <v>0.24</v>
      </c>
      <c r="BE39" s="17"/>
    </row>
    <row r="40" spans="3:57" x14ac:dyDescent="0.2">
      <c r="C40" s="16" t="s">
        <v>86</v>
      </c>
      <c r="D40" s="6" t="s">
        <v>58</v>
      </c>
      <c r="E40" s="8">
        <v>0.62</v>
      </c>
      <c r="F40" s="17">
        <v>0.73</v>
      </c>
      <c r="G40" s="17">
        <v>0.72</v>
      </c>
      <c r="H40" s="8">
        <v>0.73</v>
      </c>
      <c r="I40" s="8">
        <v>1.02</v>
      </c>
      <c r="J40" s="8">
        <v>1.19</v>
      </c>
      <c r="K40" s="8">
        <v>1.55</v>
      </c>
      <c r="L40" s="8">
        <v>1.84</v>
      </c>
      <c r="M40" s="8">
        <v>1.76</v>
      </c>
      <c r="N40" s="8">
        <v>1.95</v>
      </c>
      <c r="O40" s="8">
        <v>1.81</v>
      </c>
      <c r="P40" s="8">
        <v>1.82</v>
      </c>
      <c r="Q40" s="8">
        <v>1.81</v>
      </c>
      <c r="R40" s="8">
        <v>1.99</v>
      </c>
      <c r="S40" s="8">
        <v>1.71</v>
      </c>
      <c r="T40" s="8">
        <v>1.28</v>
      </c>
      <c r="U40" s="73">
        <v>0.91</v>
      </c>
      <c r="V40" s="68">
        <v>0.78</v>
      </c>
      <c r="W40" s="76">
        <v>0.73</v>
      </c>
      <c r="X40" s="76">
        <v>0.56000000000000005</v>
      </c>
      <c r="Y40" s="76">
        <v>0.39</v>
      </c>
      <c r="Z40" s="76">
        <v>0.36</v>
      </c>
      <c r="AA40" s="76">
        <v>0.33</v>
      </c>
      <c r="AB40" s="76">
        <v>0.35</v>
      </c>
      <c r="AC40" s="76">
        <v>0.36</v>
      </c>
      <c r="AD40" s="76">
        <v>0.4</v>
      </c>
      <c r="AE40" s="76">
        <v>0.46</v>
      </c>
      <c r="AF40" s="76">
        <v>0.47</v>
      </c>
      <c r="AG40" s="76">
        <v>0.38</v>
      </c>
      <c r="AH40" s="76">
        <v>0.37</v>
      </c>
      <c r="AI40" s="76">
        <v>0.38</v>
      </c>
      <c r="AJ40" s="76">
        <v>0.38</v>
      </c>
      <c r="AK40" s="76">
        <v>0.38</v>
      </c>
      <c r="AL40" s="76">
        <v>0.37</v>
      </c>
      <c r="AM40" s="76">
        <v>0.48</v>
      </c>
      <c r="AN40" s="76">
        <v>0.62</v>
      </c>
      <c r="AO40" s="76">
        <v>0.59</v>
      </c>
      <c r="AP40" s="17">
        <v>0.61</v>
      </c>
      <c r="AQ40" s="17">
        <v>0.7</v>
      </c>
      <c r="AR40" s="17">
        <v>0.7</v>
      </c>
      <c r="AS40" s="17">
        <v>0.65</v>
      </c>
      <c r="AT40" s="17">
        <v>0.6</v>
      </c>
      <c r="AU40" s="17">
        <v>0.52</v>
      </c>
      <c r="AV40" s="8">
        <v>0.56000000000000005</v>
      </c>
      <c r="AW40" s="17">
        <v>0.54</v>
      </c>
      <c r="AX40" s="17">
        <v>0.47</v>
      </c>
      <c r="AY40" s="17">
        <v>0.5</v>
      </c>
      <c r="AZ40" s="40">
        <v>0.69</v>
      </c>
      <c r="BA40" s="17">
        <v>0.88</v>
      </c>
      <c r="BB40" s="17">
        <v>0.82</v>
      </c>
      <c r="BC40" s="17">
        <v>0.77</v>
      </c>
      <c r="BD40" s="17">
        <v>0.78</v>
      </c>
      <c r="BE40" s="17"/>
    </row>
    <row r="41" spans="3:57" x14ac:dyDescent="0.2">
      <c r="C41" s="16" t="s">
        <v>104</v>
      </c>
      <c r="D41" s="6" t="s">
        <v>58</v>
      </c>
      <c r="E41" s="8">
        <v>0.52</v>
      </c>
      <c r="F41" s="17">
        <v>0.56000000000000005</v>
      </c>
      <c r="G41" s="17">
        <v>0.54</v>
      </c>
      <c r="H41" s="8">
        <v>0.6</v>
      </c>
      <c r="I41" s="8">
        <v>0.61</v>
      </c>
      <c r="J41" s="8">
        <v>0.6</v>
      </c>
      <c r="K41" s="8">
        <v>0.71</v>
      </c>
      <c r="L41" s="8">
        <v>0.82</v>
      </c>
      <c r="M41" s="8">
        <v>0.92</v>
      </c>
      <c r="N41" s="8">
        <v>1.07</v>
      </c>
      <c r="O41" s="8">
        <v>0.97</v>
      </c>
      <c r="P41" s="8">
        <v>1.06</v>
      </c>
      <c r="Q41" s="8">
        <v>1.1299999999999999</v>
      </c>
      <c r="R41" s="8">
        <v>0.99</v>
      </c>
      <c r="S41" s="8">
        <v>0.94</v>
      </c>
      <c r="T41" s="8">
        <v>0.97</v>
      </c>
      <c r="U41" s="73">
        <v>0.86</v>
      </c>
      <c r="V41" s="68">
        <v>0.74</v>
      </c>
      <c r="W41" s="76">
        <v>0.59</v>
      </c>
      <c r="X41" s="76">
        <v>0.52</v>
      </c>
      <c r="Y41" s="76">
        <v>0.6</v>
      </c>
      <c r="Z41" s="76">
        <v>0.51</v>
      </c>
      <c r="AA41" s="76">
        <v>0.41</v>
      </c>
      <c r="AB41" s="76">
        <v>0.34</v>
      </c>
      <c r="AC41" s="76">
        <v>0.47</v>
      </c>
      <c r="AD41" s="76">
        <v>0.63</v>
      </c>
      <c r="AE41" s="76">
        <v>0.56999999999999995</v>
      </c>
      <c r="AF41" s="76">
        <v>0.52</v>
      </c>
      <c r="AG41" s="76">
        <v>0.59</v>
      </c>
      <c r="AH41" s="76">
        <v>0.53</v>
      </c>
      <c r="AI41" s="76">
        <v>0.51</v>
      </c>
      <c r="AJ41" s="76">
        <v>0.5</v>
      </c>
      <c r="AK41" s="76">
        <v>0.52</v>
      </c>
      <c r="AL41" s="76">
        <v>0.49</v>
      </c>
      <c r="AM41" s="76">
        <v>0.47</v>
      </c>
      <c r="AN41" s="76">
        <v>0.47</v>
      </c>
      <c r="AO41" s="76">
        <v>0.54</v>
      </c>
      <c r="AP41" s="17">
        <v>0.6</v>
      </c>
      <c r="AQ41" s="17">
        <v>0.63</v>
      </c>
      <c r="AR41" s="17">
        <v>0.6</v>
      </c>
      <c r="AS41" s="17">
        <v>0.68</v>
      </c>
      <c r="AT41" s="17">
        <v>0.65</v>
      </c>
      <c r="AU41" s="17">
        <v>0.69</v>
      </c>
      <c r="AV41" s="8">
        <v>0.82</v>
      </c>
      <c r="AW41" s="17">
        <v>0.68</v>
      </c>
      <c r="AX41" s="17">
        <v>0.62</v>
      </c>
      <c r="AY41" s="17">
        <v>0.73</v>
      </c>
      <c r="AZ41" s="40">
        <v>0.8</v>
      </c>
      <c r="BA41" s="17">
        <v>0.8</v>
      </c>
      <c r="BB41" s="17">
        <v>0.57999999999999996</v>
      </c>
      <c r="BC41" s="17">
        <v>0.43</v>
      </c>
      <c r="BD41" s="17">
        <v>0.37</v>
      </c>
      <c r="BE41" s="17"/>
    </row>
    <row r="42" spans="3:57" x14ac:dyDescent="0.2">
      <c r="C42" s="16" t="s">
        <v>87</v>
      </c>
      <c r="D42" s="6" t="s">
        <v>58</v>
      </c>
      <c r="E42" s="8">
        <v>0.11</v>
      </c>
      <c r="F42" s="17">
        <v>0.14000000000000001</v>
      </c>
      <c r="G42" s="17">
        <v>0.14000000000000001</v>
      </c>
      <c r="H42" s="8">
        <v>0.15</v>
      </c>
      <c r="I42" s="8">
        <v>0.17</v>
      </c>
      <c r="J42" s="8">
        <v>0.17</v>
      </c>
      <c r="K42" s="8">
        <v>0.17</v>
      </c>
      <c r="L42" s="8">
        <v>0.17</v>
      </c>
      <c r="M42" s="8">
        <v>0.32</v>
      </c>
      <c r="N42" s="8">
        <v>0.41</v>
      </c>
      <c r="O42" s="8">
        <v>0.42</v>
      </c>
      <c r="P42" s="8">
        <v>0.44</v>
      </c>
      <c r="Q42" s="8">
        <v>0.44</v>
      </c>
      <c r="R42" s="8">
        <v>0.45</v>
      </c>
      <c r="S42" s="8">
        <v>0.43</v>
      </c>
      <c r="T42" s="8">
        <v>0.43</v>
      </c>
      <c r="U42" s="73">
        <v>0.43</v>
      </c>
      <c r="V42" s="68">
        <v>0.43</v>
      </c>
      <c r="W42" s="76">
        <v>0.38</v>
      </c>
      <c r="X42" s="76">
        <v>0.38</v>
      </c>
      <c r="Y42" s="76">
        <v>0.38</v>
      </c>
      <c r="Z42" s="76">
        <v>0.35</v>
      </c>
      <c r="AA42" s="76">
        <v>0.36</v>
      </c>
      <c r="AB42" s="76">
        <v>0.32</v>
      </c>
      <c r="AC42" s="76">
        <v>0.32</v>
      </c>
      <c r="AD42" s="76">
        <v>0.39</v>
      </c>
      <c r="AE42" s="76">
        <v>0.39</v>
      </c>
      <c r="AF42" s="76">
        <v>0.36</v>
      </c>
      <c r="AG42" s="76">
        <v>0.24</v>
      </c>
      <c r="AH42" s="76">
        <v>0.24</v>
      </c>
      <c r="AI42" s="76">
        <v>0.11</v>
      </c>
      <c r="AJ42" s="76">
        <v>0.11</v>
      </c>
      <c r="AK42" s="76">
        <v>0.1</v>
      </c>
      <c r="AL42" s="76">
        <v>0.1</v>
      </c>
      <c r="AM42" s="76">
        <v>0.1</v>
      </c>
      <c r="AN42" s="76">
        <v>0.11</v>
      </c>
      <c r="AO42" s="76">
        <v>0.11</v>
      </c>
      <c r="AP42" s="17">
        <v>0.12</v>
      </c>
      <c r="AQ42" s="17">
        <v>0.12</v>
      </c>
      <c r="AR42" s="17">
        <v>0.13</v>
      </c>
      <c r="AS42" s="17">
        <v>0.14000000000000001</v>
      </c>
      <c r="AT42" s="17">
        <v>0.14000000000000001</v>
      </c>
      <c r="AU42" s="17">
        <v>0.14000000000000001</v>
      </c>
      <c r="AV42" s="8">
        <v>0.17</v>
      </c>
      <c r="AW42" s="17">
        <v>0.17</v>
      </c>
      <c r="AX42" s="17">
        <v>0.17</v>
      </c>
      <c r="AY42" s="17">
        <v>0.17</v>
      </c>
      <c r="AZ42" s="40">
        <v>0.14000000000000001</v>
      </c>
      <c r="BA42" s="17">
        <v>0.14000000000000001</v>
      </c>
      <c r="BB42" s="17">
        <v>0.15</v>
      </c>
      <c r="BC42" s="17">
        <v>0.16</v>
      </c>
      <c r="BD42" s="17">
        <v>0.16</v>
      </c>
      <c r="BE42" s="17"/>
    </row>
    <row r="43" spans="3:57" x14ac:dyDescent="0.2">
      <c r="C43" s="16" t="s">
        <v>88</v>
      </c>
      <c r="D43" s="6" t="s">
        <v>58</v>
      </c>
      <c r="E43" s="8">
        <v>0.36</v>
      </c>
      <c r="F43" s="17">
        <v>0.37</v>
      </c>
      <c r="G43" s="17">
        <v>0.37</v>
      </c>
      <c r="H43" s="8">
        <v>0.36</v>
      </c>
      <c r="I43" s="8">
        <v>0.33</v>
      </c>
      <c r="J43" s="8">
        <v>0.31</v>
      </c>
      <c r="K43" s="8">
        <v>0.3</v>
      </c>
      <c r="L43" s="8">
        <v>0.31</v>
      </c>
      <c r="M43" s="8">
        <v>0.27</v>
      </c>
      <c r="N43" s="8">
        <v>0.25</v>
      </c>
      <c r="O43" s="8">
        <v>0.22</v>
      </c>
      <c r="P43" s="8">
        <v>0.22</v>
      </c>
      <c r="Q43" s="8">
        <v>0.24</v>
      </c>
      <c r="R43" s="8">
        <v>0.24</v>
      </c>
      <c r="S43" s="8">
        <v>0.25</v>
      </c>
      <c r="T43" s="8">
        <v>0.28000000000000003</v>
      </c>
      <c r="U43" s="73">
        <v>0.28999999999999998</v>
      </c>
      <c r="V43" s="68">
        <v>0.35</v>
      </c>
      <c r="W43" s="76">
        <v>0.37</v>
      </c>
      <c r="X43" s="76">
        <v>0.39</v>
      </c>
      <c r="Y43" s="76">
        <v>0.4</v>
      </c>
      <c r="Z43" s="76">
        <v>0.46</v>
      </c>
      <c r="AA43" s="76">
        <v>0.45</v>
      </c>
      <c r="AB43" s="76">
        <v>0.45</v>
      </c>
      <c r="AC43" s="76">
        <v>0.49</v>
      </c>
      <c r="AD43" s="76">
        <v>0.49</v>
      </c>
      <c r="AE43" s="76">
        <v>0.43</v>
      </c>
      <c r="AF43" s="76">
        <v>0.43</v>
      </c>
      <c r="AG43" s="76">
        <v>0.4</v>
      </c>
      <c r="AH43" s="76">
        <v>0.34</v>
      </c>
      <c r="AI43" s="76">
        <v>0.32</v>
      </c>
      <c r="AJ43" s="76">
        <v>0.41</v>
      </c>
      <c r="AK43" s="76">
        <v>0.41</v>
      </c>
      <c r="AL43" s="76">
        <v>0.47</v>
      </c>
      <c r="AM43" s="76">
        <v>0.38</v>
      </c>
      <c r="AN43" s="76">
        <v>0.36</v>
      </c>
      <c r="AO43" s="76">
        <v>0.39</v>
      </c>
      <c r="AP43" s="17">
        <v>0.49</v>
      </c>
      <c r="AQ43" s="17">
        <v>0.47</v>
      </c>
      <c r="AR43" s="17">
        <v>0.43</v>
      </c>
      <c r="AS43" s="17">
        <v>0.36</v>
      </c>
      <c r="AT43" s="17">
        <v>0.3</v>
      </c>
      <c r="AU43" s="17">
        <v>0.25</v>
      </c>
      <c r="AV43" s="8">
        <v>0.23</v>
      </c>
      <c r="AW43" s="17">
        <v>0.2</v>
      </c>
      <c r="AX43" s="17">
        <v>0.18</v>
      </c>
      <c r="AY43" s="17">
        <v>0.15</v>
      </c>
      <c r="AZ43" s="40">
        <v>0.14000000000000001</v>
      </c>
      <c r="BA43" s="17">
        <v>0.13</v>
      </c>
      <c r="BB43" s="17">
        <v>0.13</v>
      </c>
      <c r="BC43" s="17">
        <v>0.12</v>
      </c>
      <c r="BD43" s="17">
        <v>0.12</v>
      </c>
      <c r="BE43" s="17"/>
    </row>
    <row r="44" spans="3:57" x14ac:dyDescent="0.2">
      <c r="C44" s="18" t="s">
        <v>91</v>
      </c>
      <c r="D44" s="6" t="s">
        <v>58</v>
      </c>
      <c r="E44" s="8">
        <v>0.27</v>
      </c>
      <c r="F44" s="17">
        <v>0.26</v>
      </c>
      <c r="G44" s="17">
        <v>0.21</v>
      </c>
      <c r="H44" s="8">
        <v>0.21</v>
      </c>
      <c r="I44" s="8">
        <v>0.38</v>
      </c>
      <c r="J44" s="8">
        <v>0.42</v>
      </c>
      <c r="K44" s="8">
        <v>0.41</v>
      </c>
      <c r="L44" s="8">
        <v>0.42</v>
      </c>
      <c r="M44" s="8">
        <v>0.48</v>
      </c>
      <c r="N44" s="8">
        <v>0.48</v>
      </c>
      <c r="O44" s="8">
        <v>0.48</v>
      </c>
      <c r="P44" s="8">
        <v>0.48</v>
      </c>
      <c r="Q44" s="8">
        <v>0.48</v>
      </c>
      <c r="R44" s="8" t="s">
        <v>90</v>
      </c>
      <c r="S44" s="8" t="s">
        <v>90</v>
      </c>
      <c r="T44" s="8" t="s">
        <v>90</v>
      </c>
      <c r="U44" s="73" t="s">
        <v>90</v>
      </c>
      <c r="V44" s="68" t="s">
        <v>90</v>
      </c>
      <c r="W44" s="76" t="s">
        <v>90</v>
      </c>
      <c r="X44" s="76" t="s">
        <v>90</v>
      </c>
      <c r="Y44" s="76" t="s">
        <v>90</v>
      </c>
      <c r="Z44" s="76" t="s">
        <v>90</v>
      </c>
      <c r="AA44" s="76" t="s">
        <v>90</v>
      </c>
      <c r="AB44" s="76" t="s">
        <v>90</v>
      </c>
      <c r="AC44" s="76" t="s">
        <v>90</v>
      </c>
      <c r="AD44" s="76" t="s">
        <v>90</v>
      </c>
      <c r="AE44" s="76" t="s">
        <v>90</v>
      </c>
      <c r="AF44" s="76" t="s">
        <v>90</v>
      </c>
      <c r="AG44" s="76" t="s">
        <v>90</v>
      </c>
      <c r="AH44" s="76" t="s">
        <v>90</v>
      </c>
      <c r="AI44" s="76">
        <v>0.32</v>
      </c>
      <c r="AJ44" s="76">
        <v>0.36</v>
      </c>
      <c r="AK44" s="76">
        <v>0.34</v>
      </c>
      <c r="AL44" s="76">
        <v>0.34</v>
      </c>
      <c r="AM44" s="76">
        <v>0.28999999999999998</v>
      </c>
      <c r="AN44" s="76">
        <v>0.28000000000000003</v>
      </c>
      <c r="AO44" s="76">
        <v>0.28999999999999998</v>
      </c>
      <c r="AP44" s="17">
        <v>0.3</v>
      </c>
      <c r="AQ44" s="17">
        <v>0.28999999999999998</v>
      </c>
      <c r="AR44" s="17">
        <v>0.26</v>
      </c>
      <c r="AS44" s="17">
        <v>0.28000000000000003</v>
      </c>
      <c r="AT44" s="17">
        <v>0.27</v>
      </c>
      <c r="AU44" s="17">
        <v>0.27</v>
      </c>
      <c r="AV44" s="8">
        <v>0.23</v>
      </c>
      <c r="AW44" s="17">
        <v>0.23</v>
      </c>
      <c r="AX44" s="17">
        <v>0.21</v>
      </c>
      <c r="AY44" s="17">
        <v>0.19</v>
      </c>
      <c r="AZ44" s="40">
        <v>0.18</v>
      </c>
      <c r="BA44" s="17">
        <v>0.17</v>
      </c>
      <c r="BB44" s="17">
        <v>0.19</v>
      </c>
      <c r="BC44" s="17">
        <v>0.18</v>
      </c>
      <c r="BD44" s="17">
        <v>0.17</v>
      </c>
      <c r="BE44" s="17"/>
    </row>
    <row r="45" spans="3:57" x14ac:dyDescent="0.2">
      <c r="C45" s="18" t="s">
        <v>100</v>
      </c>
      <c r="D45" s="6" t="s">
        <v>58</v>
      </c>
      <c r="E45" s="8">
        <v>0.28000000000000003</v>
      </c>
      <c r="F45" s="17">
        <v>0.23</v>
      </c>
      <c r="G45" s="17">
        <v>0.23</v>
      </c>
      <c r="H45" s="8">
        <v>0.23</v>
      </c>
      <c r="I45" s="8">
        <v>0.25</v>
      </c>
      <c r="J45" s="8">
        <v>0.24</v>
      </c>
      <c r="K45" s="8">
        <v>0.24</v>
      </c>
      <c r="L45" s="8">
        <v>0.23</v>
      </c>
      <c r="M45" s="8">
        <v>0.26</v>
      </c>
      <c r="N45" s="8">
        <v>0.25</v>
      </c>
      <c r="O45" s="8">
        <v>0.25</v>
      </c>
      <c r="P45" s="8">
        <v>0.25</v>
      </c>
      <c r="Q45" s="8">
        <v>0.28999999999999998</v>
      </c>
      <c r="R45" s="8">
        <v>0.25</v>
      </c>
      <c r="S45" s="8">
        <v>0.26</v>
      </c>
      <c r="T45" s="8">
        <v>0.27</v>
      </c>
      <c r="U45" s="73">
        <v>0.26</v>
      </c>
      <c r="V45" s="68">
        <v>0.28999999999999998</v>
      </c>
      <c r="W45" s="76">
        <v>0.31</v>
      </c>
      <c r="X45" s="76">
        <v>0.31</v>
      </c>
      <c r="Y45" s="76">
        <v>0.3</v>
      </c>
      <c r="Z45" s="76">
        <v>0.39</v>
      </c>
      <c r="AA45" s="76">
        <v>0.39</v>
      </c>
      <c r="AB45" s="76">
        <v>0.39</v>
      </c>
      <c r="AC45" s="76">
        <v>0.39</v>
      </c>
      <c r="AD45" s="76">
        <v>0.39</v>
      </c>
      <c r="AE45" s="76" t="s">
        <v>90</v>
      </c>
      <c r="AF45" s="76" t="s">
        <v>90</v>
      </c>
      <c r="AG45" s="76" t="s">
        <v>90</v>
      </c>
      <c r="AH45" s="76" t="s">
        <v>90</v>
      </c>
      <c r="AI45" s="76">
        <v>0.23</v>
      </c>
      <c r="AJ45" s="76">
        <v>0.23</v>
      </c>
      <c r="AK45" s="76">
        <v>0.23</v>
      </c>
      <c r="AL45" s="76">
        <v>0.2</v>
      </c>
      <c r="AM45" s="76">
        <v>0.21</v>
      </c>
      <c r="AN45" s="76">
        <v>0.21</v>
      </c>
      <c r="AO45" s="76">
        <v>0.2</v>
      </c>
      <c r="AP45" s="17">
        <v>0.2</v>
      </c>
      <c r="AQ45" s="17">
        <v>0.21</v>
      </c>
      <c r="AR45" s="17">
        <v>0.21</v>
      </c>
      <c r="AS45" s="17">
        <v>0.19</v>
      </c>
      <c r="AT45" s="17">
        <v>0.19</v>
      </c>
      <c r="AU45" s="17">
        <v>0.2</v>
      </c>
      <c r="AV45" s="8">
        <v>0.18</v>
      </c>
      <c r="AW45" s="17">
        <v>0.17</v>
      </c>
      <c r="AX45" s="17">
        <v>0.15</v>
      </c>
      <c r="AY45" s="17">
        <v>0.15</v>
      </c>
      <c r="AZ45" s="40">
        <v>0.14000000000000001</v>
      </c>
      <c r="BA45" s="17">
        <v>0.14000000000000001</v>
      </c>
      <c r="BB45" s="17">
        <v>0.12</v>
      </c>
      <c r="BC45" s="17">
        <v>0.13</v>
      </c>
      <c r="BD45" s="17">
        <v>0.13</v>
      </c>
      <c r="BE45" s="17"/>
    </row>
    <row r="46" spans="3:57" x14ac:dyDescent="0.2">
      <c r="C46" s="16" t="s">
        <v>89</v>
      </c>
      <c r="D46" s="6" t="s">
        <v>58</v>
      </c>
      <c r="E46" s="8">
        <v>0.31</v>
      </c>
      <c r="F46" s="17">
        <v>0.31</v>
      </c>
      <c r="G46" s="17">
        <v>0.31</v>
      </c>
      <c r="H46" s="8">
        <v>0.31</v>
      </c>
      <c r="I46" s="8">
        <v>0.31</v>
      </c>
      <c r="J46" s="8">
        <v>0.31</v>
      </c>
      <c r="K46" s="8">
        <v>0.31</v>
      </c>
      <c r="L46" s="8">
        <v>0.31</v>
      </c>
      <c r="M46" s="8">
        <v>0.31</v>
      </c>
      <c r="N46" s="8">
        <v>0.3</v>
      </c>
      <c r="O46" s="8">
        <v>0.3</v>
      </c>
      <c r="P46" s="8">
        <v>0.3</v>
      </c>
      <c r="Q46" s="8">
        <v>0.3</v>
      </c>
      <c r="R46" s="8">
        <v>0.31</v>
      </c>
      <c r="S46" s="8">
        <v>0.31</v>
      </c>
      <c r="T46" s="8">
        <v>0.31</v>
      </c>
      <c r="U46" s="73">
        <v>0.31</v>
      </c>
      <c r="V46" s="68">
        <v>0.31</v>
      </c>
      <c r="W46" s="76">
        <v>0.31</v>
      </c>
      <c r="X46" s="76">
        <v>0.32</v>
      </c>
      <c r="Y46" s="76">
        <v>0.33</v>
      </c>
      <c r="Z46" s="76">
        <v>0.33</v>
      </c>
      <c r="AA46" s="76">
        <v>0.34</v>
      </c>
      <c r="AB46" s="76">
        <v>0.35</v>
      </c>
      <c r="AC46" s="76">
        <v>0.38</v>
      </c>
      <c r="AD46" s="76">
        <v>0.38</v>
      </c>
      <c r="AE46" s="76">
        <v>0.38</v>
      </c>
      <c r="AF46" s="76">
        <v>0.4</v>
      </c>
      <c r="AG46" s="76">
        <v>0.4</v>
      </c>
      <c r="AH46" s="76">
        <v>0.4</v>
      </c>
      <c r="AI46" s="76">
        <v>0.42</v>
      </c>
      <c r="AJ46" s="76">
        <v>0.4</v>
      </c>
      <c r="AK46" s="76">
        <v>0.42</v>
      </c>
      <c r="AL46" s="76">
        <v>0.38</v>
      </c>
      <c r="AM46" s="76">
        <v>0.39</v>
      </c>
      <c r="AN46" s="76">
        <v>0.38</v>
      </c>
      <c r="AO46" s="76">
        <v>0.35</v>
      </c>
      <c r="AP46" s="17">
        <v>0.34</v>
      </c>
      <c r="AQ46" s="17">
        <v>0.32</v>
      </c>
      <c r="AR46" s="17">
        <v>0.32</v>
      </c>
      <c r="AS46" s="17">
        <v>0.33</v>
      </c>
      <c r="AT46" s="17">
        <v>0.33</v>
      </c>
      <c r="AU46" s="17">
        <v>0.33</v>
      </c>
      <c r="AV46" s="8">
        <v>0.32</v>
      </c>
      <c r="AW46" s="17">
        <v>0.32</v>
      </c>
      <c r="AX46" s="17">
        <v>0.32</v>
      </c>
      <c r="AY46" s="17">
        <v>0.32</v>
      </c>
      <c r="AZ46" s="40">
        <v>0.31</v>
      </c>
      <c r="BA46" s="17">
        <v>0.31</v>
      </c>
      <c r="BB46" s="17">
        <v>0.31</v>
      </c>
      <c r="BC46" s="17">
        <v>0.31</v>
      </c>
      <c r="BD46" s="17">
        <v>0.32</v>
      </c>
      <c r="BE46" s="17"/>
    </row>
    <row r="47" spans="3:57" x14ac:dyDescent="0.2">
      <c r="C47" s="16" t="s">
        <v>95</v>
      </c>
      <c r="D47" s="6" t="s">
        <v>58</v>
      </c>
      <c r="E47" s="8">
        <v>0.53</v>
      </c>
      <c r="F47" s="17">
        <v>0.53</v>
      </c>
      <c r="G47" s="17">
        <v>0.53</v>
      </c>
      <c r="H47" s="8">
        <v>0.53</v>
      </c>
      <c r="I47" s="8">
        <v>0.53</v>
      </c>
      <c r="J47" s="8">
        <v>0.53</v>
      </c>
      <c r="K47" s="8">
        <v>0.53</v>
      </c>
      <c r="L47" s="8">
        <v>0.53</v>
      </c>
      <c r="M47" s="8">
        <v>0.53</v>
      </c>
      <c r="N47" s="8">
        <v>0.53</v>
      </c>
      <c r="O47" s="8">
        <v>0.53</v>
      </c>
      <c r="P47" s="8">
        <v>0.53</v>
      </c>
      <c r="Q47" s="8">
        <v>0.53</v>
      </c>
      <c r="R47" s="8">
        <v>0.53</v>
      </c>
      <c r="S47" s="8">
        <v>0.53</v>
      </c>
      <c r="T47" s="8">
        <v>0.53</v>
      </c>
      <c r="U47" s="73">
        <v>0.53</v>
      </c>
      <c r="V47" s="68" t="s">
        <v>90</v>
      </c>
      <c r="W47" s="76" t="s">
        <v>90</v>
      </c>
      <c r="X47" s="76" t="s">
        <v>90</v>
      </c>
      <c r="Y47" s="76" t="s">
        <v>90</v>
      </c>
      <c r="Z47" s="76" t="s">
        <v>90</v>
      </c>
      <c r="AA47" s="76" t="s">
        <v>90</v>
      </c>
      <c r="AB47" s="76" t="s">
        <v>90</v>
      </c>
      <c r="AC47" s="76" t="s">
        <v>90</v>
      </c>
      <c r="AD47" s="76" t="s">
        <v>90</v>
      </c>
      <c r="AE47" s="76" t="s">
        <v>90</v>
      </c>
      <c r="AF47" s="76" t="s">
        <v>90</v>
      </c>
      <c r="AG47" s="76" t="s">
        <v>90</v>
      </c>
      <c r="AH47" s="76" t="s">
        <v>90</v>
      </c>
      <c r="AI47" s="76">
        <v>0.6</v>
      </c>
      <c r="AJ47" s="76">
        <v>0.57999999999999996</v>
      </c>
      <c r="AK47" s="76">
        <v>0.46</v>
      </c>
      <c r="AL47" s="76">
        <v>0.44</v>
      </c>
      <c r="AM47" s="76">
        <v>0.46</v>
      </c>
      <c r="AN47" s="76">
        <v>0.43</v>
      </c>
      <c r="AO47" s="76">
        <v>0.45</v>
      </c>
      <c r="AP47" s="17">
        <v>0.45</v>
      </c>
      <c r="AQ47" s="17">
        <v>0.46</v>
      </c>
      <c r="AR47" s="17">
        <v>0.47</v>
      </c>
      <c r="AS47" s="17">
        <v>0.48</v>
      </c>
      <c r="AT47" s="17">
        <v>0.48</v>
      </c>
      <c r="AU47" s="17">
        <v>0.48</v>
      </c>
      <c r="AV47" s="8">
        <v>0.47</v>
      </c>
      <c r="AW47" s="17">
        <v>0.47</v>
      </c>
      <c r="AX47" s="17">
        <v>0.47</v>
      </c>
      <c r="AY47" s="17">
        <v>0.47</v>
      </c>
      <c r="AZ47" s="40">
        <v>0.47</v>
      </c>
      <c r="BA47" s="17">
        <v>0.47</v>
      </c>
      <c r="BB47" s="17">
        <v>0.47</v>
      </c>
      <c r="BC47" s="17">
        <v>0.47</v>
      </c>
      <c r="BD47" s="17">
        <v>0.47</v>
      </c>
      <c r="BE47" s="17"/>
    </row>
    <row r="48" spans="3:57" ht="13.5" thickBot="1" x14ac:dyDescent="0.25">
      <c r="C48" s="23" t="s">
        <v>96</v>
      </c>
      <c r="D48" s="6" t="s">
        <v>58</v>
      </c>
      <c r="E48" s="8">
        <v>0.26</v>
      </c>
      <c r="F48" s="17">
        <v>0.16</v>
      </c>
      <c r="G48" s="17">
        <v>0.16</v>
      </c>
      <c r="H48" s="8">
        <v>0.06</v>
      </c>
      <c r="I48" s="8">
        <v>7.0000000000000007E-2</v>
      </c>
      <c r="J48" s="8"/>
      <c r="K48" s="8">
        <v>0.13</v>
      </c>
      <c r="L48" s="8">
        <v>0.18</v>
      </c>
      <c r="M48" s="8">
        <v>0.28000000000000003</v>
      </c>
      <c r="N48" s="8">
        <v>0.34</v>
      </c>
      <c r="O48" s="8">
        <v>0.35</v>
      </c>
      <c r="P48" s="8">
        <v>0.3</v>
      </c>
      <c r="Q48" s="8">
        <v>0.3</v>
      </c>
      <c r="R48" s="8">
        <v>0.3</v>
      </c>
      <c r="S48" s="8">
        <v>0.3</v>
      </c>
      <c r="T48" s="8">
        <v>0.28999999999999998</v>
      </c>
      <c r="U48" s="73">
        <v>0.28999999999999998</v>
      </c>
      <c r="V48" s="75">
        <v>0.4</v>
      </c>
      <c r="W48" s="76">
        <v>0.44</v>
      </c>
      <c r="X48" s="76">
        <v>0.48</v>
      </c>
      <c r="Y48" s="76">
        <v>0.48</v>
      </c>
      <c r="Z48" s="76">
        <v>0.49</v>
      </c>
      <c r="AA48" s="76">
        <v>0.49</v>
      </c>
      <c r="AB48" s="76">
        <v>0.43</v>
      </c>
      <c r="AC48" s="76">
        <v>0.4</v>
      </c>
      <c r="AD48" s="76">
        <v>0.41</v>
      </c>
      <c r="AE48" s="76">
        <v>0.48</v>
      </c>
      <c r="AF48" s="76">
        <v>0.4</v>
      </c>
      <c r="AG48" s="76">
        <v>0.48</v>
      </c>
      <c r="AH48" s="76">
        <v>0.48</v>
      </c>
      <c r="AI48" s="76">
        <v>0.48</v>
      </c>
      <c r="AJ48" s="76">
        <v>0.49</v>
      </c>
      <c r="AK48" s="76">
        <v>0.53</v>
      </c>
      <c r="AL48" s="76">
        <v>0.44</v>
      </c>
      <c r="AM48" s="76">
        <v>0.45</v>
      </c>
      <c r="AN48" s="76">
        <v>0.36</v>
      </c>
      <c r="AO48" s="76">
        <v>0.31</v>
      </c>
      <c r="AP48" s="17">
        <v>0.31</v>
      </c>
      <c r="AQ48" s="17">
        <v>0.31</v>
      </c>
      <c r="AR48" s="17">
        <v>0.31</v>
      </c>
      <c r="AS48" s="17">
        <v>0.38</v>
      </c>
      <c r="AT48" s="17">
        <v>0.45</v>
      </c>
      <c r="AU48" s="17">
        <v>0.45</v>
      </c>
      <c r="AV48" s="8">
        <v>0.46</v>
      </c>
      <c r="AW48" s="17">
        <v>0.41</v>
      </c>
      <c r="AX48" s="17">
        <v>0.36</v>
      </c>
      <c r="AY48" s="17">
        <v>0.36</v>
      </c>
      <c r="AZ48" s="40">
        <v>0.33</v>
      </c>
      <c r="BA48" s="17">
        <v>0.34</v>
      </c>
      <c r="BB48" s="17">
        <v>0.34</v>
      </c>
      <c r="BC48" s="17">
        <v>0.39</v>
      </c>
      <c r="BD48" s="17">
        <v>0.39</v>
      </c>
      <c r="BE48" s="23"/>
    </row>
    <row r="49" spans="3:57" ht="13.5" thickTop="1" x14ac:dyDescent="0.2">
      <c r="C49" s="78"/>
      <c r="D49" s="64"/>
      <c r="E49" s="65"/>
      <c r="F49" s="65"/>
      <c r="G49" s="65"/>
      <c r="H49" s="65"/>
      <c r="I49" s="65"/>
      <c r="J49" s="65"/>
      <c r="K49" s="65"/>
      <c r="L49" s="65"/>
      <c r="M49" s="65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F49" s="65"/>
      <c r="AG49" s="65"/>
      <c r="AH49" s="65"/>
      <c r="AI49" s="65"/>
      <c r="AJ49" s="65"/>
      <c r="AK49" s="65"/>
      <c r="AL49" s="65"/>
      <c r="AM49" s="65"/>
      <c r="AN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1" spans="3:57" x14ac:dyDescent="0.2">
      <c r="C51" s="23" t="s">
        <v>105</v>
      </c>
      <c r="D51" s="6" t="s">
        <v>58</v>
      </c>
      <c r="E51" s="17">
        <v>4.6500000000000004</v>
      </c>
      <c r="F51" s="17">
        <v>4.55</v>
      </c>
      <c r="G51" s="17">
        <v>4.6900000000000004</v>
      </c>
      <c r="H51" s="17">
        <v>4.66</v>
      </c>
      <c r="I51" s="17">
        <v>4.72</v>
      </c>
      <c r="J51" s="17">
        <v>5.05</v>
      </c>
      <c r="K51" s="17">
        <v>5.0999999999999996</v>
      </c>
      <c r="L51" s="17">
        <v>4.76</v>
      </c>
      <c r="M51" s="17">
        <v>4.93</v>
      </c>
      <c r="N51" s="20">
        <v>4.78</v>
      </c>
      <c r="O51" s="20">
        <v>3.8</v>
      </c>
      <c r="P51" s="20">
        <v>3.84</v>
      </c>
      <c r="Q51" s="20">
        <v>4.8099999999999996</v>
      </c>
      <c r="R51" s="20">
        <v>4.9400000000000004</v>
      </c>
      <c r="S51" s="20">
        <v>4.8600000000000003</v>
      </c>
      <c r="T51" s="20">
        <v>4.8600000000000003</v>
      </c>
      <c r="U51" s="20">
        <v>4.8</v>
      </c>
      <c r="V51" s="20">
        <v>4.83</v>
      </c>
      <c r="W51" s="20">
        <v>4.82</v>
      </c>
      <c r="X51" s="20">
        <v>4.8</v>
      </c>
      <c r="Y51" s="77">
        <v>5</v>
      </c>
      <c r="Z51" s="17">
        <v>4.82</v>
      </c>
      <c r="AA51" s="17">
        <v>4</v>
      </c>
      <c r="AB51" s="17">
        <v>5.01</v>
      </c>
      <c r="AC51" s="62">
        <v>5.07</v>
      </c>
      <c r="AD51" s="62">
        <v>4.9000000000000004</v>
      </c>
      <c r="AE51" s="62">
        <v>4.9400000000000004</v>
      </c>
      <c r="AF51" s="62">
        <v>4.96</v>
      </c>
      <c r="AG51" s="62">
        <v>4.8099999999999996</v>
      </c>
      <c r="AH51" s="62">
        <v>4.87</v>
      </c>
      <c r="AI51" s="17">
        <v>4.54</v>
      </c>
      <c r="AJ51" s="17">
        <v>3.98</v>
      </c>
      <c r="AK51" s="17">
        <v>5.08</v>
      </c>
      <c r="AL51" s="17">
        <v>5.0599999999999996</v>
      </c>
      <c r="AM51" s="17">
        <v>5.08</v>
      </c>
      <c r="AN51" s="17">
        <v>4.92</v>
      </c>
      <c r="AO51" s="17">
        <v>5.32</v>
      </c>
      <c r="AP51" s="17">
        <v>5.47</v>
      </c>
      <c r="AQ51" s="17">
        <v>5.46</v>
      </c>
      <c r="AR51" s="17">
        <v>5.45</v>
      </c>
      <c r="AS51" s="17">
        <v>5.77</v>
      </c>
      <c r="AT51" s="17" t="s">
        <v>107</v>
      </c>
      <c r="AU51" s="17" t="s">
        <v>107</v>
      </c>
      <c r="AV51" s="17">
        <v>5.82</v>
      </c>
      <c r="AW51" s="17">
        <v>6.16</v>
      </c>
      <c r="AX51" s="17">
        <v>5.9</v>
      </c>
      <c r="AY51" s="17">
        <v>5.8</v>
      </c>
      <c r="AZ51" s="17">
        <v>6.24</v>
      </c>
      <c r="BA51" s="17">
        <v>6.1</v>
      </c>
      <c r="BB51" s="17">
        <v>5.65</v>
      </c>
      <c r="BC51" s="17">
        <v>5.52</v>
      </c>
      <c r="BD51" s="17">
        <v>5.03</v>
      </c>
      <c r="BE51" s="17"/>
    </row>
    <row r="53" spans="3:57" x14ac:dyDescent="0.2">
      <c r="C53" s="215" t="s">
        <v>108</v>
      </c>
      <c r="D53" s="216"/>
    </row>
    <row r="54" spans="3:57" x14ac:dyDescent="0.2">
      <c r="C54" s="216"/>
      <c r="D54" s="216"/>
    </row>
    <row r="55" spans="3:57" x14ac:dyDescent="0.2">
      <c r="C55" s="217"/>
      <c r="D55" s="217"/>
    </row>
    <row r="56" spans="3:57" x14ac:dyDescent="0.2">
      <c r="C56" s="1" t="s">
        <v>1</v>
      </c>
      <c r="E56" s="2">
        <v>2010</v>
      </c>
      <c r="F56" s="2"/>
      <c r="G56" s="2"/>
      <c r="H56" s="2"/>
      <c r="I56" s="2"/>
      <c r="J56" s="2"/>
      <c r="K56" s="2"/>
      <c r="L56" s="2"/>
      <c r="M56" s="2"/>
    </row>
    <row r="57" spans="3:57" x14ac:dyDescent="0.2">
      <c r="C57" s="3" t="s">
        <v>2</v>
      </c>
      <c r="D57" s="3" t="s">
        <v>3</v>
      </c>
      <c r="E57" s="4" t="s">
        <v>15</v>
      </c>
      <c r="F57" s="4" t="s">
        <v>16</v>
      </c>
      <c r="G57" s="4" t="s">
        <v>17</v>
      </c>
      <c r="H57" s="4" t="s">
        <v>18</v>
      </c>
      <c r="I57" s="4" t="s">
        <v>19</v>
      </c>
      <c r="J57" s="4" t="s">
        <v>20</v>
      </c>
      <c r="K57" s="4" t="s">
        <v>21</v>
      </c>
      <c r="L57" s="4" t="s">
        <v>22</v>
      </c>
      <c r="M57" s="4" t="s">
        <v>23</v>
      </c>
      <c r="N57" s="4" t="s">
        <v>24</v>
      </c>
      <c r="O57" s="4" t="s">
        <v>25</v>
      </c>
      <c r="P57" s="4" t="s">
        <v>26</v>
      </c>
      <c r="Q57" s="4" t="s">
        <v>27</v>
      </c>
      <c r="R57" s="4" t="s">
        <v>28</v>
      </c>
      <c r="S57" s="4" t="s">
        <v>29</v>
      </c>
      <c r="T57" s="4" t="s">
        <v>30</v>
      </c>
      <c r="U57" s="4" t="s">
        <v>31</v>
      </c>
      <c r="V57" s="4" t="s">
        <v>32</v>
      </c>
      <c r="W57" s="4" t="s">
        <v>33</v>
      </c>
      <c r="X57" s="4" t="s">
        <v>34</v>
      </c>
      <c r="Y57" s="4" t="s">
        <v>35</v>
      </c>
      <c r="Z57" s="4" t="s">
        <v>36</v>
      </c>
      <c r="AA57" s="4" t="s">
        <v>37</v>
      </c>
      <c r="AB57" s="4" t="s">
        <v>38</v>
      </c>
      <c r="AC57" s="4" t="s">
        <v>39</v>
      </c>
      <c r="AD57" s="4" t="s">
        <v>40</v>
      </c>
      <c r="AE57" s="4" t="s">
        <v>41</v>
      </c>
      <c r="AF57" s="4" t="s">
        <v>42</v>
      </c>
      <c r="AG57" s="4" t="s">
        <v>43</v>
      </c>
      <c r="AH57" s="4" t="s">
        <v>44</v>
      </c>
      <c r="AI57" s="4" t="s">
        <v>45</v>
      </c>
      <c r="AJ57" s="4" t="s">
        <v>46</v>
      </c>
      <c r="AK57" s="4" t="s">
        <v>47</v>
      </c>
      <c r="AL57" s="4" t="s">
        <v>48</v>
      </c>
      <c r="AM57" s="4" t="s">
        <v>49</v>
      </c>
      <c r="AN57" s="4" t="s">
        <v>50</v>
      </c>
      <c r="AO57" s="4" t="s">
        <v>51</v>
      </c>
      <c r="AP57" s="4" t="s">
        <v>52</v>
      </c>
      <c r="AQ57" s="4" t="s">
        <v>53</v>
      </c>
      <c r="AR57" s="4" t="s">
        <v>54</v>
      </c>
      <c r="AS57" s="4" t="s">
        <v>55</v>
      </c>
      <c r="AT57" s="4" t="s">
        <v>4</v>
      </c>
      <c r="AU57" s="4" t="s">
        <v>5</v>
      </c>
      <c r="AV57" s="4" t="s">
        <v>6</v>
      </c>
      <c r="AW57" s="4" t="s">
        <v>7</v>
      </c>
      <c r="AX57" s="4" t="s">
        <v>8</v>
      </c>
      <c r="AY57" s="4" t="s">
        <v>9</v>
      </c>
      <c r="AZ57" s="4" t="s">
        <v>10</v>
      </c>
      <c r="BA57" s="4" t="s">
        <v>11</v>
      </c>
      <c r="BB57" s="4" t="s">
        <v>12</v>
      </c>
      <c r="BC57" s="4" t="s">
        <v>13</v>
      </c>
      <c r="BD57" s="4" t="s">
        <v>14</v>
      </c>
      <c r="BE57" s="4" t="s">
        <v>56</v>
      </c>
    </row>
    <row r="58" spans="3:57" x14ac:dyDescent="0.2">
      <c r="C58" s="5" t="s">
        <v>57</v>
      </c>
      <c r="D58" s="6" t="s">
        <v>58</v>
      </c>
      <c r="E58" s="17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39"/>
      <c r="U58" s="39"/>
      <c r="V58" s="39"/>
      <c r="W58" s="23"/>
      <c r="X58" s="39"/>
      <c r="Y58" s="39"/>
      <c r="Z58" s="39"/>
      <c r="AA58" s="17"/>
      <c r="AB58" s="17"/>
      <c r="AC58" s="17"/>
      <c r="AD58" s="17"/>
      <c r="AE58" s="17"/>
      <c r="AF58" s="17"/>
      <c r="AG58" s="8"/>
      <c r="AH58" s="8"/>
      <c r="AI58" s="17"/>
      <c r="AJ58" s="17"/>
      <c r="AK58" s="17"/>
      <c r="AL58" s="17"/>
      <c r="AM58" s="17"/>
      <c r="AN58" s="17"/>
      <c r="AO58" s="17"/>
      <c r="AP58" s="17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  <c r="BE58" s="17"/>
    </row>
    <row r="59" spans="3:57" x14ac:dyDescent="0.2">
      <c r="C59" s="5" t="s">
        <v>59</v>
      </c>
      <c r="D59" s="6" t="s">
        <v>58</v>
      </c>
      <c r="E59" s="17"/>
      <c r="F59" s="17"/>
      <c r="G59" s="17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23"/>
      <c r="X59" s="39"/>
      <c r="Y59" s="39"/>
      <c r="Z59" s="39"/>
      <c r="AA59" s="17"/>
      <c r="AB59" s="17"/>
      <c r="AC59" s="17"/>
      <c r="AD59" s="17"/>
      <c r="AE59" s="17"/>
      <c r="AF59" s="17"/>
      <c r="AG59" s="8"/>
      <c r="AH59" s="8"/>
      <c r="AI59" s="17"/>
      <c r="AJ59" s="17"/>
      <c r="AK59" s="17"/>
      <c r="AL59" s="17"/>
      <c r="AM59" s="17"/>
      <c r="AN59" s="17"/>
      <c r="AO59" s="17"/>
      <c r="AP59" s="17"/>
      <c r="AQ59" s="17"/>
      <c r="AR59" s="17"/>
      <c r="AS59" s="17"/>
      <c r="AT59" s="17"/>
      <c r="AU59" s="17"/>
      <c r="AV59" s="17"/>
      <c r="AW59" s="17"/>
      <c r="AX59" s="17"/>
      <c r="AY59" s="17"/>
      <c r="AZ59" s="54"/>
      <c r="BA59" s="17"/>
      <c r="BB59" s="17"/>
      <c r="BC59" s="17"/>
      <c r="BD59" s="17"/>
      <c r="BE59" s="17"/>
    </row>
    <row r="60" spans="3:57" x14ac:dyDescent="0.2">
      <c r="C60" s="5" t="s">
        <v>60</v>
      </c>
      <c r="D60" s="6" t="s">
        <v>58</v>
      </c>
      <c r="E60" s="17"/>
      <c r="F60" s="17"/>
      <c r="G60" s="17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23"/>
      <c r="X60" s="39"/>
      <c r="Y60" s="39"/>
      <c r="Z60" s="39"/>
      <c r="AA60" s="17"/>
      <c r="AB60" s="17"/>
      <c r="AC60" s="17"/>
      <c r="AD60" s="17"/>
      <c r="AE60" s="17"/>
      <c r="AF60" s="17"/>
      <c r="AG60" s="8"/>
      <c r="AH60" s="8"/>
      <c r="AI60" s="17"/>
      <c r="AJ60" s="17"/>
      <c r="AK60" s="17"/>
      <c r="AL60" s="17"/>
      <c r="AM60" s="17"/>
      <c r="AN60" s="17"/>
      <c r="AO60" s="17"/>
      <c r="AP60" s="17"/>
      <c r="AQ60" s="17"/>
      <c r="AR60" s="17"/>
      <c r="AS60" s="17"/>
      <c r="AT60" s="17"/>
      <c r="AU60" s="17"/>
      <c r="AV60" s="17"/>
      <c r="AW60" s="17"/>
      <c r="AX60" s="17"/>
      <c r="AY60" s="17"/>
      <c r="AZ60" s="54"/>
      <c r="BA60" s="17"/>
      <c r="BB60" s="17"/>
      <c r="BC60" s="17"/>
      <c r="BD60" s="17"/>
      <c r="BE60" s="17"/>
    </row>
    <row r="61" spans="3:57" x14ac:dyDescent="0.2">
      <c r="C61" s="5" t="s">
        <v>61</v>
      </c>
      <c r="D61" s="6" t="s">
        <v>58</v>
      </c>
      <c r="E61" s="17"/>
      <c r="F61" s="17"/>
      <c r="G61" s="17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23"/>
      <c r="X61" s="39"/>
      <c r="Y61" s="39"/>
      <c r="Z61" s="39"/>
      <c r="AA61" s="17"/>
      <c r="AB61" s="17"/>
      <c r="AC61" s="17"/>
      <c r="AD61" s="17"/>
      <c r="AE61" s="17"/>
      <c r="AF61" s="17"/>
      <c r="AG61" s="8"/>
      <c r="AH61" s="8"/>
      <c r="AI61" s="17"/>
      <c r="AJ61" s="17"/>
      <c r="AK61" s="17"/>
      <c r="AL61" s="17"/>
      <c r="AM61" s="17"/>
      <c r="AN61" s="17"/>
      <c r="AO61" s="17"/>
      <c r="AP61" s="17"/>
      <c r="AQ61" s="17"/>
      <c r="AR61" s="17"/>
      <c r="AS61" s="17"/>
      <c r="AT61" s="17"/>
      <c r="AU61" s="17"/>
      <c r="AV61" s="17"/>
      <c r="AW61" s="17"/>
      <c r="AX61" s="17"/>
      <c r="AY61" s="17"/>
      <c r="AZ61" s="54"/>
      <c r="BA61" s="17"/>
      <c r="BB61" s="17"/>
      <c r="BC61" s="17"/>
      <c r="BD61" s="17"/>
      <c r="BE61" s="17"/>
    </row>
    <row r="62" spans="3:57" x14ac:dyDescent="0.2">
      <c r="C62" s="5" t="s">
        <v>62</v>
      </c>
      <c r="D62" s="6" t="s">
        <v>58</v>
      </c>
      <c r="E62" s="17"/>
      <c r="F62" s="17"/>
      <c r="G62" s="17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23"/>
      <c r="X62" s="39"/>
      <c r="Y62" s="39"/>
      <c r="Z62" s="39"/>
      <c r="AA62" s="17"/>
      <c r="AB62" s="17"/>
      <c r="AC62" s="17"/>
      <c r="AD62" s="17"/>
      <c r="AE62" s="17"/>
      <c r="AF62" s="17"/>
      <c r="AG62" s="8"/>
      <c r="AH62" s="8"/>
      <c r="AI62" s="17"/>
      <c r="AJ62" s="17"/>
      <c r="AK62" s="17"/>
      <c r="AL62" s="17"/>
      <c r="AM62" s="17"/>
      <c r="AN62" s="17"/>
      <c r="AO62" s="17"/>
      <c r="AP62" s="17"/>
      <c r="AQ62" s="17"/>
      <c r="AR62" s="17"/>
      <c r="AS62" s="17"/>
      <c r="AT62" s="17"/>
      <c r="AU62" s="17"/>
      <c r="AV62" s="17"/>
      <c r="AW62" s="17"/>
      <c r="AX62" s="17"/>
      <c r="AY62" s="17"/>
      <c r="AZ62" s="54"/>
      <c r="BA62" s="17"/>
      <c r="BB62" s="17"/>
      <c r="BC62" s="17"/>
      <c r="BD62" s="17"/>
      <c r="BE62" s="17"/>
    </row>
    <row r="63" spans="3:57" x14ac:dyDescent="0.2">
      <c r="C63" s="5" t="s">
        <v>75</v>
      </c>
      <c r="D63" s="20" t="s">
        <v>76</v>
      </c>
      <c r="E63" s="17"/>
      <c r="F63" s="17"/>
      <c r="G63" s="17"/>
      <c r="H63" s="8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39"/>
      <c r="W63" s="23"/>
      <c r="X63" s="39"/>
      <c r="Y63" s="39"/>
      <c r="Z63" s="39"/>
      <c r="AA63" s="17"/>
      <c r="AB63" s="17"/>
      <c r="AC63" s="17"/>
      <c r="AD63" s="17"/>
      <c r="AE63" s="17"/>
      <c r="AF63" s="17"/>
      <c r="AG63" s="8"/>
      <c r="AH63" s="8"/>
      <c r="AI63" s="17"/>
      <c r="AJ63" s="17"/>
      <c r="AK63" s="17"/>
      <c r="AL63" s="17"/>
      <c r="AM63" s="17"/>
      <c r="AN63" s="17"/>
      <c r="AO63" s="17"/>
      <c r="AP63" s="17"/>
      <c r="AQ63" s="17"/>
      <c r="AR63" s="17"/>
      <c r="AS63" s="17"/>
      <c r="AT63" s="17"/>
      <c r="AU63" s="17"/>
      <c r="AV63" s="17"/>
      <c r="AW63" s="17"/>
      <c r="AX63" s="17"/>
      <c r="AY63" s="17"/>
      <c r="AZ63" s="17"/>
      <c r="BA63" s="17"/>
      <c r="BB63" s="17"/>
      <c r="BC63" s="17"/>
      <c r="BD63" s="17"/>
      <c r="BE63" s="17"/>
    </row>
    <row r="64" spans="3:57" x14ac:dyDescent="0.2">
      <c r="C64" s="5" t="s">
        <v>63</v>
      </c>
      <c r="D64" s="6" t="s">
        <v>58</v>
      </c>
      <c r="E64" s="8">
        <v>8.94</v>
      </c>
      <c r="F64" s="17">
        <v>6.3789613918049213</v>
      </c>
      <c r="G64" s="17">
        <v>4.8861795694473198</v>
      </c>
      <c r="H64" s="8">
        <v>4.6066598639912462</v>
      </c>
      <c r="I64" s="8">
        <v>4.5767160350708886</v>
      </c>
      <c r="J64" s="8">
        <v>6.73</v>
      </c>
      <c r="K64" s="8">
        <v>6.6882833380111455</v>
      </c>
      <c r="L64" s="8">
        <v>6.55</v>
      </c>
      <c r="M64" s="8">
        <v>7.6136313777988907</v>
      </c>
      <c r="N64" s="8">
        <v>7.1371085945712389</v>
      </c>
      <c r="O64" s="8">
        <v>6.1122192169659328</v>
      </c>
      <c r="P64" s="8">
        <v>5.9182501463088366</v>
      </c>
      <c r="Q64" s="8">
        <v>6.9334959187608449</v>
      </c>
      <c r="R64" s="8">
        <v>6.79</v>
      </c>
      <c r="S64" s="8">
        <v>7.3879092251075953</v>
      </c>
      <c r="T64" s="8">
        <v>6.8838541762748973</v>
      </c>
      <c r="U64" s="8">
        <v>6.04</v>
      </c>
      <c r="V64" s="8">
        <v>5.5966249865185507</v>
      </c>
      <c r="W64" s="8">
        <v>6.15172024623803</v>
      </c>
      <c r="X64" s="8">
        <v>6.1963114208961461</v>
      </c>
      <c r="Y64" s="8">
        <v>5.2022450375129825</v>
      </c>
      <c r="Z64" s="39">
        <v>5.5385084231157027</v>
      </c>
      <c r="AA64" s="8">
        <v>6.2606999516719215</v>
      </c>
      <c r="AB64" s="8">
        <v>7.2490036863997487</v>
      </c>
      <c r="AC64" s="8">
        <v>6.2104403338246872</v>
      </c>
      <c r="AD64" s="8">
        <v>5.3807596742761694</v>
      </c>
      <c r="AE64" s="17">
        <v>4.92</v>
      </c>
      <c r="AF64" s="8">
        <v>5.4939629012685325</v>
      </c>
      <c r="AG64" s="8">
        <v>5.9436443712111968</v>
      </c>
      <c r="AH64" s="8">
        <v>5.5623857373674781</v>
      </c>
      <c r="AI64" s="8">
        <v>5.3935473880533165</v>
      </c>
      <c r="AJ64" s="8">
        <v>5.1493491370539592</v>
      </c>
      <c r="AK64" s="76">
        <v>5.7</v>
      </c>
      <c r="AL64" s="76">
        <v>5.5413592002362826</v>
      </c>
      <c r="AM64" s="8">
        <v>5.9203074729634881</v>
      </c>
      <c r="AN64" s="8">
        <v>5.4879875964341949</v>
      </c>
      <c r="AO64" s="17">
        <v>5.0320408769500897</v>
      </c>
      <c r="AP64" s="17">
        <v>4.9973530865707545</v>
      </c>
      <c r="AQ64" s="17">
        <v>5.33</v>
      </c>
      <c r="AR64" s="17">
        <v>5.42</v>
      </c>
      <c r="AS64" s="17">
        <v>5.84</v>
      </c>
      <c r="AT64" s="17">
        <v>5.5910270472170183</v>
      </c>
      <c r="AU64" s="17">
        <v>4.9062964306556678</v>
      </c>
      <c r="AV64" s="17">
        <v>4.4117605581302879</v>
      </c>
      <c r="AW64" s="17">
        <v>5.1110896014648626</v>
      </c>
      <c r="AX64" s="17">
        <v>6.842595570303887</v>
      </c>
      <c r="AY64" s="17">
        <v>5.7886175940635223</v>
      </c>
      <c r="AZ64" s="17">
        <v>5.2349972766117299</v>
      </c>
      <c r="BA64" s="17">
        <v>5.1673464404363916</v>
      </c>
      <c r="BB64" s="8">
        <v>5.2847282153351145</v>
      </c>
      <c r="BC64" s="8">
        <v>6.519277278335978</v>
      </c>
      <c r="BD64" s="17">
        <v>7.044593915849986</v>
      </c>
      <c r="BE64" s="17"/>
    </row>
    <row r="65" spans="3:57" x14ac:dyDescent="0.2">
      <c r="C65" s="5" t="s">
        <v>64</v>
      </c>
      <c r="D65" s="6" t="s">
        <v>58</v>
      </c>
      <c r="E65" s="8">
        <v>6.26</v>
      </c>
      <c r="F65" s="17">
        <v>4.2931706659146371</v>
      </c>
      <c r="G65" s="17">
        <v>3.3619394931111586</v>
      </c>
      <c r="H65" s="8">
        <v>2.7745957345217249</v>
      </c>
      <c r="I65" s="8">
        <v>3.0400733167497824</v>
      </c>
      <c r="J65" s="8">
        <v>3.8</v>
      </c>
      <c r="K65" s="8">
        <v>3.2769202962219155</v>
      </c>
      <c r="L65" s="8">
        <v>3.34</v>
      </c>
      <c r="M65" s="8">
        <v>4.6563593905311746</v>
      </c>
      <c r="N65" s="8">
        <v>4.5777960019174211</v>
      </c>
      <c r="O65" s="8">
        <v>3.7806902452937816</v>
      </c>
      <c r="P65" s="8">
        <v>3.1313089324015775</v>
      </c>
      <c r="Q65" s="8">
        <v>3.690380910393475</v>
      </c>
      <c r="R65" s="8">
        <v>3.77</v>
      </c>
      <c r="S65" s="8">
        <v>4.2726367251064792</v>
      </c>
      <c r="T65" s="8">
        <v>4.1129577065448526</v>
      </c>
      <c r="U65" s="8">
        <v>3.66</v>
      </c>
      <c r="V65" s="8">
        <v>2.9192078459600506</v>
      </c>
      <c r="W65" s="8">
        <v>3.6824096053340689</v>
      </c>
      <c r="X65" s="8">
        <v>3.7372311605347215</v>
      </c>
      <c r="Y65" s="8">
        <v>3.0776576556415884</v>
      </c>
      <c r="Z65" s="39">
        <v>3.181639838526555</v>
      </c>
      <c r="AA65" s="8">
        <v>3.4014573943192428</v>
      </c>
      <c r="AB65" s="8">
        <v>3.8777755572167392</v>
      </c>
      <c r="AC65" s="8">
        <v>3.5953482498892333</v>
      </c>
      <c r="AD65" s="8">
        <v>3.3907203458437229</v>
      </c>
      <c r="AE65" s="17">
        <v>3.34</v>
      </c>
      <c r="AF65" s="8">
        <v>3.9865595559080091</v>
      </c>
      <c r="AG65" s="8">
        <v>4.0022114904839974</v>
      </c>
      <c r="AH65" s="8">
        <v>4.1788369321533922</v>
      </c>
      <c r="AI65" s="8">
        <v>3.4843530794129385</v>
      </c>
      <c r="AJ65" s="8">
        <v>3.7897938364350354</v>
      </c>
      <c r="AK65" s="8">
        <v>3.92</v>
      </c>
      <c r="AL65" s="8">
        <v>3.7656375811270224</v>
      </c>
      <c r="AM65" s="8">
        <v>3.5291564294000413</v>
      </c>
      <c r="AN65" s="8">
        <v>3.0867034175334318</v>
      </c>
      <c r="AO65" s="17">
        <v>3.1245307513681611</v>
      </c>
      <c r="AP65" s="17">
        <v>3.4503522008591037</v>
      </c>
      <c r="AQ65" s="17">
        <v>3.23</v>
      </c>
      <c r="AR65" s="17">
        <v>3.47</v>
      </c>
      <c r="AS65" s="17">
        <v>3.88</v>
      </c>
      <c r="AT65" s="17">
        <v>3.7472166541492937</v>
      </c>
      <c r="AU65" s="17">
        <v>3.6870456513017591</v>
      </c>
      <c r="AV65" s="17">
        <v>3.3039729372493674</v>
      </c>
      <c r="AW65" s="17">
        <v>3.7246403364733673</v>
      </c>
      <c r="AX65" s="17">
        <v>4.5968750840618693</v>
      </c>
      <c r="AY65" s="17">
        <v>4.3680074370307995</v>
      </c>
      <c r="AZ65" s="17">
        <v>3.6478977846086971</v>
      </c>
      <c r="BA65" s="17">
        <v>3.820598478032688</v>
      </c>
      <c r="BB65" s="8">
        <v>4.202530948878568</v>
      </c>
      <c r="BC65" s="8">
        <v>4.6231543953242067</v>
      </c>
      <c r="BD65" s="17">
        <v>4.5874135600855954</v>
      </c>
      <c r="BE65" s="17"/>
    </row>
    <row r="66" spans="3:57" x14ac:dyDescent="0.2">
      <c r="C66" s="5" t="s">
        <v>65</v>
      </c>
      <c r="D66" s="6" t="s">
        <v>58</v>
      </c>
      <c r="E66" s="8">
        <v>2.1</v>
      </c>
      <c r="F66" s="17">
        <v>2.5988592957594503</v>
      </c>
      <c r="G66" s="17">
        <v>1.9483347752293274</v>
      </c>
      <c r="H66" s="8">
        <v>2.2419301145537021</v>
      </c>
      <c r="I66" s="8">
        <v>2.2160750855421072</v>
      </c>
      <c r="J66" s="8">
        <v>2.04</v>
      </c>
      <c r="K66" s="8">
        <v>2.3837673812981253</v>
      </c>
      <c r="L66" s="8">
        <v>2.66</v>
      </c>
      <c r="M66" s="8">
        <v>2.5992758811809997</v>
      </c>
      <c r="N66" s="8">
        <v>2.7815066649978095</v>
      </c>
      <c r="O66" s="8">
        <v>2.2241910346936877</v>
      </c>
      <c r="P66" s="8">
        <v>1.9959663324777515</v>
      </c>
      <c r="Q66" s="8">
        <v>2.2569094640290461</v>
      </c>
      <c r="R66" s="8">
        <v>2.2599999999999998</v>
      </c>
      <c r="S66" s="8">
        <v>2.2423857605644808</v>
      </c>
      <c r="T66" s="8">
        <v>2.2181537514408465</v>
      </c>
      <c r="U66" s="8">
        <v>2.5299999999999998</v>
      </c>
      <c r="V66" s="8">
        <v>2.235862955859834</v>
      </c>
      <c r="W66" s="8">
        <v>1.9174828014429048</v>
      </c>
      <c r="X66" s="8">
        <v>1.9578862521732361</v>
      </c>
      <c r="Y66" s="8">
        <v>2.5032817316577969</v>
      </c>
      <c r="Z66" s="39">
        <v>2.2433437356284078</v>
      </c>
      <c r="AA66" s="8">
        <v>2.5136155018395363</v>
      </c>
      <c r="AB66" s="8">
        <v>2.2756824775122699</v>
      </c>
      <c r="AC66" s="8">
        <v>2.5954178531073446</v>
      </c>
      <c r="AD66" s="8">
        <v>2.6402230561959734</v>
      </c>
      <c r="AE66" s="17">
        <v>3.01</v>
      </c>
      <c r="AF66" s="8">
        <v>2.9254256827672451</v>
      </c>
      <c r="AG66" s="8">
        <v>2.5726392182585731</v>
      </c>
      <c r="AH66" s="8">
        <v>2.5375417716941597</v>
      </c>
      <c r="AI66" s="8">
        <v>3.2416923251718455</v>
      </c>
      <c r="AJ66" s="8">
        <v>2.8507459769729864</v>
      </c>
      <c r="AK66" s="8">
        <v>2.6</v>
      </c>
      <c r="AL66" s="8">
        <v>2.7415518363001952</v>
      </c>
      <c r="AM66" s="8">
        <v>2.1899697753822367</v>
      </c>
      <c r="AN66" s="8">
        <v>2.4567245895278056</v>
      </c>
      <c r="AO66" s="17">
        <v>2.2984760902620791</v>
      </c>
      <c r="AP66" s="17">
        <v>2.0616202558736805</v>
      </c>
      <c r="AQ66" s="17">
        <v>2.2999999999999998</v>
      </c>
      <c r="AR66" s="17">
        <v>2.08</v>
      </c>
      <c r="AS66" s="17">
        <v>2.3199999999999998</v>
      </c>
      <c r="AT66" s="17">
        <v>2.1420999337416733</v>
      </c>
      <c r="AU66" s="17">
        <v>2.0042754999506291</v>
      </c>
      <c r="AV66" s="17">
        <v>2.3415699307245834</v>
      </c>
      <c r="AW66" s="17">
        <v>2.3855790018813878</v>
      </c>
      <c r="AX66" s="17">
        <v>2.1602769023803887</v>
      </c>
      <c r="AY66" s="17">
        <v>2.0075415920475486</v>
      </c>
      <c r="AZ66" s="17">
        <v>2.1422934702861332</v>
      </c>
      <c r="BA66" s="17">
        <v>2.4083484642655977</v>
      </c>
      <c r="BB66" s="8">
        <v>2.3943547485587442</v>
      </c>
      <c r="BC66" s="8">
        <v>2.2308913358802016</v>
      </c>
      <c r="BD66" s="17">
        <v>2.6501198287837546</v>
      </c>
      <c r="BE66" s="17"/>
    </row>
    <row r="67" spans="3:57" x14ac:dyDescent="0.2">
      <c r="C67" s="5" t="s">
        <v>66</v>
      </c>
      <c r="D67" s="6" t="s">
        <v>58</v>
      </c>
      <c r="E67" s="8">
        <v>3.18</v>
      </c>
      <c r="F67" s="17">
        <v>2.9820531981987295</v>
      </c>
      <c r="G67" s="17">
        <v>2.9740529932326001</v>
      </c>
      <c r="H67" s="8">
        <v>3.2903548851072495</v>
      </c>
      <c r="I67" s="8">
        <v>2.9562787577332927</v>
      </c>
      <c r="J67" s="8">
        <v>3.73</v>
      </c>
      <c r="K67" s="8">
        <v>4.1636289617848243</v>
      </c>
      <c r="L67" s="8">
        <v>3.45</v>
      </c>
      <c r="M67" s="8">
        <v>2.7437230865804239</v>
      </c>
      <c r="N67" s="8">
        <v>3.8377009383330059</v>
      </c>
      <c r="O67" s="8">
        <v>3.1265396364480709</v>
      </c>
      <c r="P67" s="8">
        <v>2.4239551728199653</v>
      </c>
      <c r="Q67" s="8">
        <v>2.4962802334004408</v>
      </c>
      <c r="R67" s="8">
        <v>3.51</v>
      </c>
      <c r="S67" s="8">
        <v>2.5332655863655269</v>
      </c>
      <c r="T67" s="8">
        <v>2.9055240782519252</v>
      </c>
      <c r="U67" s="8">
        <v>2.89</v>
      </c>
      <c r="V67" s="8">
        <v>2.8856360982637943</v>
      </c>
      <c r="W67" s="8">
        <v>2.5662455091451331</v>
      </c>
      <c r="X67" s="8">
        <v>2.3391868646404643</v>
      </c>
      <c r="Y67" s="8">
        <v>2.7473641353425782</v>
      </c>
      <c r="Z67" s="39">
        <v>2.7044940473189394</v>
      </c>
      <c r="AA67" s="8">
        <v>2.538331510920028</v>
      </c>
      <c r="AB67" s="8">
        <v>2.8511998053844931</v>
      </c>
      <c r="AC67" s="8">
        <v>2.8495093293702403</v>
      </c>
      <c r="AD67" s="8">
        <v>2.9126694414073508</v>
      </c>
      <c r="AE67" s="17">
        <v>2.15</v>
      </c>
      <c r="AF67" s="8">
        <v>2.2954554838029053</v>
      </c>
      <c r="AG67" s="8">
        <v>2.8545272711261651</v>
      </c>
      <c r="AH67" s="8">
        <v>3.8272197502008023</v>
      </c>
      <c r="AI67" s="8">
        <v>3.9692940053847425</v>
      </c>
      <c r="AJ67" s="8">
        <v>3.6091504972788639</v>
      </c>
      <c r="AK67" s="8">
        <v>3.68</v>
      </c>
      <c r="AL67" s="8">
        <v>4.5379177871316232</v>
      </c>
      <c r="AM67" s="8">
        <v>4.3636623645837007</v>
      </c>
      <c r="AN67" s="8">
        <v>2.9714201089872301</v>
      </c>
      <c r="AO67" s="17">
        <v>2.6175962055220383</v>
      </c>
      <c r="AP67" s="17">
        <v>2.6853625701591186</v>
      </c>
      <c r="AQ67" s="17">
        <v>3.16</v>
      </c>
      <c r="AR67" s="17">
        <v>2.76</v>
      </c>
      <c r="AS67" s="17">
        <v>2.84</v>
      </c>
      <c r="AT67" s="17">
        <v>3.0821784909980936</v>
      </c>
      <c r="AU67" s="17">
        <v>3.4256478279705012</v>
      </c>
      <c r="AV67" s="17">
        <v>3.1780847665514296</v>
      </c>
      <c r="AW67" s="17">
        <v>3.3658857658902952</v>
      </c>
      <c r="AX67" s="17">
        <v>2.9161087026327057</v>
      </c>
      <c r="AY67" s="17">
        <v>2.539964872678548</v>
      </c>
      <c r="AZ67" s="17">
        <v>3.1706779969567251</v>
      </c>
      <c r="BA67" s="17">
        <v>3.0358111554815492</v>
      </c>
      <c r="BB67" s="8">
        <v>3.204229050262914</v>
      </c>
      <c r="BC67" s="8">
        <v>3.0993029599102098</v>
      </c>
      <c r="BD67" s="17">
        <v>3.5495583892541238</v>
      </c>
      <c r="BE67" s="17"/>
    </row>
    <row r="68" spans="3:57" x14ac:dyDescent="0.2">
      <c r="C68" s="5" t="s">
        <v>67</v>
      </c>
      <c r="D68" s="6" t="s">
        <v>58</v>
      </c>
      <c r="E68" s="8">
        <v>7.43</v>
      </c>
      <c r="F68" s="17">
        <v>7.6580735410818548</v>
      </c>
      <c r="G68" s="17">
        <v>6.056011890246336</v>
      </c>
      <c r="H68" s="8">
        <v>6.3855737243491539</v>
      </c>
      <c r="I68" s="8">
        <v>5.8000947791025617</v>
      </c>
      <c r="J68" s="8">
        <v>6.45</v>
      </c>
      <c r="K68" s="8">
        <v>6.0389780809252827</v>
      </c>
      <c r="L68" s="8">
        <v>6.28</v>
      </c>
      <c r="M68" s="8">
        <v>5.835253785340857</v>
      </c>
      <c r="N68" s="8">
        <v>6.1128823547111804</v>
      </c>
      <c r="O68" s="8">
        <v>5.5683812296586552</v>
      </c>
      <c r="P68" s="8">
        <v>4.6604198921342483</v>
      </c>
      <c r="Q68" s="8">
        <v>5.3573584488947352</v>
      </c>
      <c r="R68" s="8">
        <v>6.6</v>
      </c>
      <c r="S68" s="8">
        <v>7.0941695650972374</v>
      </c>
      <c r="T68" s="8">
        <v>5.3209144460086248</v>
      </c>
      <c r="U68" s="8">
        <v>4.74</v>
      </c>
      <c r="V68" s="8">
        <v>4.4608951853961214</v>
      </c>
      <c r="W68" s="8">
        <v>5.1682242128812907</v>
      </c>
      <c r="X68" s="8">
        <v>5.3667884039231311</v>
      </c>
      <c r="Y68" s="8">
        <v>4.9157752370969234</v>
      </c>
      <c r="Z68" s="39">
        <v>4.6395687722434467</v>
      </c>
      <c r="AA68" s="8">
        <v>5.3564750378500534</v>
      </c>
      <c r="AB68" s="8">
        <v>5.4268192569847482</v>
      </c>
      <c r="AC68" s="8">
        <v>5.2578417084248139</v>
      </c>
      <c r="AD68" s="8">
        <v>4.5554330476122251</v>
      </c>
      <c r="AE68" s="17">
        <v>5.09</v>
      </c>
      <c r="AF68" s="8">
        <v>5.7795154785679932</v>
      </c>
      <c r="AG68" s="8">
        <v>5.5690983970660914</v>
      </c>
      <c r="AH68" s="8">
        <v>5.2486447930092739</v>
      </c>
      <c r="AI68" s="8">
        <v>4.9898118561028619</v>
      </c>
      <c r="AJ68" s="8">
        <v>5.2746719961573261</v>
      </c>
      <c r="AK68" s="8">
        <v>5.71</v>
      </c>
      <c r="AL68" s="8">
        <v>5.2630542664873978</v>
      </c>
      <c r="AM68" s="8">
        <v>6.0569643298926046</v>
      </c>
      <c r="AN68" s="8">
        <v>5.2970499587952427</v>
      </c>
      <c r="AO68" s="17">
        <v>5.1368492404428494</v>
      </c>
      <c r="AP68" s="17">
        <v>5.9575216627100342</v>
      </c>
      <c r="AQ68" s="17">
        <v>5.84</v>
      </c>
      <c r="AR68" s="17">
        <v>6.17</v>
      </c>
      <c r="AS68" s="17">
        <v>6.35</v>
      </c>
      <c r="AT68" s="17">
        <v>5.8952701287951133</v>
      </c>
      <c r="AU68" s="17">
        <v>5.9654680866433099</v>
      </c>
      <c r="AV68" s="17">
        <v>6.1263442364001275</v>
      </c>
      <c r="AW68" s="17">
        <v>6.4811863859694485</v>
      </c>
      <c r="AX68" s="17">
        <v>7.0911931551977103</v>
      </c>
      <c r="AY68" s="17">
        <v>7.1785671646964975</v>
      </c>
      <c r="AZ68" s="17">
        <v>6.6782972477905371</v>
      </c>
      <c r="BA68" s="17">
        <v>5.8309314890995436</v>
      </c>
      <c r="BB68" s="8">
        <v>6.5224113404297546</v>
      </c>
      <c r="BC68" s="8">
        <v>6.0323586392714024</v>
      </c>
      <c r="BD68" s="17">
        <v>6.8423868564912427</v>
      </c>
      <c r="BE68" s="17"/>
    </row>
    <row r="69" spans="3:57" x14ac:dyDescent="0.2">
      <c r="C69" s="5" t="s">
        <v>68</v>
      </c>
      <c r="D69" s="6" t="s">
        <v>58</v>
      </c>
      <c r="E69" s="8">
        <v>3.41</v>
      </c>
      <c r="F69" s="17">
        <v>2.8640624338279608</v>
      </c>
      <c r="G69" s="17">
        <v>3.2372749845373296</v>
      </c>
      <c r="H69" s="8">
        <v>3.260215699485407</v>
      </c>
      <c r="I69" s="8">
        <v>3.1592895701946806</v>
      </c>
      <c r="J69" s="8">
        <v>3.22</v>
      </c>
      <c r="K69" s="8">
        <v>3.0239004872529516</v>
      </c>
      <c r="L69" s="8">
        <v>2.72</v>
      </c>
      <c r="M69" s="8">
        <v>2.7011929056273263</v>
      </c>
      <c r="N69" s="8">
        <v>2.9723868153516024</v>
      </c>
      <c r="O69" s="8">
        <v>2.3776774355540677</v>
      </c>
      <c r="P69" s="8">
        <v>2.4227585795608571</v>
      </c>
      <c r="Q69" s="8">
        <v>2.454137663528333</v>
      </c>
      <c r="R69" s="8">
        <v>2.94</v>
      </c>
      <c r="S69" s="8">
        <v>2.647071227258682</v>
      </c>
      <c r="T69" s="8">
        <v>2.6414384456640261</v>
      </c>
      <c r="U69" s="8">
        <v>2.73</v>
      </c>
      <c r="V69" s="8">
        <v>2.9049009479235188</v>
      </c>
      <c r="W69" s="8">
        <v>2.3893654549756995</v>
      </c>
      <c r="X69" s="8">
        <v>2.3734618129907208</v>
      </c>
      <c r="Y69" s="8">
        <v>2.2858294647608211</v>
      </c>
      <c r="Z69" s="39">
        <v>2.1975675919159969</v>
      </c>
      <c r="AA69" s="8">
        <v>2.2502094240837698</v>
      </c>
      <c r="AB69" s="8">
        <v>2.4803379427890144</v>
      </c>
      <c r="AC69" s="8">
        <v>2.6402495990019603</v>
      </c>
      <c r="AD69" s="8">
        <v>2.5328459527535019</v>
      </c>
      <c r="AE69" s="17">
        <v>2.2799999999999998</v>
      </c>
      <c r="AF69" s="8">
        <v>2.4561712142475689</v>
      </c>
      <c r="AG69" s="8">
        <v>2.425859242293066</v>
      </c>
      <c r="AH69" s="8">
        <v>2.3846681047925977</v>
      </c>
      <c r="AI69" s="8">
        <v>2.401931309827313</v>
      </c>
      <c r="AJ69" s="8">
        <v>2.6286479488545553</v>
      </c>
      <c r="AK69" s="8">
        <v>2.4900000000000002</v>
      </c>
      <c r="AL69" s="8">
        <v>3.1041144306651636</v>
      </c>
      <c r="AM69" s="8">
        <v>2.5112683747219182</v>
      </c>
      <c r="AN69" s="8">
        <v>2.4928086824367437</v>
      </c>
      <c r="AO69" s="17">
        <v>2.3327927831495816</v>
      </c>
      <c r="AP69" s="17">
        <v>2.2907706708955553</v>
      </c>
      <c r="AQ69" s="17">
        <v>2.38</v>
      </c>
      <c r="AR69" s="17">
        <v>2.65</v>
      </c>
      <c r="AS69" s="17">
        <v>2.69</v>
      </c>
      <c r="AT69" s="17">
        <v>2.543469286095065</v>
      </c>
      <c r="AU69" s="17">
        <v>3.1785060924720412</v>
      </c>
      <c r="AV69" s="17">
        <v>2.5973526110229792</v>
      </c>
      <c r="AW69" s="17">
        <v>2.7878402484420093</v>
      </c>
      <c r="AX69" s="17">
        <v>2.8264456049185811</v>
      </c>
      <c r="AY69" s="17">
        <v>2.5697040221684175</v>
      </c>
      <c r="AZ69" s="17">
        <v>2.7583659569117276</v>
      </c>
      <c r="BA69" s="17">
        <v>2.8194664824854043</v>
      </c>
      <c r="BB69" s="8">
        <v>3.0766791522500503</v>
      </c>
      <c r="BC69" s="8">
        <v>3.0623680146427956</v>
      </c>
      <c r="BD69" s="17">
        <v>3.4542230284359237</v>
      </c>
      <c r="BE69" s="17"/>
    </row>
    <row r="70" spans="3:57" x14ac:dyDescent="0.2">
      <c r="C70" s="5" t="s">
        <v>69</v>
      </c>
      <c r="D70" s="6" t="s">
        <v>58</v>
      </c>
      <c r="E70" s="8">
        <v>3.17</v>
      </c>
      <c r="F70" s="17">
        <v>3.2284817731520303</v>
      </c>
      <c r="G70" s="17">
        <v>2.9872705480212196</v>
      </c>
      <c r="H70" s="8">
        <v>2.9436205593348448</v>
      </c>
      <c r="I70" s="8">
        <v>3.0288550337917455</v>
      </c>
      <c r="J70" s="8">
        <v>3.56</v>
      </c>
      <c r="K70" s="8">
        <v>3.0784681113279246</v>
      </c>
      <c r="L70" s="8">
        <v>1.98</v>
      </c>
      <c r="M70" s="8">
        <v>3.0121388788935999</v>
      </c>
      <c r="N70" s="8">
        <v>3.3259662067761089</v>
      </c>
      <c r="O70" s="8">
        <v>2.9431871848695539</v>
      </c>
      <c r="P70" s="8">
        <v>2.2784354941922476</v>
      </c>
      <c r="Q70" s="8">
        <v>2.3119449072633063</v>
      </c>
      <c r="R70" s="8">
        <v>1.95</v>
      </c>
      <c r="S70" s="8">
        <v>1.7066080505337959</v>
      </c>
      <c r="T70" s="8">
        <v>1.8637176004434275</v>
      </c>
      <c r="U70" s="8">
        <v>1.7</v>
      </c>
      <c r="V70" s="8">
        <v>1.8209856216892044</v>
      </c>
      <c r="W70" s="8">
        <v>1.9098776170523852</v>
      </c>
      <c r="X70" s="8">
        <v>1.8377864541405033</v>
      </c>
      <c r="Y70" s="8">
        <v>1.8740767011708808</v>
      </c>
      <c r="Z70" s="39">
        <v>1.586167588109247</v>
      </c>
      <c r="AA70" s="8">
        <v>1.7056965180033703</v>
      </c>
      <c r="AB70" s="8">
        <v>1.9547006643878486</v>
      </c>
      <c r="AC70" s="8">
        <v>1.7801542314790404</v>
      </c>
      <c r="AD70" s="8">
        <v>1.8662525906989822</v>
      </c>
      <c r="AE70" s="17">
        <v>1.9</v>
      </c>
      <c r="AF70" s="8">
        <v>1.7077189629271958</v>
      </c>
      <c r="AG70" s="8">
        <v>1.8340811019662198</v>
      </c>
      <c r="AH70" s="8">
        <v>1.8101565759212708</v>
      </c>
      <c r="AI70" s="8">
        <v>2.3218499795432956</v>
      </c>
      <c r="AJ70" s="8">
        <v>1.7303336840327839</v>
      </c>
      <c r="AK70" s="8">
        <v>1.63</v>
      </c>
      <c r="AL70" s="8">
        <v>1.7296121547627823</v>
      </c>
      <c r="AM70" s="8">
        <v>1.5077690276052531</v>
      </c>
      <c r="AN70" s="8">
        <v>1.3787931045147244</v>
      </c>
      <c r="AO70" s="17">
        <v>1.3911982290683607</v>
      </c>
      <c r="AP70" s="17">
        <v>1.3925439275645837</v>
      </c>
      <c r="AQ70" s="17">
        <v>1.73</v>
      </c>
      <c r="AR70" s="17">
        <v>1.87</v>
      </c>
      <c r="AS70" s="17">
        <v>1.77</v>
      </c>
      <c r="AT70" s="17">
        <v>1.768772749854433</v>
      </c>
      <c r="AU70" s="17">
        <v>1.8063036845556477</v>
      </c>
      <c r="AV70" s="17">
        <v>1.7765255918959539</v>
      </c>
      <c r="AW70" s="17">
        <v>1.8965959923505447</v>
      </c>
      <c r="AX70" s="17">
        <v>2.20549862034366</v>
      </c>
      <c r="AY70" s="17">
        <v>1.9857323244834837</v>
      </c>
      <c r="AZ70" s="17">
        <v>2.0902202848823301</v>
      </c>
      <c r="BA70" s="17">
        <v>2.0682905178003521</v>
      </c>
      <c r="BB70" s="8">
        <v>2.105244052957997</v>
      </c>
      <c r="BC70" s="8">
        <v>1.556736613809963</v>
      </c>
      <c r="BD70" s="17">
        <v>1.8125216124140919</v>
      </c>
      <c r="BE70" s="17"/>
    </row>
    <row r="71" spans="3:57" x14ac:dyDescent="0.2">
      <c r="C71" s="5" t="s">
        <v>70</v>
      </c>
      <c r="D71" s="6" t="s">
        <v>58</v>
      </c>
      <c r="E71" s="8">
        <v>2.57</v>
      </c>
      <c r="F71" s="17">
        <v>2.449342196208768</v>
      </c>
      <c r="G71" s="17">
        <v>2.4559956575682378</v>
      </c>
      <c r="H71" s="8">
        <v>2.2333563075532457</v>
      </c>
      <c r="I71" s="8">
        <v>1.7898883002543238</v>
      </c>
      <c r="J71" s="8">
        <v>1.63</v>
      </c>
      <c r="K71" s="8">
        <v>1.8668796333060256</v>
      </c>
      <c r="L71" s="8">
        <v>1.63</v>
      </c>
      <c r="M71" s="8">
        <v>1.5511158511125311</v>
      </c>
      <c r="N71" s="8">
        <v>1.8318643962205376</v>
      </c>
      <c r="O71" s="8">
        <v>1.9354985853931252</v>
      </c>
      <c r="P71" s="8">
        <v>2.0219248031390258</v>
      </c>
      <c r="Q71" s="8">
        <v>2.0389129963115642</v>
      </c>
      <c r="R71" s="8">
        <v>2.06</v>
      </c>
      <c r="S71" s="8">
        <v>2.1519883345484847</v>
      </c>
      <c r="T71" s="8">
        <v>2.1662693655283043</v>
      </c>
      <c r="U71" s="8">
        <v>2.2400000000000002</v>
      </c>
      <c r="V71" s="8">
        <v>2.5850505525511402</v>
      </c>
      <c r="W71" s="8">
        <v>2.6564757709251103</v>
      </c>
      <c r="X71" s="8">
        <v>2.3084621110087191</v>
      </c>
      <c r="Y71" s="8">
        <v>2.6788114714501945</v>
      </c>
      <c r="Z71" s="39">
        <v>2.3311814642484094</v>
      </c>
      <c r="AA71" s="8">
        <v>2.5500267170133943</v>
      </c>
      <c r="AB71" s="8">
        <v>2.6968133812551836</v>
      </c>
      <c r="AC71" s="8">
        <v>2.5206808757671255</v>
      </c>
      <c r="AD71" s="8">
        <v>2.6269887985090565</v>
      </c>
      <c r="AE71" s="17">
        <v>2.97</v>
      </c>
      <c r="AF71" s="8">
        <v>2.9176383834849542</v>
      </c>
      <c r="AG71" s="8">
        <v>2.7649609212171735</v>
      </c>
      <c r="AH71" s="8">
        <v>2.9161609873307119</v>
      </c>
      <c r="AI71" s="8">
        <v>2.7359492929461968</v>
      </c>
      <c r="AJ71" s="8">
        <v>2.1464018744999427</v>
      </c>
      <c r="AK71" s="8">
        <v>2.99</v>
      </c>
      <c r="AL71" s="8">
        <v>2.3193877422205387</v>
      </c>
      <c r="AM71" s="8">
        <v>2.9424675020494204</v>
      </c>
      <c r="AN71" s="8">
        <v>3.089402407328897</v>
      </c>
      <c r="AO71" s="17">
        <v>2.6211846240246626</v>
      </c>
      <c r="AP71" s="17">
        <v>2.5701614508679729</v>
      </c>
      <c r="AQ71" s="17">
        <v>2.76</v>
      </c>
      <c r="AR71" s="17">
        <v>2.09</v>
      </c>
      <c r="AS71" s="17">
        <v>2.19</v>
      </c>
      <c r="AT71" s="17">
        <v>2.3797203807908733</v>
      </c>
      <c r="AU71" s="17">
        <v>2.6344554769617239</v>
      </c>
      <c r="AV71" s="17">
        <v>1.9958006759842879</v>
      </c>
      <c r="AW71" s="17">
        <v>2.3426093350383632</v>
      </c>
      <c r="AX71" s="17">
        <v>2.5743199325950892</v>
      </c>
      <c r="AY71" s="17">
        <v>2.2525874383103943</v>
      </c>
      <c r="AZ71" s="17">
        <v>2.3791681619027747</v>
      </c>
      <c r="BA71" s="17">
        <v>2.3432060264447139</v>
      </c>
      <c r="BB71" s="8">
        <v>2.756922514118481</v>
      </c>
      <c r="BC71" s="8">
        <v>2.1669400063792152</v>
      </c>
      <c r="BD71" s="17">
        <v>2.1314445704564786</v>
      </c>
      <c r="BE71" s="17"/>
    </row>
    <row r="72" spans="3:57" x14ac:dyDescent="0.2">
      <c r="C72" s="5" t="s">
        <v>101</v>
      </c>
      <c r="D72" s="6" t="s">
        <v>58</v>
      </c>
      <c r="E72" s="8">
        <v>5.88</v>
      </c>
      <c r="F72" s="17">
        <v>6.5189769710105665</v>
      </c>
      <c r="G72" s="17">
        <v>7.3626864306467237</v>
      </c>
      <c r="H72" s="8">
        <v>6.5765119250425892</v>
      </c>
      <c r="I72" s="8">
        <v>6.2667121198528744</v>
      </c>
      <c r="J72" s="8">
        <v>7.53</v>
      </c>
      <c r="K72" s="8">
        <v>7.3637429903384906</v>
      </c>
      <c r="L72" s="8">
        <v>7.58</v>
      </c>
      <c r="M72" s="8">
        <v>7.2054591583686243</v>
      </c>
      <c r="N72" s="8">
        <v>7.3760576534325217</v>
      </c>
      <c r="O72" s="8">
        <v>7.7224386355432557</v>
      </c>
      <c r="P72" s="8">
        <v>7.469700504674444</v>
      </c>
      <c r="Q72" s="8">
        <v>7.5421799148740361</v>
      </c>
      <c r="R72" s="8">
        <v>8.32</v>
      </c>
      <c r="S72" s="8">
        <v>7.6911474452554742</v>
      </c>
      <c r="T72" s="8">
        <v>8.1414964005928425</v>
      </c>
      <c r="U72" s="8">
        <v>7.88</v>
      </c>
      <c r="V72" s="8">
        <v>7.7598015146471369</v>
      </c>
      <c r="W72" s="8">
        <v>6.9483182314761258</v>
      </c>
      <c r="X72" s="8">
        <v>6.7381948894272092</v>
      </c>
      <c r="Y72" s="8">
        <v>7.0750123017157653</v>
      </c>
      <c r="Z72" s="39">
        <v>7.2940745112504617</v>
      </c>
      <c r="AA72" s="8">
        <v>7.8681619502112516</v>
      </c>
      <c r="AB72" s="8">
        <v>8.4307126948775046</v>
      </c>
      <c r="AC72" s="8">
        <v>8.6137857995226721</v>
      </c>
      <c r="AD72" s="8">
        <v>7.295816646775406</v>
      </c>
      <c r="AE72" s="17">
        <v>6.47</v>
      </c>
      <c r="AF72" s="8">
        <v>5.603648308937581</v>
      </c>
      <c r="AG72" s="8">
        <v>5.336197193872672</v>
      </c>
      <c r="AH72" s="8">
        <v>5.0563184797111678</v>
      </c>
      <c r="AI72" s="8">
        <v>5.5619490195718608</v>
      </c>
      <c r="AJ72" s="8">
        <v>5.6223238161627309</v>
      </c>
      <c r="AK72" s="8">
        <v>5.76</v>
      </c>
      <c r="AL72" s="8">
        <v>5.332389254040427</v>
      </c>
      <c r="AM72" s="8">
        <v>7.3659088911326247</v>
      </c>
      <c r="AN72" s="8">
        <v>7.5952054323315465</v>
      </c>
      <c r="AO72" s="17">
        <v>6.8283817364050812</v>
      </c>
      <c r="AP72" s="17">
        <v>6.8255442240672908</v>
      </c>
      <c r="AQ72" s="17">
        <v>6.37</v>
      </c>
      <c r="AR72" s="17">
        <v>6.55</v>
      </c>
      <c r="AS72" s="17">
        <v>6.33</v>
      </c>
      <c r="AT72" s="17">
        <v>6.2023760265889551</v>
      </c>
      <c r="AU72" s="17">
        <v>5.1721180915520542</v>
      </c>
      <c r="AV72" s="17">
        <v>5.6475374714723356</v>
      </c>
      <c r="AW72" s="17">
        <v>6.3277258117621233</v>
      </c>
      <c r="AX72" s="17">
        <v>6.2544120839842199</v>
      </c>
      <c r="AY72" s="17">
        <v>6.1728774726056637</v>
      </c>
      <c r="AZ72" s="17">
        <v>6.2997232288220157</v>
      </c>
      <c r="BA72" s="17">
        <v>5.9122616801374299</v>
      </c>
      <c r="BB72" s="8">
        <v>6.3403508841487586</v>
      </c>
      <c r="BC72" s="8">
        <v>6.7870077231287382</v>
      </c>
      <c r="BD72" s="17">
        <v>6.8318451565299885</v>
      </c>
      <c r="BE72" s="17"/>
    </row>
    <row r="73" spans="3:57" x14ac:dyDescent="0.2">
      <c r="C73" s="5" t="s">
        <v>71</v>
      </c>
      <c r="D73" s="6" t="s">
        <v>58</v>
      </c>
      <c r="E73" s="8">
        <v>2.57</v>
      </c>
      <c r="F73" s="17">
        <v>2.597762674384573</v>
      </c>
      <c r="G73" s="17">
        <v>2.5872270618848288</v>
      </c>
      <c r="H73" s="8">
        <v>2.6268084915264387</v>
      </c>
      <c r="I73" s="8">
        <v>2.5794044912946821</v>
      </c>
      <c r="J73" s="8">
        <v>2.58</v>
      </c>
      <c r="K73" s="8">
        <v>2.5696909404430293</v>
      </c>
      <c r="L73" s="8">
        <v>2.6</v>
      </c>
      <c r="M73" s="8">
        <v>2.5872590535693623</v>
      </c>
      <c r="N73" s="8">
        <v>2.5843697090965057</v>
      </c>
      <c r="O73" s="8">
        <v>2.5904231020230584</v>
      </c>
      <c r="P73" s="8">
        <v>2.587774717553819</v>
      </c>
      <c r="Q73" s="8">
        <v>2.5676957452165157</v>
      </c>
      <c r="R73" s="8">
        <v>2.59</v>
      </c>
      <c r="S73" s="8">
        <v>2.5795890542027462</v>
      </c>
      <c r="T73" s="8">
        <v>2.5822590335593509</v>
      </c>
      <c r="U73" s="8">
        <v>2.59</v>
      </c>
      <c r="V73" s="8">
        <v>2.5982158091013234</v>
      </c>
      <c r="W73" s="8">
        <v>2.5994872077635645</v>
      </c>
      <c r="X73" s="8">
        <v>2.6079606514011737</v>
      </c>
      <c r="Y73" s="8">
        <v>2.6153967993882792</v>
      </c>
      <c r="Z73" s="39">
        <v>2.5999457158366908</v>
      </c>
      <c r="AA73" s="8">
        <v>2.583377287405813</v>
      </c>
      <c r="AB73" s="8">
        <v>2.6066419771016385</v>
      </c>
      <c r="AC73" s="8">
        <v>2.5792081384658432</v>
      </c>
      <c r="AD73" s="8">
        <v>2.6223654916512062</v>
      </c>
      <c r="AE73" s="17">
        <v>2.62</v>
      </c>
      <c r="AF73" s="8">
        <v>2.6001758573043587</v>
      </c>
      <c r="AG73" s="8">
        <v>2.5675286494270115</v>
      </c>
      <c r="AH73" s="8">
        <v>2.589352104297824</v>
      </c>
      <c r="AI73" s="8">
        <v>2.5864149186122813</v>
      </c>
      <c r="AJ73" s="8">
        <v>2.6295260352004677</v>
      </c>
      <c r="AK73" s="8">
        <v>2.71</v>
      </c>
      <c r="AL73" s="8">
        <v>2.6288194247461281</v>
      </c>
      <c r="AM73" s="8">
        <v>2.6583240915069766</v>
      </c>
      <c r="AN73" s="8">
        <v>2.6328487383971764</v>
      </c>
      <c r="AO73" s="17">
        <v>2.585543811796795</v>
      </c>
      <c r="AP73" s="17">
        <v>2.5654925099824513</v>
      </c>
      <c r="AQ73" s="17">
        <v>2.54</v>
      </c>
      <c r="AR73" s="17">
        <v>2.4900000000000002</v>
      </c>
      <c r="AS73" s="17">
        <v>2.4700000000000002</v>
      </c>
      <c r="AT73" s="17">
        <v>2.3703014971020786</v>
      </c>
      <c r="AU73" s="17">
        <v>2.624427871843293</v>
      </c>
      <c r="AV73" s="17">
        <v>2.4897081413210449</v>
      </c>
      <c r="AW73" s="17">
        <v>2.5072042271672825</v>
      </c>
      <c r="AX73" s="17">
        <v>2.5545961061351496</v>
      </c>
      <c r="AY73" s="17">
        <v>2.6628218453954204</v>
      </c>
      <c r="AZ73" s="17">
        <v>2.5282691881977164</v>
      </c>
      <c r="BA73" s="17">
        <v>2.5948008052290179</v>
      </c>
      <c r="BB73" s="8">
        <v>2.6430058628983768</v>
      </c>
      <c r="BC73" s="8">
        <v>2.4677566509224498</v>
      </c>
      <c r="BD73" s="17">
        <v>2.5047672064777329</v>
      </c>
      <c r="BE73" s="17"/>
    </row>
    <row r="74" spans="3:57" x14ac:dyDescent="0.2">
      <c r="C74" s="5" t="s">
        <v>102</v>
      </c>
      <c r="D74" s="6" t="s">
        <v>58</v>
      </c>
      <c r="E74" s="8">
        <v>4.24</v>
      </c>
      <c r="F74" s="17">
        <v>4.8288212950532587</v>
      </c>
      <c r="G74" s="17">
        <v>4.3072807774461399</v>
      </c>
      <c r="H74" s="8">
        <v>4.212354095025912</v>
      </c>
      <c r="I74" s="8">
        <v>4.2162173884844263</v>
      </c>
      <c r="J74" s="8">
        <v>4.22</v>
      </c>
      <c r="K74" s="8">
        <v>4.3001518702314057</v>
      </c>
      <c r="L74" s="8">
        <v>4.32</v>
      </c>
      <c r="M74" s="8">
        <v>4.4604266875815775</v>
      </c>
      <c r="N74" s="8">
        <v>4.5899797075433302</v>
      </c>
      <c r="O74" s="8">
        <v>4.6961655242072071</v>
      </c>
      <c r="P74" s="8">
        <v>4.800817319601248</v>
      </c>
      <c r="Q74" s="8">
        <v>4.859152516925092</v>
      </c>
      <c r="R74" s="8">
        <v>5.21</v>
      </c>
      <c r="S74" s="8">
        <v>5.0250707768110843</v>
      </c>
      <c r="T74" s="8">
        <v>5.1675881991799502</v>
      </c>
      <c r="U74" s="8">
        <v>5.0999999999999996</v>
      </c>
      <c r="V74" s="8">
        <v>5.1800902818152901</v>
      </c>
      <c r="W74" s="8">
        <v>5.1564223849200284</v>
      </c>
      <c r="X74" s="8">
        <v>5.1507976728125477</v>
      </c>
      <c r="Y74" s="8">
        <v>5.1137963664568487</v>
      </c>
      <c r="Z74" s="39">
        <v>5.1129578232941464</v>
      </c>
      <c r="AA74" s="8">
        <v>5.1318262541342854</v>
      </c>
      <c r="AB74" s="8">
        <v>4.9927140658997198</v>
      </c>
      <c r="AC74" s="8">
        <v>5.0294113175734037</v>
      </c>
      <c r="AD74" s="8">
        <v>5.040448955520378</v>
      </c>
      <c r="AE74" s="17">
        <v>4.91</v>
      </c>
      <c r="AF74" s="8">
        <v>4.9236427191287548</v>
      </c>
      <c r="AG74" s="8">
        <v>5.0734369935363324</v>
      </c>
      <c r="AH74" s="8">
        <v>5.0773112151200612</v>
      </c>
      <c r="AI74" s="8">
        <v>4.9401149124780357</v>
      </c>
      <c r="AJ74" s="8">
        <v>4.9229782188280788</v>
      </c>
      <c r="AK74" s="8">
        <v>4.9000000000000004</v>
      </c>
      <c r="AL74" s="8">
        <v>4.9317564206613094</v>
      </c>
      <c r="AM74" s="8">
        <v>4.7390432277593373</v>
      </c>
      <c r="AN74" s="8">
        <v>4.6593171864281562</v>
      </c>
      <c r="AO74" s="17">
        <v>5.0420650749330447</v>
      </c>
      <c r="AP74" s="17">
        <v>5.0397357399989859</v>
      </c>
      <c r="AQ74" s="17">
        <v>5.14</v>
      </c>
      <c r="AR74" s="17">
        <v>5.0999999999999996</v>
      </c>
      <c r="AS74" s="17">
        <v>4.7699999999999996</v>
      </c>
      <c r="AT74" s="17">
        <v>4.7387627857100005</v>
      </c>
      <c r="AU74" s="17">
        <v>4.7776398422549677</v>
      </c>
      <c r="AV74" s="17">
        <v>5.1036946206349283</v>
      </c>
      <c r="AW74" s="17">
        <v>5.141339433175574</v>
      </c>
      <c r="AX74" s="17">
        <v>5.019756139941248</v>
      </c>
      <c r="AY74" s="17">
        <v>5.0117083909066551</v>
      </c>
      <c r="AZ74" s="17">
        <v>4.9938423789722819</v>
      </c>
      <c r="BA74" s="17">
        <v>4.9277901920554674</v>
      </c>
      <c r="BB74" s="8">
        <v>4.9042036238243734</v>
      </c>
      <c r="BC74" s="8">
        <v>4.9602530691701476</v>
      </c>
      <c r="BD74" s="17">
        <v>4.8878430406813651</v>
      </c>
      <c r="BE74" s="17"/>
    </row>
    <row r="75" spans="3:57" x14ac:dyDescent="0.2">
      <c r="C75" s="5" t="s">
        <v>72</v>
      </c>
      <c r="D75" s="6" t="s">
        <v>58</v>
      </c>
      <c r="E75" s="8">
        <v>4.3499999999999996</v>
      </c>
      <c r="F75" s="17">
        <v>4.2521773255183684</v>
      </c>
      <c r="G75" s="17">
        <v>4.1319867779542134</v>
      </c>
      <c r="H75" s="8">
        <v>3.9069649505943005</v>
      </c>
      <c r="I75" s="8">
        <v>4.1201052726518395</v>
      </c>
      <c r="J75" s="8">
        <v>4.54</v>
      </c>
      <c r="K75" s="8">
        <v>4.9197186833255779</v>
      </c>
      <c r="L75" s="8">
        <v>5.32</v>
      </c>
      <c r="M75" s="8">
        <v>5.2138704126621631</v>
      </c>
      <c r="N75" s="8">
        <v>5.3191669635737435</v>
      </c>
      <c r="O75" s="8">
        <v>5.3910827796483609</v>
      </c>
      <c r="P75" s="8">
        <v>5.4420150318047789</v>
      </c>
      <c r="Q75" s="8">
        <v>5.4710302188086386</v>
      </c>
      <c r="R75" s="8">
        <v>5.65</v>
      </c>
      <c r="S75" s="8">
        <v>6.1095960961082474</v>
      </c>
      <c r="T75" s="8">
        <v>6.2036611128911678</v>
      </c>
      <c r="U75" s="8">
        <v>6.21</v>
      </c>
      <c r="V75" s="8">
        <v>6.0397139065411016</v>
      </c>
      <c r="W75" s="8">
        <v>6.1645544537988428</v>
      </c>
      <c r="X75" s="8">
        <v>6.0607729895743665</v>
      </c>
      <c r="Y75" s="8">
        <v>6.2761750060723829</v>
      </c>
      <c r="Z75" s="39">
        <v>6.184816244162775</v>
      </c>
      <c r="AA75" s="8">
        <v>5.8604858603441299</v>
      </c>
      <c r="AB75" s="8">
        <v>5.6942461476976671</v>
      </c>
      <c r="AC75" s="8">
        <v>5.8698396464646461</v>
      </c>
      <c r="AD75" s="8">
        <v>6.3517696234625003</v>
      </c>
      <c r="AE75" s="17">
        <v>6.17</v>
      </c>
      <c r="AF75" s="8">
        <v>6.0831955174754864</v>
      </c>
      <c r="AG75" s="8">
        <v>6.0209467537440444</v>
      </c>
      <c r="AH75" s="8">
        <v>6.2190045002526251</v>
      </c>
      <c r="AI75" s="8">
        <v>6.2145141892150475</v>
      </c>
      <c r="AJ75" s="8">
        <v>6.2036469661067155</v>
      </c>
      <c r="AK75" s="8">
        <v>6.46</v>
      </c>
      <c r="AL75" s="8">
        <v>6.5946056338028169</v>
      </c>
      <c r="AM75" s="8">
        <v>6.363743869626644</v>
      </c>
      <c r="AN75" s="8">
        <v>6.1841892154239275</v>
      </c>
      <c r="AO75" s="17">
        <v>5.861268274834134</v>
      </c>
      <c r="AP75" s="17">
        <v>5.6648309530650147</v>
      </c>
      <c r="AQ75" s="17">
        <v>5.89</v>
      </c>
      <c r="AR75" s="17">
        <v>5.83</v>
      </c>
      <c r="AS75" s="17">
        <v>5.75</v>
      </c>
      <c r="AT75" s="17">
        <v>5.6874442072883635</v>
      </c>
      <c r="AU75" s="17">
        <v>5.7103467808981643</v>
      </c>
      <c r="AV75" s="17">
        <v>5.4355046996035803</v>
      </c>
      <c r="AW75" s="17">
        <v>5.4496624451781406</v>
      </c>
      <c r="AX75" s="17">
        <v>5.3384598394643001</v>
      </c>
      <c r="AY75" s="17">
        <v>5.1750288596804674</v>
      </c>
      <c r="AZ75" s="17">
        <v>5.3392651344191515</v>
      </c>
      <c r="BA75" s="17">
        <v>5.9577787736153196</v>
      </c>
      <c r="BB75" s="8">
        <v>6.5864585732735295</v>
      </c>
      <c r="BC75" s="8">
        <v>6.9221142206489006</v>
      </c>
      <c r="BD75" s="17">
        <v>6.4768337570267462</v>
      </c>
      <c r="BE75" s="17"/>
    </row>
    <row r="76" spans="3:57" x14ac:dyDescent="0.2">
      <c r="C76" s="5" t="s">
        <v>73</v>
      </c>
      <c r="D76" s="6" t="s">
        <v>58</v>
      </c>
      <c r="E76" s="8">
        <v>4.5599999999999996</v>
      </c>
      <c r="F76" s="17">
        <v>4.4816550650976925</v>
      </c>
      <c r="G76" s="17">
        <v>4.2803074473512908</v>
      </c>
      <c r="H76" s="8">
        <v>4.2009506797245786</v>
      </c>
      <c r="I76" s="8">
        <v>4.8779202443280978</v>
      </c>
      <c r="J76" s="8">
        <v>4.7699999999999996</v>
      </c>
      <c r="K76" s="8">
        <v>5.2616280901445664</v>
      </c>
      <c r="L76" s="8">
        <v>4.71</v>
      </c>
      <c r="M76" s="8">
        <v>5.2190660137334834</v>
      </c>
      <c r="N76" s="8">
        <v>5.9665945523581625</v>
      </c>
      <c r="O76" s="8">
        <v>5.4775801613613515</v>
      </c>
      <c r="P76" s="8">
        <v>4.7561723148549166</v>
      </c>
      <c r="Q76" s="8">
        <v>5.5472005415320114</v>
      </c>
      <c r="R76" s="8">
        <v>5.66</v>
      </c>
      <c r="S76" s="8">
        <v>5.4798858665171055</v>
      </c>
      <c r="T76" s="8">
        <v>4.9915670593835539</v>
      </c>
      <c r="U76" s="8">
        <v>5.2</v>
      </c>
      <c r="V76" s="8">
        <v>5.4625414524731966</v>
      </c>
      <c r="W76" s="8">
        <v>5.5297237808400039</v>
      </c>
      <c r="X76" s="8">
        <v>5.5098878486725242</v>
      </c>
      <c r="Y76" s="8">
        <v>5.3830338979828509</v>
      </c>
      <c r="Z76" s="39">
        <v>5.1844427061780225</v>
      </c>
      <c r="AA76" s="8">
        <v>5.1019302301733056</v>
      </c>
      <c r="AB76" s="8">
        <v>4.8091022002762163</v>
      </c>
      <c r="AC76" s="8">
        <v>4.6875203894231712</v>
      </c>
      <c r="AD76" s="8">
        <v>4.7327279617537306</v>
      </c>
      <c r="AE76" s="17">
        <v>4.01</v>
      </c>
      <c r="AF76" s="8">
        <v>4.4507557740681456</v>
      </c>
      <c r="AG76" s="8">
        <v>4.192760529274409</v>
      </c>
      <c r="AH76" s="8">
        <v>4.2803313300805268</v>
      </c>
      <c r="AI76" s="8">
        <v>4.3443357079143201</v>
      </c>
      <c r="AJ76" s="8">
        <v>3.8413466617670702</v>
      </c>
      <c r="AK76" s="8">
        <v>4.78</v>
      </c>
      <c r="AL76" s="8">
        <v>3.9203399174807934</v>
      </c>
      <c r="AM76" s="8">
        <v>5.0631545197195535</v>
      </c>
      <c r="AN76" s="8">
        <v>4.3535161331901184</v>
      </c>
      <c r="AO76" s="17">
        <v>4.4068868710925866</v>
      </c>
      <c r="AP76" s="17">
        <v>4.5550598325073945</v>
      </c>
      <c r="AQ76" s="17">
        <v>4.18</v>
      </c>
      <c r="AR76" s="17">
        <v>4.59</v>
      </c>
      <c r="AS76" s="17">
        <v>4.58</v>
      </c>
      <c r="AT76" s="17">
        <v>4.4190265266045321</v>
      </c>
      <c r="AU76" s="17">
        <v>4.2686737709941776</v>
      </c>
      <c r="AV76" s="17">
        <v>5.2818931361232648</v>
      </c>
      <c r="AW76" s="17">
        <v>5.6527427556163481</v>
      </c>
      <c r="AX76" s="17">
        <v>4.501955752812691</v>
      </c>
      <c r="AY76" s="17">
        <v>4.5137160563962198</v>
      </c>
      <c r="AZ76" s="17">
        <v>4.6309505008408269</v>
      </c>
      <c r="BA76" s="17">
        <v>4.8808131158995858</v>
      </c>
      <c r="BB76" s="8">
        <v>5.1067719003210517</v>
      </c>
      <c r="BC76" s="8">
        <v>5.1879640092069481</v>
      </c>
      <c r="BD76" s="17">
        <v>5.2684623439878235</v>
      </c>
      <c r="BE76" s="17"/>
    </row>
    <row r="77" spans="3:57" x14ac:dyDescent="0.2">
      <c r="C77" s="5" t="s">
        <v>74</v>
      </c>
      <c r="D77" s="6" t="s">
        <v>58</v>
      </c>
      <c r="E77" s="8">
        <v>1.65</v>
      </c>
      <c r="F77" s="17">
        <v>1.6142902337171834</v>
      </c>
      <c r="G77" s="17">
        <v>1.6127066090420976</v>
      </c>
      <c r="H77" s="8">
        <v>1.6391790196487812</v>
      </c>
      <c r="I77" s="8">
        <v>1.6378922954929847</v>
      </c>
      <c r="J77" s="8">
        <v>1.64</v>
      </c>
      <c r="K77" s="8">
        <v>1.6341906883394721</v>
      </c>
      <c r="L77" s="8">
        <v>1.62</v>
      </c>
      <c r="M77" s="8">
        <v>1.6205146032937947</v>
      </c>
      <c r="N77" s="8">
        <v>1.6370850006288753</v>
      </c>
      <c r="O77" s="8">
        <v>1.6202439891149309</v>
      </c>
      <c r="P77" s="8">
        <v>1.6243940293673071</v>
      </c>
      <c r="Q77" s="8">
        <v>1.5993244579688093</v>
      </c>
      <c r="R77" s="8">
        <v>1.64</v>
      </c>
      <c r="S77" s="8">
        <v>1.5971738205505646</v>
      </c>
      <c r="T77" s="8">
        <v>1.6174693208938011</v>
      </c>
      <c r="U77" s="8">
        <v>1.61</v>
      </c>
      <c r="V77" s="8">
        <v>1.6070608676104885</v>
      </c>
      <c r="W77" s="8">
        <v>1.6010080424878981</v>
      </c>
      <c r="X77" s="8">
        <v>1.5995042896173557</v>
      </c>
      <c r="Y77" s="8">
        <v>1.5992728069651145</v>
      </c>
      <c r="Z77" s="39">
        <v>1.6081324173007925</v>
      </c>
      <c r="AA77" s="8">
        <v>1.6007282651666341</v>
      </c>
      <c r="AB77" s="8">
        <v>1.6085547099019237</v>
      </c>
      <c r="AC77" s="8">
        <v>1.6174821199339811</v>
      </c>
      <c r="AD77" s="8">
        <v>1.6079273188445464</v>
      </c>
      <c r="AE77" s="17">
        <v>1.61</v>
      </c>
      <c r="AF77" s="8">
        <v>1.6051769242009304</v>
      </c>
      <c r="AG77" s="8">
        <v>1.5958775328717525</v>
      </c>
      <c r="AH77" s="8">
        <v>1.5824185516438325</v>
      </c>
      <c r="AI77" s="8">
        <v>1.5963748263243378</v>
      </c>
      <c r="AJ77" s="8">
        <v>1.5948058850853999</v>
      </c>
      <c r="AK77" s="8">
        <v>1.6</v>
      </c>
      <c r="AL77" s="8">
        <v>1.6065085386357636</v>
      </c>
      <c r="AM77" s="8">
        <v>1.6247433510883387</v>
      </c>
      <c r="AN77" s="8">
        <v>1.6087183769710665</v>
      </c>
      <c r="AO77" s="17">
        <v>1.6107072273186231</v>
      </c>
      <c r="AP77" s="17">
        <v>1.618936365826438</v>
      </c>
      <c r="AQ77" s="17">
        <v>1.61</v>
      </c>
      <c r="AR77" s="17">
        <v>1.63</v>
      </c>
      <c r="AS77" s="17">
        <v>1.61</v>
      </c>
      <c r="AT77" s="17">
        <v>1.6405309605159784</v>
      </c>
      <c r="AU77" s="17">
        <v>1.635173336356422</v>
      </c>
      <c r="AV77" s="17">
        <v>1.6527088463281641</v>
      </c>
      <c r="AW77" s="17">
        <v>1.6372674382353365</v>
      </c>
      <c r="AX77" s="17">
        <v>1.6098375612896356</v>
      </c>
      <c r="AY77" s="17">
        <v>1.6426452153076849</v>
      </c>
      <c r="AZ77" s="17">
        <v>1.6318040810536021</v>
      </c>
      <c r="BA77" s="17">
        <v>1.6231470127050498</v>
      </c>
      <c r="BB77" s="8">
        <v>1.6519882662563063</v>
      </c>
      <c r="BC77" s="8">
        <v>1.7288258342522473</v>
      </c>
      <c r="BD77" s="17">
        <v>1.7181100755509358</v>
      </c>
      <c r="BE77" s="17"/>
    </row>
    <row r="78" spans="3:57" x14ac:dyDescent="0.2">
      <c r="C78" s="16" t="s">
        <v>78</v>
      </c>
      <c r="D78" s="6" t="s">
        <v>58</v>
      </c>
      <c r="E78" s="8">
        <v>0.21</v>
      </c>
      <c r="F78" s="17">
        <v>0.23169560944407303</v>
      </c>
      <c r="G78" s="17">
        <v>0.24425843191490884</v>
      </c>
      <c r="H78" s="8">
        <v>0.2409130051974433</v>
      </c>
      <c r="I78" s="8">
        <v>0.26224010093370265</v>
      </c>
      <c r="J78" s="8">
        <v>0.25</v>
      </c>
      <c r="K78" s="8">
        <v>0.25580133006811839</v>
      </c>
      <c r="L78" s="8">
        <v>0.27</v>
      </c>
      <c r="M78" s="8">
        <v>0.26326308886161665</v>
      </c>
      <c r="N78" s="8">
        <v>0.2725045664651069</v>
      </c>
      <c r="O78" s="39">
        <v>0.2741962621131166</v>
      </c>
      <c r="P78" s="8">
        <v>0.35252686738185868</v>
      </c>
      <c r="Q78" s="8">
        <v>0.35472936016724932</v>
      </c>
      <c r="R78" s="8">
        <v>0.37</v>
      </c>
      <c r="S78" s="8">
        <v>0.37700596693729821</v>
      </c>
      <c r="T78" s="8">
        <v>0.37817087631434654</v>
      </c>
      <c r="U78" s="36">
        <v>0.39</v>
      </c>
      <c r="V78" s="8">
        <v>0.39801309303615112</v>
      </c>
      <c r="W78" s="8">
        <v>0.4115923339898126</v>
      </c>
      <c r="X78" s="8">
        <v>0.40489090994472077</v>
      </c>
      <c r="Y78" s="8">
        <v>0.39835806185539802</v>
      </c>
      <c r="Z78" s="39">
        <v>0.40077329962834701</v>
      </c>
      <c r="AA78" s="8">
        <v>0.40063997490755737</v>
      </c>
      <c r="AB78" s="8">
        <v>0.39190634850850614</v>
      </c>
      <c r="AC78" s="8">
        <v>0.39027536271753421</v>
      </c>
      <c r="AD78" s="8">
        <v>0.39546478726770684</v>
      </c>
      <c r="AE78" s="17">
        <v>0.39</v>
      </c>
      <c r="AF78" s="8">
        <v>0.38239201521638749</v>
      </c>
      <c r="AG78" s="8">
        <v>0.37391908418987185</v>
      </c>
      <c r="AH78" s="8">
        <v>0.35214389642965738</v>
      </c>
      <c r="AI78" s="8">
        <v>0.35</v>
      </c>
      <c r="AJ78" s="76">
        <v>0.32829591502798117</v>
      </c>
      <c r="AK78" s="76">
        <v>0.32</v>
      </c>
      <c r="AL78" s="76">
        <v>0.32763449450558096</v>
      </c>
      <c r="AM78" s="8">
        <v>0.32653272609295564</v>
      </c>
      <c r="AN78" s="8">
        <v>0.29883912728260581</v>
      </c>
      <c r="AO78" s="17">
        <v>0.3006577362199086</v>
      </c>
      <c r="AP78" s="17">
        <v>0.298996513088503</v>
      </c>
      <c r="AQ78" s="17">
        <v>0.31</v>
      </c>
      <c r="AR78" s="17">
        <v>0.32</v>
      </c>
      <c r="AS78" s="17">
        <v>0.31</v>
      </c>
      <c r="AT78" s="17">
        <v>0.32504508214672823</v>
      </c>
      <c r="AU78" s="17">
        <v>0.32647124066154765</v>
      </c>
      <c r="AV78" s="17">
        <v>0.31719375210030337</v>
      </c>
      <c r="AW78" s="17">
        <v>0.31738367844518561</v>
      </c>
      <c r="AX78" s="17">
        <v>0.36387007606208649</v>
      </c>
      <c r="AY78" s="17">
        <v>0.36338436352768522</v>
      </c>
      <c r="AZ78" s="17">
        <v>0.36779256921887082</v>
      </c>
      <c r="BA78" s="17">
        <v>0.3716207601761396</v>
      </c>
      <c r="BB78" s="8">
        <v>0.36937155251011017</v>
      </c>
      <c r="BC78" s="8">
        <v>0.35720299741955885</v>
      </c>
      <c r="BD78" s="17">
        <v>0.35606183957516452</v>
      </c>
      <c r="BE78" s="17"/>
    </row>
    <row r="79" spans="3:57" x14ac:dyDescent="0.2">
      <c r="C79" s="16" t="s">
        <v>79</v>
      </c>
      <c r="D79" s="6" t="s">
        <v>58</v>
      </c>
      <c r="E79" s="8">
        <v>0.56000000000000005</v>
      </c>
      <c r="F79" s="17">
        <v>0.72960806309921822</v>
      </c>
      <c r="G79" s="17">
        <v>0.66523955209199048</v>
      </c>
      <c r="H79" s="8">
        <v>0.82825345949853024</v>
      </c>
      <c r="I79" s="8">
        <v>0.84229461576906006</v>
      </c>
      <c r="J79" s="8">
        <v>0.76</v>
      </c>
      <c r="K79" s="8">
        <v>0.57586099382763911</v>
      </c>
      <c r="L79" s="8">
        <v>0.65</v>
      </c>
      <c r="M79" s="8">
        <v>0.65310552440481662</v>
      </c>
      <c r="N79" s="8">
        <v>0.59051948903904139</v>
      </c>
      <c r="O79" s="39">
        <v>0.62599870102159727</v>
      </c>
      <c r="P79" s="8">
        <v>0.56134781331729633</v>
      </c>
      <c r="Q79" s="8">
        <v>0.51846985583224114</v>
      </c>
      <c r="R79" s="8">
        <v>0.56000000000000005</v>
      </c>
      <c r="S79" s="8">
        <v>0.5664707464981209</v>
      </c>
      <c r="T79" s="8">
        <v>0.57768542714303495</v>
      </c>
      <c r="U79" s="36">
        <v>0.56999999999999995</v>
      </c>
      <c r="V79" s="8">
        <v>0.51812377590392533</v>
      </c>
      <c r="W79" s="8">
        <v>0.50204383539688258</v>
      </c>
      <c r="X79" s="8">
        <v>0.48777208921199344</v>
      </c>
      <c r="Y79" s="8">
        <v>0.50111207441077021</v>
      </c>
      <c r="Z79" s="39">
        <v>0.56149714198053746</v>
      </c>
      <c r="AA79" s="8">
        <v>0.55744187682989654</v>
      </c>
      <c r="AB79" s="8">
        <v>0.59365718724192029</v>
      </c>
      <c r="AC79" s="8">
        <v>0.5679868023677217</v>
      </c>
      <c r="AD79" s="8">
        <v>0.57631827485297682</v>
      </c>
      <c r="AE79" s="17">
        <v>0.59</v>
      </c>
      <c r="AF79" s="8">
        <v>0.53418085664229076</v>
      </c>
      <c r="AG79" s="8">
        <v>0.54842059068370186</v>
      </c>
      <c r="AH79" s="8">
        <v>0.54215210912193723</v>
      </c>
      <c r="AI79" s="8">
        <v>0.53740995058445296</v>
      </c>
      <c r="AJ79" s="76">
        <v>0.54648993364585463</v>
      </c>
      <c r="AK79" s="76">
        <v>0.57999999999999996</v>
      </c>
      <c r="AL79" s="76">
        <v>0.58661693342576582</v>
      </c>
      <c r="AM79" s="8">
        <v>0.58024564031146253</v>
      </c>
      <c r="AN79" s="8">
        <v>0.57221035715484547</v>
      </c>
      <c r="AO79" s="17">
        <v>0.56538254158585555</v>
      </c>
      <c r="AP79" s="17">
        <v>0.53613373451822821</v>
      </c>
      <c r="AQ79" s="17">
        <v>0.55000000000000004</v>
      </c>
      <c r="AR79" s="17">
        <v>0.55000000000000004</v>
      </c>
      <c r="AS79" s="17">
        <v>0.56000000000000005</v>
      </c>
      <c r="AT79" s="17">
        <v>0.54196428156039922</v>
      </c>
      <c r="AU79" s="17">
        <v>0.53237304430462151</v>
      </c>
      <c r="AV79" s="17">
        <v>0.5396561606419531</v>
      </c>
      <c r="AW79" s="17">
        <v>0.52850627178952669</v>
      </c>
      <c r="AX79" s="17">
        <v>0.53181555225253163</v>
      </c>
      <c r="AY79" s="17">
        <v>0.5298318439809756</v>
      </c>
      <c r="AZ79" s="17">
        <v>0.61741693026661248</v>
      </c>
      <c r="BA79" s="17">
        <v>0.64738465521551269</v>
      </c>
      <c r="BB79" s="8">
        <v>0.68314143009309702</v>
      </c>
      <c r="BC79" s="8">
        <v>0.70464728589985182</v>
      </c>
      <c r="BD79" s="17">
        <v>0.70278201914018457</v>
      </c>
      <c r="BE79" s="17"/>
    </row>
    <row r="80" spans="3:57" x14ac:dyDescent="0.2">
      <c r="C80" s="16" t="s">
        <v>80</v>
      </c>
      <c r="D80" s="6" t="s">
        <v>58</v>
      </c>
      <c r="E80" s="8">
        <v>0.64</v>
      </c>
      <c r="F80" s="17">
        <v>2.285487700848071</v>
      </c>
      <c r="G80" s="17">
        <v>1.7556975654925167</v>
      </c>
      <c r="H80" s="8">
        <v>1.7171687497857675</v>
      </c>
      <c r="I80" s="8">
        <v>2.2441486683590277</v>
      </c>
      <c r="J80" s="8">
        <v>1.64</v>
      </c>
      <c r="K80" s="8">
        <v>1.8917883335421102</v>
      </c>
      <c r="L80" s="8">
        <v>1.6</v>
      </c>
      <c r="M80" s="8">
        <v>1.5478100469119549</v>
      </c>
      <c r="N80" s="8">
        <v>1.9137246635199583</v>
      </c>
      <c r="O80" s="39">
        <v>2.024010334438767</v>
      </c>
      <c r="P80" s="8">
        <v>1.7302366905738937</v>
      </c>
      <c r="Q80" s="8">
        <v>1.5440061666475922</v>
      </c>
      <c r="R80" s="8">
        <v>0.95</v>
      </c>
      <c r="S80" s="8">
        <v>0.76955817448591179</v>
      </c>
      <c r="T80" s="8">
        <v>0.65180854034834368</v>
      </c>
      <c r="U80" s="36">
        <v>0.57999999999999996</v>
      </c>
      <c r="V80" s="8">
        <v>0.5754578358893222</v>
      </c>
      <c r="W80" s="8">
        <v>0.71738060362492229</v>
      </c>
      <c r="X80" s="8">
        <v>0.63487766030190573</v>
      </c>
      <c r="Y80" s="8">
        <v>0.59016258229916252</v>
      </c>
      <c r="Z80" s="39">
        <v>0.55582670230255204</v>
      </c>
      <c r="AA80" s="8">
        <v>0.47270434953943158</v>
      </c>
      <c r="AB80" s="8">
        <v>0.43087859391873162</v>
      </c>
      <c r="AC80" s="8">
        <v>0.40533083611361892</v>
      </c>
      <c r="AD80" s="8">
        <v>0.40649658906453356</v>
      </c>
      <c r="AE80" s="17">
        <v>0.41</v>
      </c>
      <c r="AF80" s="8">
        <v>0.3855037057183654</v>
      </c>
      <c r="AG80" s="8">
        <v>0.44507200611985309</v>
      </c>
      <c r="AH80" s="8">
        <v>0.42929567109894978</v>
      </c>
      <c r="AI80" s="8">
        <v>0.43648784071853597</v>
      </c>
      <c r="AJ80" s="76">
        <v>0.58490726603759413</v>
      </c>
      <c r="AK80" s="76">
        <v>0.54</v>
      </c>
      <c r="AL80" s="76">
        <v>0.56792974462612522</v>
      </c>
      <c r="AM80" s="8">
        <v>0.54250500134920121</v>
      </c>
      <c r="AN80" s="8">
        <v>0.67955517753793215</v>
      </c>
      <c r="AO80" s="17">
        <v>0.6199949120511703</v>
      </c>
      <c r="AP80" s="17">
        <v>0.5674071845276899</v>
      </c>
      <c r="AQ80" s="17">
        <v>0.56999999999999995</v>
      </c>
      <c r="AR80" s="17">
        <v>0.54</v>
      </c>
      <c r="AS80" s="17">
        <v>0.53</v>
      </c>
      <c r="AT80" s="17">
        <v>0.49748144351541951</v>
      </c>
      <c r="AU80" s="17">
        <v>0.49341435868019379</v>
      </c>
      <c r="AV80" s="17">
        <v>0.67335256203885585</v>
      </c>
      <c r="AW80" s="17">
        <v>0.82964552580405881</v>
      </c>
      <c r="AX80" s="17">
        <v>0.77484860393253685</v>
      </c>
      <c r="AY80" s="17">
        <v>0.88684555630330963</v>
      </c>
      <c r="AZ80" s="17">
        <v>1.0674630456973921</v>
      </c>
      <c r="BA80" s="17">
        <v>1.1351575516000971</v>
      </c>
      <c r="BB80" s="8">
        <v>0.83602822211332384</v>
      </c>
      <c r="BC80" s="8">
        <v>0.95282670681356774</v>
      </c>
      <c r="BD80" s="17">
        <v>0.92080665284337937</v>
      </c>
      <c r="BE80" s="17"/>
    </row>
    <row r="81" spans="3:57" x14ac:dyDescent="0.2">
      <c r="C81" s="16" t="s">
        <v>81</v>
      </c>
      <c r="D81" s="6" t="s">
        <v>58</v>
      </c>
      <c r="E81" s="8">
        <v>0.23</v>
      </c>
      <c r="F81" s="17">
        <v>0.25935796853189852</v>
      </c>
      <c r="G81" s="17">
        <v>0.28141575105825406</v>
      </c>
      <c r="H81" s="8">
        <v>0.28684123203057921</v>
      </c>
      <c r="I81" s="8">
        <v>0.34195295480992899</v>
      </c>
      <c r="J81" s="8">
        <v>0.35</v>
      </c>
      <c r="K81" s="8">
        <v>0.35094990687187533</v>
      </c>
      <c r="L81" s="8">
        <v>0.35</v>
      </c>
      <c r="M81" s="8">
        <v>0.36152203963520851</v>
      </c>
      <c r="N81" s="8">
        <v>0.36620231067299924</v>
      </c>
      <c r="O81" s="39">
        <v>0.39727360673434886</v>
      </c>
      <c r="P81" s="8">
        <v>0.43146711798642784</v>
      </c>
      <c r="Q81" s="8">
        <v>0.45436332883141545</v>
      </c>
      <c r="R81" s="8">
        <v>0.48</v>
      </c>
      <c r="S81" s="8">
        <v>0.54745807971347338</v>
      </c>
      <c r="T81" s="8">
        <v>0.55464112324570547</v>
      </c>
      <c r="U81" s="36">
        <v>0.55000000000000004</v>
      </c>
      <c r="V81" s="8">
        <v>0.54659139568627801</v>
      </c>
      <c r="W81" s="8">
        <v>0.54618294937637568</v>
      </c>
      <c r="X81" s="8">
        <v>0.51268508113516165</v>
      </c>
      <c r="Y81" s="8">
        <v>0.50903981877453186</v>
      </c>
      <c r="Z81" s="39">
        <v>0.50945527392735879</v>
      </c>
      <c r="AA81" s="8">
        <v>0.50908948202471949</v>
      </c>
      <c r="AB81" s="8">
        <v>0.50268189822183706</v>
      </c>
      <c r="AC81" s="8">
        <v>0.50367599867528501</v>
      </c>
      <c r="AD81" s="8">
        <v>0.51006032184005445</v>
      </c>
      <c r="AE81" s="17">
        <v>0.44</v>
      </c>
      <c r="AF81" s="8">
        <v>0.41934762300248685</v>
      </c>
      <c r="AG81" s="8">
        <v>0.37265269635578058</v>
      </c>
      <c r="AH81" s="8">
        <v>0.40530977643880306</v>
      </c>
      <c r="AI81" s="8">
        <v>0.42159563630727087</v>
      </c>
      <c r="AJ81" s="76">
        <v>0.42003685920527278</v>
      </c>
      <c r="AK81" s="76">
        <v>0.41</v>
      </c>
      <c r="AL81" s="76">
        <v>0.41772924974688519</v>
      </c>
      <c r="AM81" s="8">
        <v>0.42238443489087291</v>
      </c>
      <c r="AN81" s="8">
        <v>0.34602116170907382</v>
      </c>
      <c r="AO81" s="17">
        <v>0.35266761241316158</v>
      </c>
      <c r="AP81" s="17">
        <v>0.34365696781074778</v>
      </c>
      <c r="AQ81" s="17">
        <v>0.35</v>
      </c>
      <c r="AR81" s="17">
        <v>0.35</v>
      </c>
      <c r="AS81" s="17">
        <v>0.36</v>
      </c>
      <c r="AT81" s="17">
        <v>0.33780721411314762</v>
      </c>
      <c r="AU81" s="17">
        <v>0.35353563362151746</v>
      </c>
      <c r="AV81" s="17">
        <v>0.35539338445579105</v>
      </c>
      <c r="AW81" s="17">
        <v>0.34963705568332681</v>
      </c>
      <c r="AX81" s="17">
        <v>0.38380069796612459</v>
      </c>
      <c r="AY81" s="17">
        <v>0.35635365149224557</v>
      </c>
      <c r="AZ81" s="17">
        <v>0.38762356731941811</v>
      </c>
      <c r="BA81" s="17">
        <v>0.38453593268661895</v>
      </c>
      <c r="BB81" s="8">
        <v>0.38864107998416897</v>
      </c>
      <c r="BC81" s="8">
        <v>0.38318872167051021</v>
      </c>
      <c r="BD81" s="17">
        <v>0.37044815726639524</v>
      </c>
      <c r="BE81" s="17"/>
    </row>
    <row r="82" spans="3:57" x14ac:dyDescent="0.2">
      <c r="C82" s="16" t="s">
        <v>82</v>
      </c>
      <c r="D82" s="6" t="s">
        <v>58</v>
      </c>
      <c r="E82" s="8">
        <v>2.27</v>
      </c>
      <c r="F82" s="17">
        <v>3.0869976359985647</v>
      </c>
      <c r="G82" s="17">
        <v>2.9167870210721665</v>
      </c>
      <c r="H82" s="8">
        <v>2.435646331010084</v>
      </c>
      <c r="I82" s="8">
        <v>2.6573681161307121</v>
      </c>
      <c r="J82" s="8">
        <v>3.45</v>
      </c>
      <c r="K82" s="8">
        <v>3.2204254068531242</v>
      </c>
      <c r="L82" s="8">
        <v>2.68</v>
      </c>
      <c r="M82" s="8">
        <v>3.2997032412905982</v>
      </c>
      <c r="N82" s="8">
        <v>3.6650595726732189</v>
      </c>
      <c r="O82" s="39">
        <v>3.8226839522616864</v>
      </c>
      <c r="P82" s="8">
        <v>3.8020158154591819</v>
      </c>
      <c r="Q82" s="8">
        <v>3.8392527998952084</v>
      </c>
      <c r="R82" s="8">
        <v>2.7</v>
      </c>
      <c r="S82" s="8">
        <v>2.1346939738258661</v>
      </c>
      <c r="T82" s="8">
        <v>1.8735505566526429</v>
      </c>
      <c r="U82" s="36">
        <v>1.65</v>
      </c>
      <c r="V82" s="8">
        <v>1.5024722185327843</v>
      </c>
      <c r="W82" s="8">
        <v>1.4684259256684804</v>
      </c>
      <c r="X82" s="8">
        <v>1.6535352079816652</v>
      </c>
      <c r="Y82" s="8">
        <v>1.6898452919490639</v>
      </c>
      <c r="Z82" s="8">
        <v>1.6934629320816093</v>
      </c>
      <c r="AA82" s="8">
        <v>1.7196154062319202</v>
      </c>
      <c r="AB82" s="8">
        <v>1.6388766615295705</v>
      </c>
      <c r="AC82" s="8">
        <v>2.0150419274779821</v>
      </c>
      <c r="AD82" s="8">
        <v>2.1248337691695482</v>
      </c>
      <c r="AE82" s="8">
        <v>1.92</v>
      </c>
      <c r="AF82" s="8">
        <v>1.5315802940155738</v>
      </c>
      <c r="AG82" s="8">
        <v>1.3278907057863099</v>
      </c>
      <c r="AH82" s="8">
        <v>1.5525560007423158</v>
      </c>
      <c r="AI82" s="8">
        <v>2.148354755695737</v>
      </c>
      <c r="AJ82" s="76">
        <v>2.079112885714975</v>
      </c>
      <c r="AK82" s="8">
        <v>1.75</v>
      </c>
      <c r="AL82" s="8">
        <v>1.6413080648396681</v>
      </c>
      <c r="AM82" s="8">
        <v>1.3949333298532833</v>
      </c>
      <c r="AN82" s="8">
        <v>1.5883325020927488</v>
      </c>
      <c r="AO82" s="17">
        <v>1.9717815632528712</v>
      </c>
      <c r="AP82" s="17">
        <v>2.6304988450042273</v>
      </c>
      <c r="AQ82" s="17">
        <v>2.79</v>
      </c>
      <c r="AR82" s="17">
        <v>2.2599999999999998</v>
      </c>
      <c r="AS82" s="17">
        <v>2.12</v>
      </c>
      <c r="AT82" s="17">
        <v>2.7391712480672212</v>
      </c>
      <c r="AU82" s="17">
        <v>2.7691072973497888</v>
      </c>
      <c r="AV82" s="17">
        <v>2.450298965984957</v>
      </c>
      <c r="AW82" s="17">
        <v>2.2143937927190591</v>
      </c>
      <c r="AX82" s="17">
        <v>2.1319269983328946</v>
      </c>
      <c r="AY82" s="17">
        <v>2.4679180421172453</v>
      </c>
      <c r="AZ82" s="17">
        <v>3.1451913023564342</v>
      </c>
      <c r="BA82" s="17">
        <v>2.8698929607365056</v>
      </c>
      <c r="BB82" s="8">
        <v>2.7927659021307347</v>
      </c>
      <c r="BC82" s="8">
        <v>2.4239131391941982</v>
      </c>
      <c r="BD82" s="17">
        <v>2.272460795504434</v>
      </c>
      <c r="BE82" s="17"/>
    </row>
    <row r="83" spans="3:57" x14ac:dyDescent="0.2">
      <c r="C83" s="16" t="s">
        <v>84</v>
      </c>
      <c r="D83" s="6" t="s">
        <v>85</v>
      </c>
      <c r="E83" s="8">
        <v>0.37</v>
      </c>
      <c r="F83" s="17">
        <v>0.3635629874522614</v>
      </c>
      <c r="G83" s="17">
        <v>0.40283678466999606</v>
      </c>
      <c r="H83" s="8">
        <v>0.40840880748582131</v>
      </c>
      <c r="I83" s="8">
        <v>0.4763154526413777</v>
      </c>
      <c r="J83" s="8">
        <v>0.55000000000000004</v>
      </c>
      <c r="K83" s="8">
        <v>0.63602417804376288</v>
      </c>
      <c r="L83" s="8">
        <v>0.65</v>
      </c>
      <c r="M83" s="8">
        <v>0.7917221886379201</v>
      </c>
      <c r="N83" s="8">
        <v>0.82633746413181763</v>
      </c>
      <c r="O83" s="39">
        <v>0.87615539432705736</v>
      </c>
      <c r="P83" s="8">
        <v>0.95</v>
      </c>
      <c r="Q83" s="8">
        <v>0.93549904777232351</v>
      </c>
      <c r="R83" s="8">
        <v>0.99</v>
      </c>
      <c r="S83" s="8">
        <v>0.96375291074034597</v>
      </c>
      <c r="T83" s="8">
        <v>0.85157685011549833</v>
      </c>
      <c r="U83" s="36">
        <v>0.56999999999999995</v>
      </c>
      <c r="V83" s="8">
        <v>0.47417975530734902</v>
      </c>
      <c r="W83" s="8">
        <v>0.44700617772451717</v>
      </c>
      <c r="X83" s="8">
        <v>0.40046848903143512</v>
      </c>
      <c r="Y83" s="8">
        <v>0.41946627217984184</v>
      </c>
      <c r="Z83" s="8">
        <v>0.41959458182170373</v>
      </c>
      <c r="AA83" s="8">
        <v>0.41228634872820674</v>
      </c>
      <c r="AB83" s="8">
        <v>0.4157674025845452</v>
      </c>
      <c r="AC83" s="8">
        <v>0.41293993023898584</v>
      </c>
      <c r="AD83" s="8">
        <v>0.39374553702236648</v>
      </c>
      <c r="AE83" s="8">
        <v>0.38</v>
      </c>
      <c r="AF83" s="8">
        <v>0.37989039754365139</v>
      </c>
      <c r="AG83" s="8">
        <v>0.3827332087105596</v>
      </c>
      <c r="AH83" s="8">
        <v>0.35704545327840065</v>
      </c>
      <c r="AI83" s="8">
        <v>0.38</v>
      </c>
      <c r="AJ83" s="76">
        <v>0.38</v>
      </c>
      <c r="AK83" s="8">
        <v>0.38</v>
      </c>
      <c r="AL83" s="8">
        <v>0.41283481855252946</v>
      </c>
      <c r="AM83" s="8">
        <v>0.37530067189985938</v>
      </c>
      <c r="AN83" s="8">
        <v>0.37240510670052113</v>
      </c>
      <c r="AO83" s="17">
        <v>0.42061912567059551</v>
      </c>
      <c r="AP83" s="17">
        <v>0.40768953730443247</v>
      </c>
      <c r="AQ83" s="17">
        <v>0.47</v>
      </c>
      <c r="AR83" s="17">
        <v>0.47</v>
      </c>
      <c r="AS83" s="17">
        <v>0.47</v>
      </c>
      <c r="AT83" s="17">
        <v>0.45897394530424562</v>
      </c>
      <c r="AU83" s="17">
        <v>0.47771120471197231</v>
      </c>
      <c r="AV83" s="17">
        <v>0.46866055168153548</v>
      </c>
      <c r="AW83" s="17">
        <v>0.43256733140185971</v>
      </c>
      <c r="AX83" s="17">
        <v>0.44067378418356951</v>
      </c>
      <c r="AY83" s="17">
        <v>0.41432449032223034</v>
      </c>
      <c r="AZ83" s="17">
        <v>0.46343381314869075</v>
      </c>
      <c r="BA83" s="17">
        <v>0.49061483554429414</v>
      </c>
      <c r="BB83" s="8">
        <v>0.4829984591643009</v>
      </c>
      <c r="BC83" s="8">
        <v>0.47268802269095833</v>
      </c>
      <c r="BD83" s="17">
        <v>0.44665969339769163</v>
      </c>
      <c r="BE83" s="17"/>
    </row>
    <row r="84" spans="3:57" x14ac:dyDescent="0.2">
      <c r="C84" s="16" t="s">
        <v>86</v>
      </c>
      <c r="D84" s="6" t="s">
        <v>58</v>
      </c>
      <c r="E84" s="8">
        <v>0.95</v>
      </c>
      <c r="F84" s="17">
        <v>1.2015711885305351</v>
      </c>
      <c r="G84" s="17">
        <v>0.91580985707118145</v>
      </c>
      <c r="H84" s="8">
        <v>1.030480273610564</v>
      </c>
      <c r="I84" s="8">
        <v>1.3961251025101733</v>
      </c>
      <c r="J84" s="8">
        <v>1.86</v>
      </c>
      <c r="K84" s="8">
        <v>2.0326028279065032</v>
      </c>
      <c r="L84" s="8">
        <v>2.2000000000000002</v>
      </c>
      <c r="M84" s="8">
        <v>2.2619755550142444</v>
      </c>
      <c r="N84" s="8">
        <v>2.3699934311194921</v>
      </c>
      <c r="O84" s="39">
        <v>2.250149554822416</v>
      </c>
      <c r="P84" s="8">
        <v>2.3343459125909432</v>
      </c>
      <c r="Q84" s="8">
        <v>2.3950490313690027</v>
      </c>
      <c r="R84" s="8">
        <v>2.63</v>
      </c>
      <c r="S84" s="8">
        <v>2.0189048593680861</v>
      </c>
      <c r="T84" s="8">
        <v>1.6256416308211212</v>
      </c>
      <c r="U84" s="36">
        <v>1.36</v>
      </c>
      <c r="V84" s="8">
        <v>1.1139148974105129</v>
      </c>
      <c r="W84" s="8">
        <v>1.0092848643481345</v>
      </c>
      <c r="X84" s="8">
        <v>0.68074666985805266</v>
      </c>
      <c r="Y84" s="8">
        <v>0.68206840679315928</v>
      </c>
      <c r="Z84" s="8">
        <v>0.64057255230334975</v>
      </c>
      <c r="AA84" s="8">
        <v>0.69721331962500221</v>
      </c>
      <c r="AB84" s="8">
        <v>0.74491859169537733</v>
      </c>
      <c r="AC84" s="8">
        <v>0.6547955740966942</v>
      </c>
      <c r="AD84" s="8">
        <v>0.8789255846112688</v>
      </c>
      <c r="AE84" s="8">
        <v>1.01</v>
      </c>
      <c r="AF84" s="8">
        <v>0.87083649598025314</v>
      </c>
      <c r="AG84" s="8">
        <v>0.7354207228654418</v>
      </c>
      <c r="AH84" s="8">
        <v>0.69405182519416264</v>
      </c>
      <c r="AI84" s="8">
        <v>0.66557580623578216</v>
      </c>
      <c r="AJ84" s="76">
        <v>0.64207902426716046</v>
      </c>
      <c r="AK84" s="8">
        <v>0.61</v>
      </c>
      <c r="AL84" s="8">
        <v>0.86359085363328514</v>
      </c>
      <c r="AM84" s="8">
        <v>0.73215562357721675</v>
      </c>
      <c r="AN84" s="8">
        <v>0.76851104513889934</v>
      </c>
      <c r="AO84" s="17">
        <v>0.74582880049906275</v>
      </c>
      <c r="AP84" s="17">
        <v>0.80997994789490879</v>
      </c>
      <c r="AQ84" s="17">
        <v>0.84</v>
      </c>
      <c r="AR84" s="17">
        <v>0.86</v>
      </c>
      <c r="AS84" s="17">
        <v>0.87</v>
      </c>
      <c r="AT84" s="17">
        <v>0.8462973908583048</v>
      </c>
      <c r="AU84" s="17">
        <v>0.79570338259491691</v>
      </c>
      <c r="AV84" s="17">
        <v>0.79804199191984437</v>
      </c>
      <c r="AW84" s="17">
        <v>0.80300896783898001</v>
      </c>
      <c r="AX84" s="17">
        <v>0.75445163643323099</v>
      </c>
      <c r="AY84" s="17">
        <v>0.69564853728657328</v>
      </c>
      <c r="AZ84" s="17">
        <v>1.0183834879946958</v>
      </c>
      <c r="BA84" s="17">
        <v>1.1158436792290372</v>
      </c>
      <c r="BB84" s="8">
        <v>1.0161244815073978</v>
      </c>
      <c r="BC84" s="8">
        <v>1.0519845469160203</v>
      </c>
      <c r="BD84" s="17">
        <v>1.0747579340891544</v>
      </c>
      <c r="BE84" s="17"/>
    </row>
    <row r="85" spans="3:57" x14ac:dyDescent="0.2">
      <c r="C85" s="16" t="s">
        <v>104</v>
      </c>
      <c r="D85" s="6" t="s">
        <v>58</v>
      </c>
      <c r="E85" s="8">
        <v>1.2</v>
      </c>
      <c r="F85" s="17">
        <v>1.1260407045986072</v>
      </c>
      <c r="G85" s="17">
        <v>1.1144870533568254</v>
      </c>
      <c r="H85" s="8">
        <v>1.0820663828845241</v>
      </c>
      <c r="I85" s="8">
        <v>1.0386774489582031</v>
      </c>
      <c r="J85" s="8">
        <v>1.23</v>
      </c>
      <c r="K85" s="8">
        <v>1.3415374923014591</v>
      </c>
      <c r="L85" s="8">
        <v>1.47</v>
      </c>
      <c r="M85" s="8">
        <v>1.4358727191719258</v>
      </c>
      <c r="N85" s="8">
        <v>1.4787314946527808</v>
      </c>
      <c r="O85" s="39">
        <v>1.5195748065124401</v>
      </c>
      <c r="P85" s="8">
        <v>1.2928415111622775</v>
      </c>
      <c r="Q85" s="8">
        <v>1.5102941472051632</v>
      </c>
      <c r="R85" s="8">
        <v>1.7</v>
      </c>
      <c r="S85" s="8">
        <v>1.7784057545601604</v>
      </c>
      <c r="T85" s="8">
        <v>1.6837483921090877</v>
      </c>
      <c r="U85" s="36">
        <v>1.4</v>
      </c>
      <c r="V85" s="8">
        <v>1.5121260522976661</v>
      </c>
      <c r="W85" s="8">
        <v>1.0816055628767831</v>
      </c>
      <c r="X85" s="8">
        <v>0.98867214149929017</v>
      </c>
      <c r="Y85" s="8">
        <v>1.1807587719875106</v>
      </c>
      <c r="Z85" s="8">
        <v>1.2272867399476584</v>
      </c>
      <c r="AA85" s="8">
        <v>1.0092641662973116</v>
      </c>
      <c r="AB85" s="8">
        <v>0.93670782652392071</v>
      </c>
      <c r="AC85" s="8">
        <v>0.82911998269555032</v>
      </c>
      <c r="AD85" s="8">
        <v>0.83342669153615601</v>
      </c>
      <c r="AE85" s="8">
        <v>0.85</v>
      </c>
      <c r="AF85" s="8">
        <v>0.80158471634708439</v>
      </c>
      <c r="AG85" s="8">
        <v>0.92874248507909329</v>
      </c>
      <c r="AH85" s="8">
        <v>0.97150706651246221</v>
      </c>
      <c r="AI85" s="8">
        <v>0.97101050281782908</v>
      </c>
      <c r="AJ85" s="76">
        <v>0.85553825371484704</v>
      </c>
      <c r="AK85" s="8">
        <v>0.81</v>
      </c>
      <c r="AL85" s="8">
        <v>0.81651199153114007</v>
      </c>
      <c r="AM85" s="8">
        <v>0.81034615176443259</v>
      </c>
      <c r="AN85" s="8">
        <v>0.76041176551392164</v>
      </c>
      <c r="AO85" s="17">
        <v>0.70966059086109246</v>
      </c>
      <c r="AP85" s="17">
        <v>0.78039968498262113</v>
      </c>
      <c r="AQ85" s="17">
        <v>0.89</v>
      </c>
      <c r="AR85" s="17">
        <v>0.91</v>
      </c>
      <c r="AS85" s="17">
        <v>0.89</v>
      </c>
      <c r="AT85" s="17">
        <v>0.86574471947863796</v>
      </c>
      <c r="AU85" s="17">
        <v>0.93053050566806772</v>
      </c>
      <c r="AV85" s="17">
        <v>1.0004524508030919</v>
      </c>
      <c r="AW85" s="17">
        <v>0.89866935514180268</v>
      </c>
      <c r="AX85" s="17">
        <v>0.83161659729021742</v>
      </c>
      <c r="AY85" s="17">
        <v>0.85431973624979629</v>
      </c>
      <c r="AZ85" s="17">
        <v>1.1212912759247742</v>
      </c>
      <c r="BA85" s="17">
        <v>1.131812401387839</v>
      </c>
      <c r="BB85" s="8">
        <v>1.0770618854409815</v>
      </c>
      <c r="BC85" s="8">
        <v>0.80996213200575551</v>
      </c>
      <c r="BD85" s="17">
        <v>0.72228636082017572</v>
      </c>
      <c r="BE85" s="17"/>
    </row>
    <row r="86" spans="3:57" x14ac:dyDescent="0.2">
      <c r="C86" s="16" t="s">
        <v>87</v>
      </c>
      <c r="D86" s="6" t="s">
        <v>58</v>
      </c>
      <c r="E86" s="8">
        <v>0.43</v>
      </c>
      <c r="F86" s="17">
        <v>0.42902924835514888</v>
      </c>
      <c r="G86" s="17">
        <v>0.43312854646180043</v>
      </c>
      <c r="H86" s="8">
        <v>0.42465156706604845</v>
      </c>
      <c r="I86" s="8">
        <v>0.42145400159946805</v>
      </c>
      <c r="J86" s="8">
        <v>0.42</v>
      </c>
      <c r="K86" s="8">
        <v>0.42228476895818817</v>
      </c>
      <c r="L86" s="8">
        <v>0.45</v>
      </c>
      <c r="M86" s="8">
        <v>0.45217852839554151</v>
      </c>
      <c r="N86" s="8">
        <v>0.44922933928512221</v>
      </c>
      <c r="O86" s="39">
        <v>0.45899507459963845</v>
      </c>
      <c r="P86" s="8">
        <v>0.46390189728063036</v>
      </c>
      <c r="Q86" s="8">
        <v>0.45524432835926154</v>
      </c>
      <c r="R86" s="8">
        <v>0.46</v>
      </c>
      <c r="S86" s="8">
        <v>0.46141159003161136</v>
      </c>
      <c r="T86" s="8">
        <v>0.44920727846245856</v>
      </c>
      <c r="U86" s="36">
        <v>0.61</v>
      </c>
      <c r="V86" s="8">
        <v>0.59622307669714703</v>
      </c>
      <c r="W86" s="8">
        <v>0.58861659488441587</v>
      </c>
      <c r="X86" s="8">
        <v>0.55991944603648158</v>
      </c>
      <c r="Y86" s="8">
        <v>0.54000409445993824</v>
      </c>
      <c r="Z86" s="8">
        <v>0.54019854731551364</v>
      </c>
      <c r="AA86" s="8">
        <v>0.53353984435845958</v>
      </c>
      <c r="AB86" s="8">
        <v>0.55324476811458745</v>
      </c>
      <c r="AC86" s="8">
        <v>0.55859412277306753</v>
      </c>
      <c r="AD86" s="8">
        <v>0.55926815747264946</v>
      </c>
      <c r="AE86" s="8">
        <v>0.54</v>
      </c>
      <c r="AF86" s="8">
        <v>0.55388541356892407</v>
      </c>
      <c r="AG86" s="8">
        <v>0.52844008921513375</v>
      </c>
      <c r="AH86" s="8">
        <v>0.53391641137993273</v>
      </c>
      <c r="AI86" s="8">
        <v>0.51601415983149013</v>
      </c>
      <c r="AJ86" s="76">
        <v>0.52865421409955782</v>
      </c>
      <c r="AK86" s="8">
        <v>0.52</v>
      </c>
      <c r="AL86" s="8">
        <v>0.53112334878872269</v>
      </c>
      <c r="AM86" s="8">
        <v>0.52144005983773301</v>
      </c>
      <c r="AN86" s="8">
        <v>0.52871277352508528</v>
      </c>
      <c r="AO86" s="17">
        <v>0.52367891624121721</v>
      </c>
      <c r="AP86" s="17">
        <v>0.51753278389381585</v>
      </c>
      <c r="AQ86" s="17">
        <v>0.52</v>
      </c>
      <c r="AR86" s="17">
        <v>0.52</v>
      </c>
      <c r="AS86" s="17">
        <v>0.52</v>
      </c>
      <c r="AT86" s="17">
        <v>0.50239772570147245</v>
      </c>
      <c r="AU86" s="17">
        <v>0.52570117966356333</v>
      </c>
      <c r="AV86" s="17">
        <v>0.51683324710454592</v>
      </c>
      <c r="AW86" s="17">
        <v>0.50846278281847568</v>
      </c>
      <c r="AX86" s="17">
        <v>0.51487208260916506</v>
      </c>
      <c r="AY86" s="17">
        <v>0.50648170226905642</v>
      </c>
      <c r="AZ86" s="17">
        <v>0.51941160432937061</v>
      </c>
      <c r="BA86" s="17">
        <v>0.5274231585887913</v>
      </c>
      <c r="BB86" s="8">
        <v>0.52268496953023957</v>
      </c>
      <c r="BC86" s="8">
        <v>0.50599895828592523</v>
      </c>
      <c r="BD86" s="17">
        <v>0.51038940095894036</v>
      </c>
      <c r="BE86" s="17"/>
    </row>
    <row r="87" spans="3:57" x14ac:dyDescent="0.2">
      <c r="C87" s="16" t="s">
        <v>88</v>
      </c>
      <c r="D87" s="6" t="s">
        <v>58</v>
      </c>
      <c r="E87" s="17">
        <v>0.83</v>
      </c>
      <c r="F87" s="17">
        <v>0.84558392656595283</v>
      </c>
      <c r="G87" s="17">
        <v>0.83177382810107936</v>
      </c>
      <c r="H87" s="17">
        <v>0.82959560785497521</v>
      </c>
      <c r="I87" s="17">
        <v>0.82100397828378424</v>
      </c>
      <c r="J87" s="17">
        <v>0.81</v>
      </c>
      <c r="K87" s="17">
        <v>0.80019558538545166</v>
      </c>
      <c r="L87" s="17">
        <v>0.77</v>
      </c>
      <c r="M87" s="17">
        <v>0.73498040067606929</v>
      </c>
      <c r="N87" s="17">
        <v>0.7184452833663274</v>
      </c>
      <c r="O87" s="43">
        <v>0.70535193617679148</v>
      </c>
      <c r="P87" s="17">
        <v>0.69409428348799318</v>
      </c>
      <c r="Q87" s="17">
        <v>0.77328450680364713</v>
      </c>
      <c r="R87" s="17">
        <v>0.73</v>
      </c>
      <c r="S87" s="17">
        <v>0.70029543749945289</v>
      </c>
      <c r="T87" s="8">
        <v>0.7556227426902421</v>
      </c>
      <c r="U87" s="36">
        <v>0.73</v>
      </c>
      <c r="V87" s="17">
        <v>0.72833441396349985</v>
      </c>
      <c r="W87" s="8">
        <v>0.73487685077523668</v>
      </c>
      <c r="X87" s="8">
        <v>0.71436996811387865</v>
      </c>
      <c r="Y87" s="8">
        <v>0.75201715474475916</v>
      </c>
      <c r="Z87" s="8">
        <v>0.75987951332058146</v>
      </c>
      <c r="AA87" s="8">
        <v>0.79265797473212207</v>
      </c>
      <c r="AB87" s="8">
        <v>0.79370331557599494</v>
      </c>
      <c r="AC87" s="8">
        <v>0.79794652574977987</v>
      </c>
      <c r="AD87" s="8">
        <v>0.78997038210691695</v>
      </c>
      <c r="AE87" s="8">
        <v>0.9</v>
      </c>
      <c r="AF87" s="8">
        <v>0.94889192851273951</v>
      </c>
      <c r="AG87" s="8">
        <v>0.92751666626788398</v>
      </c>
      <c r="AH87" s="8">
        <v>0.93858996788976523</v>
      </c>
      <c r="AI87" s="17">
        <v>1.0910208995473369</v>
      </c>
      <c r="AJ87" s="76">
        <v>1.332704825299253</v>
      </c>
      <c r="AK87" s="8">
        <v>1.39</v>
      </c>
      <c r="AL87" s="8">
        <v>1.4178933034196506</v>
      </c>
      <c r="AM87" s="8">
        <v>1.3856875911262265</v>
      </c>
      <c r="AN87" s="8">
        <v>1.4165213258414759</v>
      </c>
      <c r="AO87" s="17">
        <v>1.3947112810533451</v>
      </c>
      <c r="AP87" s="17">
        <v>1.3678771918983539</v>
      </c>
      <c r="AQ87" s="17">
        <v>1.29</v>
      </c>
      <c r="AR87" s="17">
        <v>1.1399999999999999</v>
      </c>
      <c r="AS87" s="17">
        <v>1.17</v>
      </c>
      <c r="AT87" s="17">
        <v>1.177766034655285</v>
      </c>
      <c r="AU87" s="17">
        <v>0.93223049011770975</v>
      </c>
      <c r="AV87" s="17">
        <v>0.87405317746276912</v>
      </c>
      <c r="AW87" s="17">
        <v>0.84499436802761296</v>
      </c>
      <c r="AX87" s="17">
        <v>0.84817199059035298</v>
      </c>
      <c r="AY87" s="17">
        <v>0.82854593048359249</v>
      </c>
      <c r="AZ87" s="17">
        <v>0.77940490830751885</v>
      </c>
      <c r="BA87" s="17">
        <v>0.7823621800049726</v>
      </c>
      <c r="BB87" s="17">
        <v>0.77114805763900018</v>
      </c>
      <c r="BC87" s="17">
        <v>0.77576132423921851</v>
      </c>
      <c r="BD87" s="17">
        <v>0.7632329014331467</v>
      </c>
      <c r="BE87" s="17"/>
    </row>
    <row r="88" spans="3:57" x14ac:dyDescent="0.2">
      <c r="C88" s="18" t="s">
        <v>91</v>
      </c>
      <c r="D88" s="6" t="s">
        <v>58</v>
      </c>
      <c r="E88" s="8">
        <v>0.91</v>
      </c>
      <c r="F88" s="17">
        <v>0.91371068115087528</v>
      </c>
      <c r="G88" s="17">
        <v>0.92502216481610544</v>
      </c>
      <c r="H88" s="8">
        <v>0.94313293960009437</v>
      </c>
      <c r="I88" s="8">
        <v>1.0390070848857993</v>
      </c>
      <c r="J88" s="8">
        <v>1.1200000000000001</v>
      </c>
      <c r="K88" s="8">
        <v>1.0570921107562938</v>
      </c>
      <c r="L88" s="8">
        <v>0.92</v>
      </c>
      <c r="M88" s="8">
        <v>0.87959250348820506</v>
      </c>
      <c r="N88" s="17">
        <v>0.88609668412884013</v>
      </c>
      <c r="O88" s="43">
        <v>0.89727341175578101</v>
      </c>
      <c r="P88" s="17">
        <v>1.1351491335517847</v>
      </c>
      <c r="Q88" s="17">
        <v>1.1547481014177887</v>
      </c>
      <c r="R88" s="17">
        <v>1.0900000000000001</v>
      </c>
      <c r="S88" s="17">
        <v>0.98478191529757231</v>
      </c>
      <c r="T88" s="8">
        <v>0.90219470193822582</v>
      </c>
      <c r="U88" s="36">
        <v>0.8</v>
      </c>
      <c r="V88" s="17">
        <v>0.92359368272393783</v>
      </c>
      <c r="W88" s="8">
        <v>1.0858966104033483</v>
      </c>
      <c r="X88" s="8">
        <v>1.1954898780401335</v>
      </c>
      <c r="Y88" s="8">
        <v>1.2505706772164833</v>
      </c>
      <c r="Z88" s="8" t="s">
        <v>90</v>
      </c>
      <c r="AA88" s="8"/>
      <c r="AB88" s="8"/>
      <c r="AC88" s="8"/>
      <c r="AD88" s="8"/>
      <c r="AE88" s="8"/>
      <c r="AF88" s="8" t="s">
        <v>90</v>
      </c>
      <c r="AG88" s="8" t="s">
        <v>90</v>
      </c>
      <c r="AH88" s="8" t="s">
        <v>90</v>
      </c>
      <c r="AI88" s="68"/>
      <c r="AJ88" s="76"/>
      <c r="AK88" s="8"/>
      <c r="AL88" s="8"/>
      <c r="AM88" s="8"/>
      <c r="AN88" s="8" t="s">
        <v>90</v>
      </c>
      <c r="AO88" s="17">
        <v>1.1933664464084315</v>
      </c>
      <c r="AP88" s="17">
        <v>1.0992405496677404</v>
      </c>
      <c r="AQ88" s="17">
        <v>1.07</v>
      </c>
      <c r="AR88" s="17">
        <v>0.96</v>
      </c>
      <c r="AS88" s="17">
        <v>0.83</v>
      </c>
      <c r="AT88" s="17">
        <v>0.81071548921114811</v>
      </c>
      <c r="AU88" s="17">
        <v>0.78324734110872551</v>
      </c>
      <c r="AV88" s="17">
        <v>0.94350307345152373</v>
      </c>
      <c r="AW88" s="17">
        <v>0.84278730585069006</v>
      </c>
      <c r="AX88" s="17">
        <v>0.75546190669830304</v>
      </c>
      <c r="AY88" s="17">
        <v>0.76582915069576385</v>
      </c>
      <c r="AZ88" s="17">
        <v>0.80377219791805521</v>
      </c>
      <c r="BA88" s="17">
        <v>0.82472507174134935</v>
      </c>
      <c r="BB88" s="17">
        <v>0.7997534720459949</v>
      </c>
      <c r="BC88" s="17">
        <v>0.75394155091259529</v>
      </c>
      <c r="BD88" s="17">
        <v>0.70502498674485414</v>
      </c>
      <c r="BE88" s="17"/>
    </row>
    <row r="89" spans="3:57" x14ac:dyDescent="0.2">
      <c r="C89" s="18" t="s">
        <v>100</v>
      </c>
      <c r="D89" s="6" t="s">
        <v>58</v>
      </c>
      <c r="E89" s="8">
        <v>0.75</v>
      </c>
      <c r="F89" s="17">
        <v>0.79415254745902608</v>
      </c>
      <c r="G89" s="17">
        <v>0.79653252027800636</v>
      </c>
      <c r="H89" s="8">
        <v>0.80036841313877782</v>
      </c>
      <c r="I89" s="8">
        <v>0.76695956783756147</v>
      </c>
      <c r="J89" s="8">
        <v>0.76</v>
      </c>
      <c r="K89" s="8">
        <v>0.76382407598548241</v>
      </c>
      <c r="L89" s="8">
        <v>0.75</v>
      </c>
      <c r="M89" s="8">
        <v>0.71098605463638342</v>
      </c>
      <c r="N89" s="8">
        <v>0.79198854242558769</v>
      </c>
      <c r="O89" s="39">
        <v>0.8054438287860507</v>
      </c>
      <c r="P89" s="8">
        <v>0.7884023695629756</v>
      </c>
      <c r="Q89" s="8">
        <v>0.77006757237062085</v>
      </c>
      <c r="R89" s="8">
        <v>0.81</v>
      </c>
      <c r="S89" s="8">
        <v>0.82763412781261581</v>
      </c>
      <c r="T89" s="8">
        <v>0.7572837527660754</v>
      </c>
      <c r="U89" s="36">
        <v>0.67</v>
      </c>
      <c r="V89" s="8">
        <v>0.65509872313120465</v>
      </c>
      <c r="W89" s="8">
        <v>0.65879456245982315</v>
      </c>
      <c r="X89" s="8">
        <v>0.66512480540672725</v>
      </c>
      <c r="Y89" s="8">
        <v>0.72694776639591896</v>
      </c>
      <c r="Z89" s="8">
        <v>0.76851828576683734</v>
      </c>
      <c r="AA89" s="8">
        <v>0.79286245526858379</v>
      </c>
      <c r="AB89" s="8">
        <v>0.79355352136615165</v>
      </c>
      <c r="AC89" s="8">
        <v>0.79973848579489437</v>
      </c>
      <c r="AD89" s="8">
        <v>0.80485089426189316</v>
      </c>
      <c r="AE89" s="8">
        <v>1.04</v>
      </c>
      <c r="AF89" s="8">
        <v>1.0028288402080709</v>
      </c>
      <c r="AG89" s="8">
        <v>0.91307916465833094</v>
      </c>
      <c r="AH89" s="8">
        <v>0.93095306147714318</v>
      </c>
      <c r="AI89" s="8">
        <v>0.90967621976046809</v>
      </c>
      <c r="AJ89" s="76">
        <v>0.98762043447123415</v>
      </c>
      <c r="AK89" s="8">
        <v>0.98</v>
      </c>
      <c r="AL89" s="8">
        <v>1.0316636040024678</v>
      </c>
      <c r="AM89" s="8">
        <v>1.0467378663827538</v>
      </c>
      <c r="AN89" s="8">
        <v>1.0562943447445756</v>
      </c>
      <c r="AO89" s="17">
        <v>1.0289088489687293</v>
      </c>
      <c r="AP89" s="17">
        <v>1.0640475441915731</v>
      </c>
      <c r="AQ89" s="17">
        <v>1.0900000000000001</v>
      </c>
      <c r="AR89" s="17">
        <v>1.03</v>
      </c>
      <c r="AS89" s="17">
        <v>0.93</v>
      </c>
      <c r="AT89" s="17">
        <v>0.90848700042375108</v>
      </c>
      <c r="AU89" s="17">
        <v>0.96270875308131143</v>
      </c>
      <c r="AV89" s="17">
        <v>0.8500783925526082</v>
      </c>
      <c r="AW89" s="17">
        <v>0.83946948615016304</v>
      </c>
      <c r="AX89" s="17">
        <v>0.73883648384971978</v>
      </c>
      <c r="AY89" s="17">
        <v>0.74403319100429344</v>
      </c>
      <c r="AZ89" s="17">
        <v>0.74850735201116581</v>
      </c>
      <c r="BA89" s="17">
        <v>0.75967344066705522</v>
      </c>
      <c r="BB89" s="8">
        <v>0.76178575490958289</v>
      </c>
      <c r="BC89" s="8">
        <v>0.75671418599742934</v>
      </c>
      <c r="BD89" s="17">
        <v>0.7294669868783108</v>
      </c>
      <c r="BE89" s="17"/>
    </row>
    <row r="90" spans="3:57" x14ac:dyDescent="0.2">
      <c r="C90" s="16" t="s">
        <v>89</v>
      </c>
      <c r="D90" s="6" t="s">
        <v>58</v>
      </c>
      <c r="E90" s="8">
        <v>0.76</v>
      </c>
      <c r="F90" s="17">
        <v>0.68169529110029015</v>
      </c>
      <c r="G90" s="17">
        <v>0.66391127602848488</v>
      </c>
      <c r="H90" s="8">
        <v>0.68354169026440359</v>
      </c>
      <c r="I90" s="8">
        <v>0.71676781526132927</v>
      </c>
      <c r="J90" s="8">
        <v>0.69</v>
      </c>
      <c r="K90" s="8">
        <v>0.68962057692453571</v>
      </c>
      <c r="L90" s="8">
        <v>0.7</v>
      </c>
      <c r="M90" s="8">
        <v>0.66852100548991933</v>
      </c>
      <c r="N90" s="8">
        <v>0.66566243748755971</v>
      </c>
      <c r="O90" s="39">
        <v>0.68434253294439928</v>
      </c>
      <c r="P90" s="8">
        <v>0.71316527653828643</v>
      </c>
      <c r="Q90" s="8">
        <v>0.70920535346218971</v>
      </c>
      <c r="R90" s="8">
        <v>0.71</v>
      </c>
      <c r="S90" s="8">
        <v>0.65673836418758935</v>
      </c>
      <c r="T90" s="8">
        <v>0.62688341257165603</v>
      </c>
      <c r="U90" s="36">
        <v>0.62</v>
      </c>
      <c r="V90" s="8">
        <v>0.62157668071724093</v>
      </c>
      <c r="W90" s="8">
        <v>0.63389437309814844</v>
      </c>
      <c r="X90" s="8">
        <v>0.68046039168283656</v>
      </c>
      <c r="Y90" s="8">
        <v>0.66452230850607719</v>
      </c>
      <c r="Z90" s="8">
        <v>0.66993690495581792</v>
      </c>
      <c r="AA90" s="8">
        <v>0.67879736891830933</v>
      </c>
      <c r="AB90" s="8">
        <v>0.67093267893260167</v>
      </c>
      <c r="AC90" s="8">
        <v>0.65507076174007539</v>
      </c>
      <c r="AD90" s="8">
        <v>0.64091921672859176</v>
      </c>
      <c r="AE90" s="8">
        <v>0.64</v>
      </c>
      <c r="AF90" s="8">
        <v>0.69789347503744126</v>
      </c>
      <c r="AG90" s="8">
        <v>0.63842255257693059</v>
      </c>
      <c r="AH90" s="8">
        <v>0.63891428310752252</v>
      </c>
      <c r="AI90" s="8">
        <v>0.62865466557804073</v>
      </c>
      <c r="AJ90" s="76">
        <v>0.62826878370328054</v>
      </c>
      <c r="AK90" s="8">
        <v>0.64</v>
      </c>
      <c r="AL90" s="8">
        <v>0.63999094540013834</v>
      </c>
      <c r="AM90" s="8">
        <v>0.64554813404146194</v>
      </c>
      <c r="AN90" s="8">
        <v>0.72542765165001888</v>
      </c>
      <c r="AO90" s="17">
        <v>0.75097197388247106</v>
      </c>
      <c r="AP90" s="17">
        <v>0.76723186778921115</v>
      </c>
      <c r="AQ90" s="17">
        <v>0.76</v>
      </c>
      <c r="AR90" s="17">
        <v>0.82</v>
      </c>
      <c r="AS90" s="17">
        <v>0.81</v>
      </c>
      <c r="AT90" s="17">
        <v>0.80696051956434323</v>
      </c>
      <c r="AU90" s="17">
        <v>0.77186184705692884</v>
      </c>
      <c r="AV90" s="17">
        <v>0.77817863442012802</v>
      </c>
      <c r="AW90" s="17">
        <v>0.79396275374530534</v>
      </c>
      <c r="AX90" s="17">
        <v>0.79537581171852267</v>
      </c>
      <c r="AY90" s="17">
        <v>0.81678774126646081</v>
      </c>
      <c r="AZ90" s="17">
        <v>0.80996228994456443</v>
      </c>
      <c r="BA90" s="17">
        <v>0.77390085322541846</v>
      </c>
      <c r="BB90" s="8">
        <v>0.79961111750392222</v>
      </c>
      <c r="BC90" s="8">
        <v>0.76893321951146443</v>
      </c>
      <c r="BD90" s="17">
        <v>0.77209807352021609</v>
      </c>
      <c r="BE90" s="17"/>
    </row>
    <row r="91" spans="3:57" x14ac:dyDescent="0.2">
      <c r="C91" s="16" t="s">
        <v>95</v>
      </c>
      <c r="D91" s="6" t="s">
        <v>58</v>
      </c>
      <c r="E91" s="17">
        <v>0.88</v>
      </c>
      <c r="F91" s="17">
        <v>0.88254491519159628</v>
      </c>
      <c r="G91" s="17">
        <v>0.94522139272604755</v>
      </c>
      <c r="H91" s="17">
        <v>0.9484969850928413</v>
      </c>
      <c r="I91" s="17">
        <v>0.98883550783124752</v>
      </c>
      <c r="J91" s="17">
        <v>0.96</v>
      </c>
      <c r="K91" s="17">
        <v>0.94836493983196268</v>
      </c>
      <c r="L91" s="17">
        <v>0.96</v>
      </c>
      <c r="M91" s="17">
        <v>0.97400958102980706</v>
      </c>
      <c r="N91" s="8">
        <v>0.9713496108679226</v>
      </c>
      <c r="O91" s="39">
        <v>0.9823731211317418</v>
      </c>
      <c r="P91" s="8">
        <v>0.95677370369738435</v>
      </c>
      <c r="Q91" s="8">
        <v>0.96005241814522835</v>
      </c>
      <c r="R91" s="8">
        <v>0.96</v>
      </c>
      <c r="S91" s="8">
        <v>0.94230014247085159</v>
      </c>
      <c r="T91" s="8">
        <v>0.91468994227525269</v>
      </c>
      <c r="U91" s="36">
        <v>0.92</v>
      </c>
      <c r="V91" s="8">
        <v>0.88116988032497279</v>
      </c>
      <c r="W91" s="8">
        <v>0.89154128364851792</v>
      </c>
      <c r="X91" s="8">
        <v>0.93601870606769566</v>
      </c>
      <c r="Y91" s="8">
        <v>0.9371950501999321</v>
      </c>
      <c r="Z91" s="8">
        <v>0.94876029210780133</v>
      </c>
      <c r="AA91" s="8">
        <v>0.97860720510484323</v>
      </c>
      <c r="AB91" s="8">
        <v>0.97757943010297055</v>
      </c>
      <c r="AC91" s="8">
        <v>0.96936859345850324</v>
      </c>
      <c r="AD91" s="8">
        <v>0.97410195423396184</v>
      </c>
      <c r="AE91" s="8">
        <v>0.97</v>
      </c>
      <c r="AF91" s="8">
        <v>0.97533311034755366</v>
      </c>
      <c r="AG91" s="8">
        <v>1.0027380241039923</v>
      </c>
      <c r="AH91" s="8">
        <v>0.90355802386741035</v>
      </c>
      <c r="AI91" s="8">
        <v>0.94959280605252783</v>
      </c>
      <c r="AJ91" s="76">
        <v>0.91680135511874938</v>
      </c>
      <c r="AK91" s="8">
        <v>0.9</v>
      </c>
      <c r="AL91" s="8">
        <v>0.8666472242061467</v>
      </c>
      <c r="AM91" s="8">
        <v>0.81806878629527824</v>
      </c>
      <c r="AN91" s="8">
        <v>0.78683662921879249</v>
      </c>
      <c r="AO91" s="17">
        <v>0.79231659969671775</v>
      </c>
      <c r="AP91" s="17">
        <v>0.86913536078266207</v>
      </c>
      <c r="AQ91" s="17">
        <v>0.85</v>
      </c>
      <c r="AR91" s="17">
        <v>0.87</v>
      </c>
      <c r="AS91" s="17">
        <v>0.85</v>
      </c>
      <c r="AT91" s="17">
        <v>0.84221578457668878</v>
      </c>
      <c r="AU91" s="17">
        <v>0.86707795078061756</v>
      </c>
      <c r="AV91" s="17">
        <v>0.81180065403606005</v>
      </c>
      <c r="AW91" s="17">
        <v>0.88763702620973273</v>
      </c>
      <c r="AX91" s="17">
        <v>0.8872739932753112</v>
      </c>
      <c r="AY91" s="17">
        <v>0.88822052416254538</v>
      </c>
      <c r="AZ91" s="17">
        <v>0.90728760927572838</v>
      </c>
      <c r="BA91" s="17">
        <v>0.86586017864428333</v>
      </c>
      <c r="BB91" s="8">
        <v>0.9070104685815199</v>
      </c>
      <c r="BC91" s="8">
        <v>0.92635136638419069</v>
      </c>
      <c r="BD91" s="17">
        <v>0.88481648670755986</v>
      </c>
      <c r="BE91" s="17"/>
    </row>
    <row r="92" spans="3:57" x14ac:dyDescent="0.2">
      <c r="C92" s="23" t="s">
        <v>96</v>
      </c>
      <c r="D92" s="6" t="s">
        <v>58</v>
      </c>
      <c r="E92" s="17">
        <v>0.85</v>
      </c>
      <c r="F92" s="17">
        <v>0.7719062503486277</v>
      </c>
      <c r="G92" s="17">
        <v>0.74884463730112172</v>
      </c>
      <c r="H92" s="17">
        <v>0.80732574125972001</v>
      </c>
      <c r="I92" s="17">
        <v>0.79535798722988515</v>
      </c>
      <c r="J92" s="17">
        <v>0.75</v>
      </c>
      <c r="K92" s="17">
        <v>0.76486825052374685</v>
      </c>
      <c r="L92" s="17">
        <v>0.73</v>
      </c>
      <c r="M92" s="17">
        <v>0.77230404137230513</v>
      </c>
      <c r="N92" s="17">
        <v>0.8081373926866966</v>
      </c>
      <c r="O92" s="43">
        <v>0.81700248474577075</v>
      </c>
      <c r="P92" s="17">
        <v>0.81430948830530081</v>
      </c>
      <c r="Q92" s="17">
        <v>0.82202265130444474</v>
      </c>
      <c r="R92" s="17">
        <v>0.8</v>
      </c>
      <c r="S92" s="17">
        <v>0.83392350011817651</v>
      </c>
      <c r="T92" s="8">
        <v>0.83506370727776369</v>
      </c>
      <c r="U92" s="36">
        <v>0.81</v>
      </c>
      <c r="V92" s="17">
        <v>0.79995746254758326</v>
      </c>
      <c r="W92" s="8">
        <v>0.80100257483785309</v>
      </c>
      <c r="X92" s="8">
        <v>0.85122335219178225</v>
      </c>
      <c r="Y92" s="8">
        <v>0.9144379492364354</v>
      </c>
      <c r="Z92" s="8">
        <v>0.97884494014748025</v>
      </c>
      <c r="AA92" s="8">
        <v>1.0084200047784351</v>
      </c>
      <c r="AB92" s="8">
        <v>1.0121112296070627</v>
      </c>
      <c r="AC92" s="8">
        <v>1.0069312791026905</v>
      </c>
      <c r="AD92" s="8">
        <v>1.007122176993966</v>
      </c>
      <c r="AE92" s="8">
        <v>0.98</v>
      </c>
      <c r="AF92" s="8">
        <v>1.001862584316235</v>
      </c>
      <c r="AG92" s="8">
        <v>1.0071132923353976</v>
      </c>
      <c r="AH92" s="8">
        <v>1.0020395620255238</v>
      </c>
      <c r="AI92" s="17">
        <v>0.97379215713071243</v>
      </c>
      <c r="AJ92" s="76">
        <v>0.96766967679953397</v>
      </c>
      <c r="AK92" s="8">
        <v>0.97</v>
      </c>
      <c r="AL92" s="8">
        <v>0.96650927159062427</v>
      </c>
      <c r="AM92" s="8">
        <v>0.95758759319529785</v>
      </c>
      <c r="AN92" s="8">
        <v>0.91022620543995802</v>
      </c>
      <c r="AO92" s="17">
        <v>0.91772769159580592</v>
      </c>
      <c r="AP92" s="17">
        <v>0.9017479838856286</v>
      </c>
      <c r="AQ92" s="17">
        <v>0.88</v>
      </c>
      <c r="AR92" s="17">
        <v>0.88</v>
      </c>
      <c r="AS92" s="17">
        <v>0.88</v>
      </c>
      <c r="AT92" s="17">
        <v>0.91432966494982459</v>
      </c>
      <c r="AU92" s="17">
        <v>0.91642921351523399</v>
      </c>
      <c r="AV92" s="17">
        <v>0.90325651565178988</v>
      </c>
      <c r="AW92" s="17">
        <v>0.90832929735701573</v>
      </c>
      <c r="AX92" s="17">
        <v>0.88787913979921773</v>
      </c>
      <c r="AY92" s="17">
        <v>0.86899234294400829</v>
      </c>
      <c r="AZ92" s="17">
        <v>0.87223353370007894</v>
      </c>
      <c r="BA92" s="17">
        <v>0.87902641712621377</v>
      </c>
      <c r="BB92" s="17">
        <v>0.88296434965994919</v>
      </c>
      <c r="BC92" s="17">
        <v>0.88785866079111353</v>
      </c>
      <c r="BD92" s="17">
        <v>0.9251283728570131</v>
      </c>
      <c r="BE92" s="23"/>
    </row>
    <row r="93" spans="3:57" x14ac:dyDescent="0.2">
      <c r="C93" s="67"/>
      <c r="D93" s="64"/>
      <c r="E93" s="65"/>
      <c r="F93" s="65"/>
      <c r="G93" s="65"/>
      <c r="H93" s="65"/>
      <c r="I93" s="65"/>
      <c r="J93" s="65"/>
      <c r="K93" s="65"/>
      <c r="L93" s="65"/>
      <c r="M93" s="65"/>
      <c r="N93" s="65"/>
      <c r="O93" s="65"/>
      <c r="P93" s="65"/>
      <c r="Q93" s="65"/>
      <c r="R93" s="65"/>
      <c r="S93" s="65"/>
      <c r="T93" s="65"/>
      <c r="U93" s="65"/>
      <c r="V93" s="65"/>
      <c r="W93" s="65"/>
      <c r="X93" s="65"/>
      <c r="Y93" s="65"/>
      <c r="Z93" s="65"/>
      <c r="AA93" s="65"/>
      <c r="AB93" s="65"/>
      <c r="AC93" s="65"/>
      <c r="AD93" s="65"/>
      <c r="AE93" s="65"/>
      <c r="AF93" s="65"/>
      <c r="AG93" s="65"/>
      <c r="AH93" s="65"/>
      <c r="AI93" s="65"/>
      <c r="AJ93" s="65"/>
      <c r="AK93" s="65"/>
      <c r="AL93" s="65"/>
      <c r="AM93" s="65"/>
      <c r="AN93" s="65"/>
      <c r="AO93" s="65"/>
      <c r="AP93" s="65"/>
      <c r="AQ93" s="65"/>
      <c r="AR93" s="65"/>
      <c r="AS93" s="65"/>
      <c r="AT93" s="65"/>
      <c r="AU93" s="65"/>
      <c r="AV93" s="65"/>
      <c r="AW93" s="65"/>
      <c r="AX93" s="65"/>
      <c r="AY93" s="65"/>
      <c r="AZ93" s="65"/>
      <c r="BA93" s="65"/>
      <c r="BB93" s="65"/>
      <c r="BC93" s="65"/>
    </row>
    <row r="94" spans="3:57" x14ac:dyDescent="0.2"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F94" s="65"/>
      <c r="AG94" s="65"/>
      <c r="AH94" s="65"/>
      <c r="AI94" s="65"/>
      <c r="AJ94" s="65"/>
      <c r="AK94" s="65"/>
      <c r="AL94" s="65"/>
      <c r="AM94" s="65"/>
      <c r="AN94" s="65"/>
      <c r="AO94" s="65"/>
      <c r="AP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7" x14ac:dyDescent="0.2">
      <c r="C95" s="23" t="s">
        <v>106</v>
      </c>
      <c r="D95" s="6" t="s">
        <v>58</v>
      </c>
      <c r="E95" s="17">
        <v>6.65</v>
      </c>
      <c r="F95" s="17">
        <v>6.72</v>
      </c>
      <c r="G95" s="17">
        <v>6.51</v>
      </c>
      <c r="H95" s="17">
        <v>6.61</v>
      </c>
      <c r="I95" s="17">
        <v>6.57</v>
      </c>
      <c r="J95" s="17">
        <v>6.67</v>
      </c>
      <c r="K95" s="17">
        <v>6.41</v>
      </c>
      <c r="L95" s="17">
        <v>6.77</v>
      </c>
      <c r="M95" s="17">
        <v>6.49</v>
      </c>
      <c r="N95" s="17">
        <v>6.6</v>
      </c>
      <c r="O95" s="69">
        <v>6.52</v>
      </c>
      <c r="P95" s="70">
        <v>6.62</v>
      </c>
      <c r="Q95" s="70">
        <v>6.32</v>
      </c>
      <c r="R95" s="34">
        <v>6.43</v>
      </c>
      <c r="S95" s="34">
        <v>6.32</v>
      </c>
      <c r="T95" s="17">
        <v>6.7</v>
      </c>
      <c r="U95" s="36">
        <v>7.12</v>
      </c>
      <c r="V95" s="36">
        <v>6.21</v>
      </c>
      <c r="W95" s="36">
        <v>6.24</v>
      </c>
      <c r="X95" s="36">
        <v>6.53</v>
      </c>
      <c r="Y95" s="17">
        <v>6.47</v>
      </c>
      <c r="Z95" s="17">
        <v>6.66</v>
      </c>
      <c r="AA95" s="34">
        <v>6.38</v>
      </c>
      <c r="AB95" s="34">
        <v>6.63</v>
      </c>
      <c r="AC95" s="34">
        <v>6.62</v>
      </c>
      <c r="AD95" s="34">
        <v>6.49</v>
      </c>
      <c r="AE95" s="34">
        <v>6.62</v>
      </c>
      <c r="AF95" s="34">
        <v>6.86</v>
      </c>
      <c r="AG95" s="34">
        <v>6.42</v>
      </c>
      <c r="AH95" s="34">
        <v>6.6</v>
      </c>
      <c r="AI95" s="17">
        <v>6.4</v>
      </c>
      <c r="AJ95" s="17">
        <v>6.23</v>
      </c>
      <c r="AK95" s="17">
        <v>6.56</v>
      </c>
      <c r="AL95" s="17">
        <v>6.34</v>
      </c>
      <c r="AM95" s="17">
        <v>6.34</v>
      </c>
      <c r="AN95" s="34">
        <v>6.15</v>
      </c>
      <c r="AO95" s="17">
        <v>6.63</v>
      </c>
      <c r="AP95" s="17">
        <v>6.38</v>
      </c>
      <c r="AQ95" s="17">
        <v>6.67</v>
      </c>
      <c r="AR95" s="17">
        <v>6.19</v>
      </c>
      <c r="AS95" s="17">
        <v>6.25</v>
      </c>
      <c r="AT95" s="17">
        <v>6.56</v>
      </c>
      <c r="AU95" s="17">
        <v>6.48</v>
      </c>
      <c r="AV95" s="17">
        <v>6.22</v>
      </c>
      <c r="AW95" s="17">
        <v>6.46</v>
      </c>
      <c r="AX95" s="17">
        <v>6.25</v>
      </c>
      <c r="AY95" s="17">
        <v>6.42</v>
      </c>
      <c r="AZ95" s="17">
        <v>6.51</v>
      </c>
      <c r="BA95" s="17">
        <v>6.38</v>
      </c>
      <c r="BB95" s="17">
        <v>6.48</v>
      </c>
      <c r="BC95" s="17">
        <v>6.58</v>
      </c>
      <c r="BD95" s="17">
        <v>6.58</v>
      </c>
      <c r="BE95" s="23"/>
    </row>
    <row r="96" spans="3:57" x14ac:dyDescent="0.2">
      <c r="D96" s="64"/>
      <c r="E96" s="65"/>
      <c r="F96" s="65"/>
      <c r="G96" s="65"/>
      <c r="H96" s="65"/>
      <c r="I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100" spans="3:57" x14ac:dyDescent="0.2">
      <c r="C100" s="1" t="s">
        <v>97</v>
      </c>
      <c r="E100" s="2">
        <v>2010</v>
      </c>
      <c r="F100" s="1"/>
      <c r="G100" s="1"/>
      <c r="H100" s="1"/>
      <c r="I100" s="1"/>
      <c r="J100" s="1"/>
      <c r="K100" s="1"/>
      <c r="L100" s="1"/>
      <c r="M100" s="1"/>
    </row>
    <row r="101" spans="3:57" x14ac:dyDescent="0.2">
      <c r="C101" s="3" t="s">
        <v>2</v>
      </c>
      <c r="D101" s="3" t="s">
        <v>3</v>
      </c>
      <c r="E101" s="4" t="s">
        <v>15</v>
      </c>
      <c r="F101" s="4" t="s">
        <v>16</v>
      </c>
      <c r="G101" s="4" t="s">
        <v>17</v>
      </c>
      <c r="H101" s="4" t="s">
        <v>18</v>
      </c>
      <c r="I101" s="4" t="s">
        <v>19</v>
      </c>
      <c r="J101" s="4" t="s">
        <v>20</v>
      </c>
      <c r="K101" s="4" t="s">
        <v>21</v>
      </c>
      <c r="L101" s="4" t="s">
        <v>22</v>
      </c>
      <c r="M101" s="4" t="s">
        <v>23</v>
      </c>
      <c r="N101" s="4" t="s">
        <v>24</v>
      </c>
      <c r="O101" s="4" t="s">
        <v>25</v>
      </c>
      <c r="P101" s="4" t="s">
        <v>26</v>
      </c>
      <c r="Q101" s="4" t="s">
        <v>27</v>
      </c>
      <c r="R101" s="4" t="s">
        <v>28</v>
      </c>
      <c r="S101" s="4" t="s">
        <v>29</v>
      </c>
      <c r="T101" s="4" t="s">
        <v>30</v>
      </c>
      <c r="U101" s="4" t="s">
        <v>31</v>
      </c>
      <c r="V101" s="4" t="s">
        <v>32</v>
      </c>
      <c r="W101" s="4" t="s">
        <v>33</v>
      </c>
      <c r="X101" s="4" t="s">
        <v>34</v>
      </c>
      <c r="Y101" s="4" t="s">
        <v>35</v>
      </c>
      <c r="Z101" s="4" t="s">
        <v>36</v>
      </c>
      <c r="AA101" s="4" t="s">
        <v>37</v>
      </c>
      <c r="AB101" s="4" t="s">
        <v>38</v>
      </c>
      <c r="AC101" s="4" t="s">
        <v>39</v>
      </c>
      <c r="AD101" s="4" t="s">
        <v>40</v>
      </c>
      <c r="AE101" s="4" t="s">
        <v>41</v>
      </c>
      <c r="AF101" s="4" t="s">
        <v>42</v>
      </c>
      <c r="AG101" s="4" t="s">
        <v>43</v>
      </c>
      <c r="AH101" s="4" t="s">
        <v>44</v>
      </c>
      <c r="AI101" s="4" t="s">
        <v>45</v>
      </c>
      <c r="AJ101" s="4" t="s">
        <v>46</v>
      </c>
      <c r="AK101" s="4" t="s">
        <v>47</v>
      </c>
      <c r="AL101" s="4" t="s">
        <v>48</v>
      </c>
      <c r="AM101" s="4" t="s">
        <v>49</v>
      </c>
      <c r="AN101" s="4" t="s">
        <v>50</v>
      </c>
      <c r="AO101" s="4" t="s">
        <v>51</v>
      </c>
      <c r="AP101" s="4" t="s">
        <v>52</v>
      </c>
      <c r="AQ101" s="4" t="s">
        <v>53</v>
      </c>
      <c r="AR101" s="4" t="s">
        <v>54</v>
      </c>
      <c r="AS101" s="4" t="s">
        <v>55</v>
      </c>
      <c r="AT101" s="4" t="s">
        <v>4</v>
      </c>
      <c r="AU101" s="4" t="s">
        <v>5</v>
      </c>
      <c r="AV101" s="4" t="s">
        <v>6</v>
      </c>
      <c r="AW101" s="4" t="s">
        <v>7</v>
      </c>
      <c r="AX101" s="4" t="s">
        <v>8</v>
      </c>
      <c r="AY101" s="4" t="s">
        <v>9</v>
      </c>
      <c r="AZ101" s="4" t="s">
        <v>10</v>
      </c>
      <c r="BA101" s="4" t="s">
        <v>11</v>
      </c>
      <c r="BB101" s="4" t="s">
        <v>12</v>
      </c>
      <c r="BC101" s="4" t="s">
        <v>13</v>
      </c>
      <c r="BD101" s="4" t="s">
        <v>14</v>
      </c>
      <c r="BE101" s="4" t="s">
        <v>56</v>
      </c>
    </row>
    <row r="102" spans="3:57" x14ac:dyDescent="0.2">
      <c r="C102" s="5" t="s">
        <v>57</v>
      </c>
      <c r="D102" s="6" t="s">
        <v>58</v>
      </c>
      <c r="E102" s="17">
        <v>15.73</v>
      </c>
      <c r="F102" s="17">
        <v>15.73</v>
      </c>
      <c r="G102" s="8">
        <v>15.73</v>
      </c>
      <c r="H102" s="17">
        <v>15.73</v>
      </c>
      <c r="I102" s="8">
        <v>15.73</v>
      </c>
      <c r="J102" s="8">
        <v>15.73</v>
      </c>
      <c r="K102" s="8">
        <v>15.79</v>
      </c>
      <c r="L102" s="8">
        <v>15.69</v>
      </c>
      <c r="M102" s="8">
        <v>15.68</v>
      </c>
      <c r="N102" s="8">
        <v>15.67</v>
      </c>
      <c r="O102" s="8">
        <v>15.67</v>
      </c>
      <c r="P102" s="8">
        <v>15.68</v>
      </c>
      <c r="Q102" s="8">
        <v>15.68</v>
      </c>
      <c r="R102" s="8">
        <v>15.67</v>
      </c>
      <c r="S102" s="8">
        <v>15.67</v>
      </c>
      <c r="T102" s="8">
        <v>15.67</v>
      </c>
      <c r="U102" s="8">
        <v>15.66</v>
      </c>
      <c r="V102" s="8">
        <v>15.66</v>
      </c>
      <c r="W102" s="8">
        <v>15.76</v>
      </c>
      <c r="X102" s="8">
        <v>15.8</v>
      </c>
      <c r="Y102" s="8">
        <v>15.95</v>
      </c>
      <c r="Z102" s="8">
        <v>15.99</v>
      </c>
      <c r="AA102" s="8">
        <v>16.02</v>
      </c>
      <c r="AB102" s="8">
        <v>16.02</v>
      </c>
      <c r="AC102" s="8">
        <v>16.03</v>
      </c>
      <c r="AD102" s="17">
        <v>16.13</v>
      </c>
      <c r="AE102" s="17">
        <v>16.13</v>
      </c>
      <c r="AF102" s="8">
        <v>16.12</v>
      </c>
      <c r="AG102" s="8">
        <v>16.13</v>
      </c>
      <c r="AH102" s="8">
        <v>16.13</v>
      </c>
      <c r="AI102" s="8">
        <v>16.13</v>
      </c>
      <c r="AJ102" s="8">
        <v>16.13</v>
      </c>
      <c r="AK102" s="8">
        <v>16.13</v>
      </c>
      <c r="AL102" s="76">
        <v>16.13</v>
      </c>
      <c r="AM102" s="8">
        <v>16.16</v>
      </c>
      <c r="AN102" s="8">
        <v>16.149999999999999</v>
      </c>
      <c r="AO102" s="17">
        <v>16.149999999999999</v>
      </c>
      <c r="AP102" s="17">
        <v>16.149999999999999</v>
      </c>
      <c r="AQ102" s="17">
        <v>16.11</v>
      </c>
      <c r="AR102" s="17">
        <v>16.109392994901601</v>
      </c>
      <c r="AS102" s="17">
        <v>16.12</v>
      </c>
      <c r="AT102" s="17">
        <v>16.170000000000002</v>
      </c>
      <c r="AU102" s="17">
        <v>16.170000000000002</v>
      </c>
      <c r="AV102" s="17">
        <v>16.12</v>
      </c>
      <c r="AW102" s="17">
        <v>16.09</v>
      </c>
      <c r="AX102" s="17">
        <v>16.170000000000002</v>
      </c>
      <c r="AY102" s="17">
        <v>16.239999999999998</v>
      </c>
      <c r="AZ102" s="17">
        <v>16.239999999999998</v>
      </c>
      <c r="BA102" s="17">
        <v>16.239999999999998</v>
      </c>
      <c r="BB102" s="17">
        <v>16.190000000000001</v>
      </c>
      <c r="BC102" s="8">
        <v>16.309999999999999</v>
      </c>
      <c r="BD102" s="17">
        <v>16.260000000000002</v>
      </c>
      <c r="BE102" s="17"/>
    </row>
    <row r="103" spans="3:57" x14ac:dyDescent="0.2">
      <c r="C103" s="5" t="s">
        <v>59</v>
      </c>
      <c r="D103" s="6" t="s">
        <v>58</v>
      </c>
      <c r="E103" s="17">
        <v>10.96</v>
      </c>
      <c r="F103" s="17">
        <v>10.88</v>
      </c>
      <c r="G103" s="8">
        <v>10.84</v>
      </c>
      <c r="H103" s="17">
        <v>10.83</v>
      </c>
      <c r="I103" s="8">
        <v>10.7</v>
      </c>
      <c r="J103" s="8">
        <v>10.65</v>
      </c>
      <c r="K103" s="8">
        <v>10.59</v>
      </c>
      <c r="L103" s="8">
        <v>10.54</v>
      </c>
      <c r="M103" s="8">
        <v>10.42</v>
      </c>
      <c r="N103" s="8">
        <v>10.37</v>
      </c>
      <c r="O103" s="8">
        <v>10.36</v>
      </c>
      <c r="P103" s="8">
        <v>10.37</v>
      </c>
      <c r="Q103" s="8">
        <v>10.38</v>
      </c>
      <c r="R103" s="8">
        <v>10.38</v>
      </c>
      <c r="S103" s="8">
        <v>10.36</v>
      </c>
      <c r="T103" s="8">
        <v>10.38</v>
      </c>
      <c r="U103" s="8">
        <v>10.33</v>
      </c>
      <c r="V103" s="8">
        <v>10.3</v>
      </c>
      <c r="W103" s="8">
        <v>10.26</v>
      </c>
      <c r="X103" s="8">
        <v>10.26</v>
      </c>
      <c r="Y103" s="8">
        <v>10.26</v>
      </c>
      <c r="Z103" s="8">
        <v>10.26</v>
      </c>
      <c r="AA103" s="8">
        <v>10.18</v>
      </c>
      <c r="AB103" s="8">
        <v>10.16</v>
      </c>
      <c r="AC103" s="8">
        <v>10.18</v>
      </c>
      <c r="AD103" s="17">
        <v>10.18</v>
      </c>
      <c r="AE103" s="17">
        <v>10.17</v>
      </c>
      <c r="AF103" s="8">
        <v>10.18</v>
      </c>
      <c r="AG103" s="8">
        <v>10.18</v>
      </c>
      <c r="AH103" s="8">
        <v>10.19</v>
      </c>
      <c r="AI103" s="8">
        <v>10.210000000000001</v>
      </c>
      <c r="AJ103" s="8">
        <v>10.23</v>
      </c>
      <c r="AK103" s="8">
        <v>10.24</v>
      </c>
      <c r="AL103" s="76">
        <v>10.26</v>
      </c>
      <c r="AM103" s="8">
        <v>10.28</v>
      </c>
      <c r="AN103" s="8">
        <v>10.33</v>
      </c>
      <c r="AO103" s="17">
        <v>10.34</v>
      </c>
      <c r="AP103" s="17">
        <v>10.34</v>
      </c>
      <c r="AQ103" s="17">
        <v>10.37</v>
      </c>
      <c r="AR103" s="17">
        <v>10.405834867480699</v>
      </c>
      <c r="AS103" s="17">
        <v>10.4</v>
      </c>
      <c r="AT103" s="17">
        <v>10.4</v>
      </c>
      <c r="AU103" s="17">
        <v>10.42</v>
      </c>
      <c r="AV103" s="17">
        <v>10.42</v>
      </c>
      <c r="AW103" s="17">
        <v>10.37</v>
      </c>
      <c r="AX103" s="17">
        <v>10.38</v>
      </c>
      <c r="AY103" s="17">
        <v>10.37</v>
      </c>
      <c r="AZ103" s="17">
        <v>10.42</v>
      </c>
      <c r="BA103" s="17">
        <v>10.42</v>
      </c>
      <c r="BB103" s="17">
        <v>10.41</v>
      </c>
      <c r="BC103" s="8">
        <v>10.51</v>
      </c>
      <c r="BD103" s="17">
        <v>10.52</v>
      </c>
      <c r="BE103" s="17"/>
    </row>
    <row r="104" spans="3:57" x14ac:dyDescent="0.2">
      <c r="C104" s="5" t="s">
        <v>60</v>
      </c>
      <c r="D104" s="6" t="s">
        <v>58</v>
      </c>
      <c r="E104" s="17">
        <v>5.57</v>
      </c>
      <c r="F104" s="17">
        <v>5.55</v>
      </c>
      <c r="G104" s="8">
        <v>5.55</v>
      </c>
      <c r="H104" s="17">
        <v>5.54</v>
      </c>
      <c r="I104" s="8">
        <v>5.54</v>
      </c>
      <c r="J104" s="8">
        <v>5.53</v>
      </c>
      <c r="K104" s="8">
        <v>5.49</v>
      </c>
      <c r="L104" s="8">
        <v>5.51</v>
      </c>
      <c r="M104" s="8">
        <v>5.51</v>
      </c>
      <c r="N104" s="8">
        <v>5.49</v>
      </c>
      <c r="O104" s="8">
        <v>5.5</v>
      </c>
      <c r="P104" s="8">
        <v>5.48</v>
      </c>
      <c r="Q104" s="8">
        <v>5.46</v>
      </c>
      <c r="R104" s="8">
        <v>5.48</v>
      </c>
      <c r="S104" s="8">
        <v>5.46</v>
      </c>
      <c r="T104" s="8">
        <v>5.45</v>
      </c>
      <c r="U104" s="8">
        <v>5.42</v>
      </c>
      <c r="V104" s="8">
        <v>5.45</v>
      </c>
      <c r="W104" s="8">
        <v>5.43</v>
      </c>
      <c r="X104" s="8">
        <v>5.44</v>
      </c>
      <c r="Y104" s="8">
        <v>5.46</v>
      </c>
      <c r="Z104" s="8">
        <v>5.46</v>
      </c>
      <c r="AA104" s="8">
        <v>5.48</v>
      </c>
      <c r="AB104" s="8">
        <v>5.47</v>
      </c>
      <c r="AC104" s="8">
        <v>5.47</v>
      </c>
      <c r="AD104" s="17">
        <v>5.48</v>
      </c>
      <c r="AE104" s="17">
        <v>5.51</v>
      </c>
      <c r="AF104" s="8">
        <v>5.51</v>
      </c>
      <c r="AG104" s="8">
        <v>5.51</v>
      </c>
      <c r="AH104" s="8">
        <v>5.51</v>
      </c>
      <c r="AI104" s="8">
        <v>5.51</v>
      </c>
      <c r="AJ104" s="8">
        <v>5.52</v>
      </c>
      <c r="AK104" s="8">
        <v>5.52</v>
      </c>
      <c r="AL104" s="76">
        <v>5.51</v>
      </c>
      <c r="AM104" s="8">
        <v>5.49</v>
      </c>
      <c r="AN104" s="8">
        <v>5.49</v>
      </c>
      <c r="AO104" s="17">
        <v>5.48</v>
      </c>
      <c r="AP104" s="17">
        <v>5.49</v>
      </c>
      <c r="AQ104" s="17">
        <v>5.49</v>
      </c>
      <c r="AR104" s="17">
        <v>5.4933373389278897</v>
      </c>
      <c r="AS104" s="17">
        <v>5.5</v>
      </c>
      <c r="AT104" s="17">
        <v>5.5</v>
      </c>
      <c r="AU104" s="17">
        <v>5.51</v>
      </c>
      <c r="AV104" s="17">
        <v>5.49</v>
      </c>
      <c r="AW104" s="17">
        <v>5.48</v>
      </c>
      <c r="AX104" s="17">
        <v>5.49</v>
      </c>
      <c r="AY104" s="17">
        <v>5.49</v>
      </c>
      <c r="AZ104" s="17">
        <v>5.49</v>
      </c>
      <c r="BA104" s="17">
        <v>5.49</v>
      </c>
      <c r="BB104" s="17">
        <v>5.51</v>
      </c>
      <c r="BC104" s="8">
        <v>5.5</v>
      </c>
      <c r="BD104" s="17">
        <v>5.55</v>
      </c>
      <c r="BE104" s="17"/>
    </row>
    <row r="105" spans="3:57" x14ac:dyDescent="0.2">
      <c r="C105" s="5" t="s">
        <v>61</v>
      </c>
      <c r="D105" s="6" t="s">
        <v>58</v>
      </c>
      <c r="E105" s="17">
        <v>2.87</v>
      </c>
      <c r="F105" s="17">
        <v>2.85</v>
      </c>
      <c r="G105" s="8">
        <v>2.84</v>
      </c>
      <c r="H105" s="17">
        <v>2.84</v>
      </c>
      <c r="I105" s="8">
        <v>2.84</v>
      </c>
      <c r="J105" s="8">
        <v>2.83</v>
      </c>
      <c r="K105" s="8">
        <v>2.84</v>
      </c>
      <c r="L105" s="8">
        <v>2.83</v>
      </c>
      <c r="M105" s="8">
        <v>2.84</v>
      </c>
      <c r="N105" s="8">
        <v>2.85</v>
      </c>
      <c r="O105" s="8">
        <v>2.85</v>
      </c>
      <c r="P105" s="8">
        <v>2.85</v>
      </c>
      <c r="Q105" s="8">
        <v>2.85</v>
      </c>
      <c r="R105" s="8">
        <v>2.85</v>
      </c>
      <c r="S105" s="8">
        <v>2.83</v>
      </c>
      <c r="T105" s="8">
        <v>2.83</v>
      </c>
      <c r="U105" s="8">
        <v>2.82</v>
      </c>
      <c r="V105" s="8">
        <v>2.81</v>
      </c>
      <c r="W105" s="8">
        <v>2.8</v>
      </c>
      <c r="X105" s="8">
        <v>2.79</v>
      </c>
      <c r="Y105" s="8">
        <v>2.79</v>
      </c>
      <c r="Z105" s="8">
        <v>2.77</v>
      </c>
      <c r="AA105" s="8">
        <v>2.77</v>
      </c>
      <c r="AB105" s="8">
        <v>2.77</v>
      </c>
      <c r="AC105" s="8">
        <v>2.77</v>
      </c>
      <c r="AD105" s="17">
        <v>2.77</v>
      </c>
      <c r="AE105" s="17">
        <v>2.76</v>
      </c>
      <c r="AF105" s="8">
        <v>2.77</v>
      </c>
      <c r="AG105" s="8">
        <v>2.77</v>
      </c>
      <c r="AH105" s="8">
        <v>2.77</v>
      </c>
      <c r="AI105" s="8">
        <v>2.77</v>
      </c>
      <c r="AJ105" s="8">
        <v>2.77</v>
      </c>
      <c r="AK105" s="8">
        <v>2.77</v>
      </c>
      <c r="AL105" s="76">
        <v>2.77</v>
      </c>
      <c r="AM105" s="8">
        <v>2.77</v>
      </c>
      <c r="AN105" s="8">
        <v>2.77</v>
      </c>
      <c r="AO105" s="17">
        <v>2.81</v>
      </c>
      <c r="AP105" s="17">
        <v>2.83</v>
      </c>
      <c r="AQ105" s="17">
        <v>2.83</v>
      </c>
      <c r="AR105" s="17">
        <v>2.8517125764623503</v>
      </c>
      <c r="AS105" s="17">
        <v>2.85</v>
      </c>
      <c r="AT105" s="17">
        <v>2.87</v>
      </c>
      <c r="AU105" s="17">
        <v>2.87</v>
      </c>
      <c r="AV105" s="17">
        <v>2.86</v>
      </c>
      <c r="AW105" s="17">
        <v>2.85</v>
      </c>
      <c r="AX105" s="17">
        <v>2.86</v>
      </c>
      <c r="AY105" s="17">
        <v>2.86</v>
      </c>
      <c r="AZ105" s="17">
        <v>2.86</v>
      </c>
      <c r="BA105" s="17">
        <v>2.86</v>
      </c>
      <c r="BB105" s="17">
        <v>2.86</v>
      </c>
      <c r="BC105" s="8">
        <v>2.86</v>
      </c>
      <c r="BD105" s="17">
        <v>2.85</v>
      </c>
      <c r="BE105" s="17"/>
    </row>
    <row r="106" spans="3:57" x14ac:dyDescent="0.2">
      <c r="C106" s="5" t="s">
        <v>62</v>
      </c>
      <c r="D106" s="6" t="s">
        <v>58</v>
      </c>
      <c r="E106" s="17">
        <v>6</v>
      </c>
      <c r="F106" s="17">
        <v>5.98</v>
      </c>
      <c r="G106" s="8">
        <v>5.96</v>
      </c>
      <c r="H106" s="17">
        <v>5.91</v>
      </c>
      <c r="I106" s="8">
        <v>5.89</v>
      </c>
      <c r="J106" s="8">
        <v>5.9</v>
      </c>
      <c r="K106" s="8">
        <v>5.84</v>
      </c>
      <c r="L106" s="8">
        <v>5.86</v>
      </c>
      <c r="M106" s="8">
        <v>5.86</v>
      </c>
      <c r="N106" s="8">
        <v>5.84</v>
      </c>
      <c r="O106" s="8">
        <v>5.83</v>
      </c>
      <c r="P106" s="8">
        <v>5.82</v>
      </c>
      <c r="Q106" s="8">
        <v>5.83</v>
      </c>
      <c r="R106" s="8">
        <v>5.83</v>
      </c>
      <c r="S106" s="8">
        <v>5.84</v>
      </c>
      <c r="T106" s="8">
        <v>5.82</v>
      </c>
      <c r="U106" s="8">
        <v>5.8</v>
      </c>
      <c r="V106" s="8">
        <v>5.77</v>
      </c>
      <c r="W106" s="8">
        <v>5.77</v>
      </c>
      <c r="X106" s="8">
        <v>5.76</v>
      </c>
      <c r="Y106" s="8">
        <v>5.76</v>
      </c>
      <c r="Z106" s="8">
        <v>5.74</v>
      </c>
      <c r="AA106" s="8">
        <v>5.7</v>
      </c>
      <c r="AB106" s="8">
        <v>5.69</v>
      </c>
      <c r="AC106" s="8">
        <v>5.69</v>
      </c>
      <c r="AD106" s="17">
        <v>5.66</v>
      </c>
      <c r="AE106" s="17">
        <v>5.64</v>
      </c>
      <c r="AF106" s="8">
        <v>5.62</v>
      </c>
      <c r="AG106" s="8">
        <v>5.6</v>
      </c>
      <c r="AH106" s="8">
        <v>5.6</v>
      </c>
      <c r="AI106" s="8">
        <v>5.6</v>
      </c>
      <c r="AJ106" s="8">
        <v>5.6</v>
      </c>
      <c r="AK106" s="8">
        <v>5.61</v>
      </c>
      <c r="AL106" s="76">
        <v>5.62</v>
      </c>
      <c r="AM106" s="8">
        <v>5.65</v>
      </c>
      <c r="AN106" s="8">
        <v>5.69</v>
      </c>
      <c r="AO106" s="17">
        <v>5.71</v>
      </c>
      <c r="AP106" s="17">
        <v>5.73</v>
      </c>
      <c r="AQ106" s="17">
        <v>5.73</v>
      </c>
      <c r="AR106" s="17">
        <v>5.7517292114702698</v>
      </c>
      <c r="AS106" s="17">
        <v>5.75</v>
      </c>
      <c r="AT106" s="17">
        <v>5.75</v>
      </c>
      <c r="AU106" s="17">
        <v>5.76</v>
      </c>
      <c r="AV106" s="17">
        <v>5.82</v>
      </c>
      <c r="AW106" s="17">
        <v>5.84</v>
      </c>
      <c r="AX106" s="17">
        <v>5.83</v>
      </c>
      <c r="AY106" s="17">
        <v>5.85</v>
      </c>
      <c r="AZ106" s="17">
        <v>5.86</v>
      </c>
      <c r="BA106" s="17">
        <v>5.87</v>
      </c>
      <c r="BB106" s="17">
        <v>5.86</v>
      </c>
      <c r="BC106" s="8">
        <v>5.87</v>
      </c>
      <c r="BD106" s="17">
        <v>5.83</v>
      </c>
      <c r="BE106" s="17"/>
    </row>
    <row r="107" spans="3:57" x14ac:dyDescent="0.2">
      <c r="C107" s="5" t="s">
        <v>75</v>
      </c>
      <c r="D107" s="20" t="s">
        <v>76</v>
      </c>
      <c r="E107" s="17">
        <v>1.33</v>
      </c>
      <c r="F107" s="17">
        <v>1.33</v>
      </c>
      <c r="G107" s="8">
        <v>1.33</v>
      </c>
      <c r="H107" s="17">
        <v>1.35</v>
      </c>
      <c r="I107" s="8">
        <v>1.35</v>
      </c>
      <c r="J107" s="8">
        <v>1.35</v>
      </c>
      <c r="K107" s="8">
        <v>1.35</v>
      </c>
      <c r="L107" s="8">
        <v>1.35</v>
      </c>
      <c r="M107" s="8">
        <v>1.35</v>
      </c>
      <c r="N107" s="8">
        <v>1.35</v>
      </c>
      <c r="O107" s="8">
        <v>1.35</v>
      </c>
      <c r="P107" s="8">
        <v>1.35</v>
      </c>
      <c r="Q107" s="8">
        <v>1.35</v>
      </c>
      <c r="R107" s="8">
        <v>1.35</v>
      </c>
      <c r="S107" s="8">
        <v>1.34</v>
      </c>
      <c r="T107" s="8">
        <v>1.34</v>
      </c>
      <c r="U107" s="8">
        <v>1.34</v>
      </c>
      <c r="V107" s="8">
        <v>1.34</v>
      </c>
      <c r="W107" s="8">
        <v>1.34</v>
      </c>
      <c r="X107" s="8">
        <v>1.34</v>
      </c>
      <c r="Y107" s="8">
        <v>1.34</v>
      </c>
      <c r="Z107" s="8">
        <v>1.34</v>
      </c>
      <c r="AA107" s="8">
        <v>1.34</v>
      </c>
      <c r="AB107" s="8">
        <v>1.33</v>
      </c>
      <c r="AC107" s="8">
        <v>1.33</v>
      </c>
      <c r="AD107" s="17">
        <v>1.33</v>
      </c>
      <c r="AE107" s="17">
        <v>1.33</v>
      </c>
      <c r="AF107" s="8">
        <v>1.33</v>
      </c>
      <c r="AG107" s="8">
        <v>1.33</v>
      </c>
      <c r="AH107" s="8">
        <v>1.33</v>
      </c>
      <c r="AI107" s="8">
        <v>1.33</v>
      </c>
      <c r="AJ107" s="8">
        <v>1.33</v>
      </c>
      <c r="AK107" s="8">
        <v>1.33</v>
      </c>
      <c r="AL107" s="76">
        <v>1.33</v>
      </c>
      <c r="AM107" s="8">
        <v>1.32</v>
      </c>
      <c r="AN107" s="8">
        <v>1.32</v>
      </c>
      <c r="AO107" s="17">
        <v>1.32</v>
      </c>
      <c r="AP107" s="17">
        <v>1.32</v>
      </c>
      <c r="AQ107" s="17">
        <v>1.32</v>
      </c>
      <c r="AR107" s="17">
        <v>1.3177777777777799</v>
      </c>
      <c r="AS107" s="17">
        <v>1.31</v>
      </c>
      <c r="AT107" s="17">
        <v>1.31</v>
      </c>
      <c r="AU107" s="17">
        <v>1.31</v>
      </c>
      <c r="AV107" s="17">
        <v>1.31</v>
      </c>
      <c r="AW107" s="17">
        <v>1.31</v>
      </c>
      <c r="AX107" s="17">
        <v>1.31</v>
      </c>
      <c r="AY107" s="17">
        <v>1.31</v>
      </c>
      <c r="AZ107" s="17">
        <v>1.31</v>
      </c>
      <c r="BA107" s="17">
        <v>1.31</v>
      </c>
      <c r="BB107" s="17">
        <v>1.31</v>
      </c>
      <c r="BC107" s="8">
        <v>1.31</v>
      </c>
      <c r="BD107" s="17">
        <v>1.3</v>
      </c>
      <c r="BE107" s="17"/>
    </row>
    <row r="108" spans="3:57" x14ac:dyDescent="0.2">
      <c r="C108" s="5" t="s">
        <v>63</v>
      </c>
      <c r="D108" s="6" t="s">
        <v>58</v>
      </c>
      <c r="E108" s="17">
        <v>16.170000000000002</v>
      </c>
      <c r="F108" s="17">
        <v>16.22</v>
      </c>
      <c r="G108" s="8">
        <v>16.02</v>
      </c>
      <c r="H108" s="17">
        <v>15.85</v>
      </c>
      <c r="I108" s="8">
        <v>15.74</v>
      </c>
      <c r="J108" s="8">
        <v>15.71</v>
      </c>
      <c r="K108" s="8">
        <v>15.82</v>
      </c>
      <c r="L108" s="8">
        <v>15.75</v>
      </c>
      <c r="M108" s="8">
        <v>15.42</v>
      </c>
      <c r="N108" s="8">
        <v>15.84</v>
      </c>
      <c r="O108" s="8">
        <v>15.61</v>
      </c>
      <c r="P108" s="8">
        <v>15.46</v>
      </c>
      <c r="Q108" s="8">
        <v>15.52</v>
      </c>
      <c r="R108" s="8">
        <v>15.62</v>
      </c>
      <c r="S108" s="8">
        <v>15.69</v>
      </c>
      <c r="T108" s="8">
        <v>15.75</v>
      </c>
      <c r="U108" s="8">
        <v>15.51</v>
      </c>
      <c r="V108" s="8">
        <v>15.41</v>
      </c>
      <c r="W108" s="8">
        <v>15.44</v>
      </c>
      <c r="X108" s="8">
        <v>15.42</v>
      </c>
      <c r="Y108" s="8">
        <v>15.21</v>
      </c>
      <c r="Z108" s="8">
        <v>15.08</v>
      </c>
      <c r="AA108" s="8">
        <v>14.98</v>
      </c>
      <c r="AB108" s="8">
        <v>15.07</v>
      </c>
      <c r="AC108" s="8">
        <v>15.24</v>
      </c>
      <c r="AD108" s="17">
        <v>15.12</v>
      </c>
      <c r="AE108" s="17">
        <v>14.76</v>
      </c>
      <c r="AF108" s="8">
        <v>14.9</v>
      </c>
      <c r="AG108" s="8">
        <v>15.04</v>
      </c>
      <c r="AH108" s="8">
        <v>15.03</v>
      </c>
      <c r="AI108" s="8">
        <v>15.04</v>
      </c>
      <c r="AJ108" s="8">
        <v>14.98</v>
      </c>
      <c r="AK108" s="8">
        <v>14.97</v>
      </c>
      <c r="AL108" s="76">
        <v>14.93</v>
      </c>
      <c r="AM108" s="8">
        <v>15.51</v>
      </c>
      <c r="AN108" s="8">
        <v>15.38</v>
      </c>
      <c r="AO108" s="17">
        <v>15.34</v>
      </c>
      <c r="AP108" s="17">
        <v>15.29</v>
      </c>
      <c r="AQ108" s="17">
        <v>15.21</v>
      </c>
      <c r="AR108" s="17">
        <v>15.3249247084179</v>
      </c>
      <c r="AS108" s="17">
        <v>15.41</v>
      </c>
      <c r="AT108" s="17">
        <v>15.29</v>
      </c>
      <c r="AU108" s="17">
        <v>15.12</v>
      </c>
      <c r="AV108" s="17">
        <v>15.18</v>
      </c>
      <c r="AW108" s="17">
        <v>15.07</v>
      </c>
      <c r="AX108" s="17">
        <v>15.13</v>
      </c>
      <c r="AY108" s="17">
        <v>15.1</v>
      </c>
      <c r="AZ108" s="17">
        <v>15.11</v>
      </c>
      <c r="BA108" s="17">
        <v>15.05</v>
      </c>
      <c r="BB108" s="17">
        <v>15.17</v>
      </c>
      <c r="BC108" s="8">
        <v>15.77</v>
      </c>
      <c r="BD108" s="17">
        <v>15.4</v>
      </c>
      <c r="BE108" s="17"/>
    </row>
    <row r="109" spans="3:57" x14ac:dyDescent="0.2">
      <c r="C109" s="5" t="s">
        <v>64</v>
      </c>
      <c r="D109" s="6" t="s">
        <v>58</v>
      </c>
      <c r="E109" s="17">
        <v>10.17</v>
      </c>
      <c r="F109" s="17">
        <v>10.28</v>
      </c>
      <c r="G109" s="8">
        <v>10.210000000000001</v>
      </c>
      <c r="H109" s="17">
        <v>9.92</v>
      </c>
      <c r="I109" s="8">
        <v>9.74</v>
      </c>
      <c r="J109" s="8">
        <v>9.75</v>
      </c>
      <c r="K109" s="8">
        <v>9.74</v>
      </c>
      <c r="L109" s="8">
        <v>9.76</v>
      </c>
      <c r="M109" s="8">
        <v>9.8800000000000008</v>
      </c>
      <c r="N109" s="8">
        <v>10.08</v>
      </c>
      <c r="O109" s="8">
        <v>9.8800000000000008</v>
      </c>
      <c r="P109" s="8">
        <v>9.86</v>
      </c>
      <c r="Q109" s="8">
        <v>9.9499999999999993</v>
      </c>
      <c r="R109" s="8">
        <v>10.09</v>
      </c>
      <c r="S109" s="8">
        <v>10.08</v>
      </c>
      <c r="T109" s="8">
        <v>10.08</v>
      </c>
      <c r="U109" s="8">
        <v>9.99</v>
      </c>
      <c r="V109" s="8">
        <v>9.89</v>
      </c>
      <c r="W109" s="8">
        <v>9.85</v>
      </c>
      <c r="X109" s="8">
        <v>9.83</v>
      </c>
      <c r="Y109" s="8">
        <v>9.6999999999999993</v>
      </c>
      <c r="Z109" s="8">
        <v>9.64</v>
      </c>
      <c r="AA109" s="8">
        <v>9.5299999999999994</v>
      </c>
      <c r="AB109" s="8">
        <v>9.52</v>
      </c>
      <c r="AC109" s="8">
        <v>9.56</v>
      </c>
      <c r="AD109" s="17">
        <v>9.4600000000000009</v>
      </c>
      <c r="AE109" s="17">
        <v>9.44</v>
      </c>
      <c r="AF109" s="8">
        <v>9.49</v>
      </c>
      <c r="AG109" s="8">
        <v>9.49</v>
      </c>
      <c r="AH109" s="8">
        <v>9.51</v>
      </c>
      <c r="AI109" s="8">
        <v>9.56</v>
      </c>
      <c r="AJ109" s="8">
        <v>9.5500000000000007</v>
      </c>
      <c r="AK109" s="8">
        <v>9.51</v>
      </c>
      <c r="AL109" s="17">
        <v>9.51</v>
      </c>
      <c r="AM109" s="8">
        <v>9.6199999999999992</v>
      </c>
      <c r="AN109" s="8">
        <v>9.5399999999999991</v>
      </c>
      <c r="AO109" s="17">
        <v>9.56</v>
      </c>
      <c r="AP109" s="17">
        <v>9.48</v>
      </c>
      <c r="AQ109" s="17">
        <v>9.5299999999999994</v>
      </c>
      <c r="AR109" s="17">
        <v>9.5231013822282407</v>
      </c>
      <c r="AS109" s="17">
        <v>9.5</v>
      </c>
      <c r="AT109" s="17">
        <v>9.58</v>
      </c>
      <c r="AU109" s="17">
        <v>9.6300000000000008</v>
      </c>
      <c r="AV109" s="17">
        <v>9.59</v>
      </c>
      <c r="AW109" s="17">
        <v>9.59</v>
      </c>
      <c r="AX109" s="17">
        <v>9.61</v>
      </c>
      <c r="AY109" s="17">
        <v>9.67</v>
      </c>
      <c r="AZ109" s="17">
        <v>9.6300000000000008</v>
      </c>
      <c r="BA109" s="17">
        <v>9.61</v>
      </c>
      <c r="BB109" s="17">
        <v>9.7100000000000009</v>
      </c>
      <c r="BC109" s="8">
        <v>10.01</v>
      </c>
      <c r="BD109" s="17">
        <v>9.6999999999999993</v>
      </c>
      <c r="BE109" s="17"/>
    </row>
    <row r="110" spans="3:57" x14ac:dyDescent="0.2">
      <c r="C110" s="5" t="s">
        <v>65</v>
      </c>
      <c r="D110" s="6" t="s">
        <v>58</v>
      </c>
      <c r="E110" s="17">
        <v>3.94</v>
      </c>
      <c r="F110" s="17">
        <v>3.98</v>
      </c>
      <c r="G110" s="8">
        <v>3.95</v>
      </c>
      <c r="H110" s="17">
        <v>4.05</v>
      </c>
      <c r="I110" s="8">
        <v>3.96</v>
      </c>
      <c r="J110" s="8">
        <v>3.95</v>
      </c>
      <c r="K110" s="8">
        <v>3.99</v>
      </c>
      <c r="L110" s="8">
        <v>4.0199999999999996</v>
      </c>
      <c r="M110" s="8">
        <v>3.99</v>
      </c>
      <c r="N110" s="8">
        <v>4</v>
      </c>
      <c r="O110" s="8">
        <v>3.98</v>
      </c>
      <c r="P110" s="8">
        <v>3.96</v>
      </c>
      <c r="Q110" s="8">
        <v>3.96</v>
      </c>
      <c r="R110" s="8">
        <v>3.96</v>
      </c>
      <c r="S110" s="8">
        <v>4</v>
      </c>
      <c r="T110" s="8">
        <v>3.98</v>
      </c>
      <c r="U110" s="8">
        <v>4.03</v>
      </c>
      <c r="V110" s="8">
        <v>4.04</v>
      </c>
      <c r="W110" s="8">
        <v>3.97</v>
      </c>
      <c r="X110" s="8">
        <v>3.93</v>
      </c>
      <c r="Y110" s="8">
        <v>3.98</v>
      </c>
      <c r="Z110" s="8">
        <v>3.96</v>
      </c>
      <c r="AA110" s="8">
        <v>3.92</v>
      </c>
      <c r="AB110" s="8">
        <v>4.0199999999999996</v>
      </c>
      <c r="AC110" s="8">
        <v>4.2699999999999996</v>
      </c>
      <c r="AD110" s="17">
        <v>4.26</v>
      </c>
      <c r="AE110" s="17">
        <v>4.26</v>
      </c>
      <c r="AF110" s="8">
        <v>4.1500000000000004</v>
      </c>
      <c r="AG110" s="8">
        <v>4.09</v>
      </c>
      <c r="AH110" s="8">
        <v>4.1500000000000004</v>
      </c>
      <c r="AI110" s="8">
        <v>4.1900000000000004</v>
      </c>
      <c r="AJ110" s="8">
        <v>4.22</v>
      </c>
      <c r="AK110" s="8">
        <v>4.26</v>
      </c>
      <c r="AL110" s="17">
        <v>4.2300000000000004</v>
      </c>
      <c r="AM110" s="8">
        <v>4.25</v>
      </c>
      <c r="AN110" s="8">
        <v>4.2</v>
      </c>
      <c r="AO110" s="17">
        <v>4.1100000000000003</v>
      </c>
      <c r="AP110" s="17">
        <v>4.0599999999999996</v>
      </c>
      <c r="AQ110" s="17">
        <v>4.03</v>
      </c>
      <c r="AR110" s="17">
        <v>4.1099874412306203</v>
      </c>
      <c r="AS110" s="17">
        <v>4.0999999999999996</v>
      </c>
      <c r="AT110" s="17">
        <v>4</v>
      </c>
      <c r="AU110" s="17">
        <v>3.93</v>
      </c>
      <c r="AV110" s="17">
        <v>4</v>
      </c>
      <c r="AW110" s="17">
        <v>3.98</v>
      </c>
      <c r="AX110" s="17">
        <v>3.95</v>
      </c>
      <c r="AY110" s="17">
        <v>3.98</v>
      </c>
      <c r="AZ110" s="17">
        <v>3.98</v>
      </c>
      <c r="BA110" s="17">
        <v>4.0599999999999996</v>
      </c>
      <c r="BB110" s="17">
        <v>4.0599999999999996</v>
      </c>
      <c r="BC110" s="8">
        <v>4.03</v>
      </c>
      <c r="BD110" s="17">
        <v>4.08</v>
      </c>
      <c r="BE110" s="17"/>
    </row>
    <row r="111" spans="3:57" x14ac:dyDescent="0.2">
      <c r="C111" s="5" t="s">
        <v>66</v>
      </c>
      <c r="D111" s="6" t="s">
        <v>58</v>
      </c>
      <c r="E111" s="17">
        <v>6.69</v>
      </c>
      <c r="F111" s="17">
        <v>6.58</v>
      </c>
      <c r="G111" s="8">
        <v>6.46</v>
      </c>
      <c r="H111" s="17">
        <v>6.6</v>
      </c>
      <c r="I111" s="8">
        <v>6.59</v>
      </c>
      <c r="J111" s="8">
        <v>6.59</v>
      </c>
      <c r="K111" s="8">
        <v>6.48</v>
      </c>
      <c r="L111" s="8">
        <v>6.55</v>
      </c>
      <c r="M111" s="8">
        <v>6.53</v>
      </c>
      <c r="N111" s="8">
        <v>6.77</v>
      </c>
      <c r="O111" s="8">
        <v>6.69</v>
      </c>
      <c r="P111" s="8">
        <v>6.6</v>
      </c>
      <c r="Q111" s="8">
        <v>6.59</v>
      </c>
      <c r="R111" s="8">
        <v>6.85</v>
      </c>
      <c r="S111" s="8">
        <v>6.65</v>
      </c>
      <c r="T111" s="8">
        <v>6.48</v>
      </c>
      <c r="U111" s="8">
        <v>6.57</v>
      </c>
      <c r="V111" s="8">
        <v>6.69</v>
      </c>
      <c r="W111" s="8">
        <v>6.68</v>
      </c>
      <c r="X111" s="8">
        <v>6.55</v>
      </c>
      <c r="Y111" s="8">
        <v>6.6</v>
      </c>
      <c r="Z111" s="8">
        <v>6.42</v>
      </c>
      <c r="AA111" s="8">
        <v>6.4</v>
      </c>
      <c r="AB111" s="8">
        <v>6.55</v>
      </c>
      <c r="AC111" s="8">
        <v>6.59</v>
      </c>
      <c r="AD111" s="17">
        <v>6.68</v>
      </c>
      <c r="AE111" s="17">
        <v>6.51</v>
      </c>
      <c r="AF111" s="8">
        <v>6.41</v>
      </c>
      <c r="AG111" s="8">
        <v>6.5</v>
      </c>
      <c r="AH111" s="8">
        <v>6.59</v>
      </c>
      <c r="AI111" s="8">
        <v>6.65</v>
      </c>
      <c r="AJ111" s="8">
        <v>6.57</v>
      </c>
      <c r="AK111" s="8">
        <v>6.61</v>
      </c>
      <c r="AL111" s="17">
        <v>6.57</v>
      </c>
      <c r="AM111" s="8">
        <v>6.62</v>
      </c>
      <c r="AN111" s="8">
        <v>6.56</v>
      </c>
      <c r="AO111" s="17">
        <v>6.57</v>
      </c>
      <c r="AP111" s="17">
        <v>6.49</v>
      </c>
      <c r="AQ111" s="17">
        <v>6.59</v>
      </c>
      <c r="AR111" s="17">
        <v>6.6027739858461301</v>
      </c>
      <c r="AS111" s="17">
        <v>6.52</v>
      </c>
      <c r="AT111" s="17">
        <v>6.59</v>
      </c>
      <c r="AU111" s="17">
        <v>6.62</v>
      </c>
      <c r="AV111" s="17">
        <v>6.68</v>
      </c>
      <c r="AW111" s="17">
        <v>6.58</v>
      </c>
      <c r="AX111" s="17">
        <v>6.62</v>
      </c>
      <c r="AY111" s="17">
        <v>6.69</v>
      </c>
      <c r="AZ111" s="17">
        <v>6.69</v>
      </c>
      <c r="BA111" s="17">
        <v>6.68</v>
      </c>
      <c r="BB111" s="17">
        <v>6.61</v>
      </c>
      <c r="BC111" s="8">
        <v>6.59</v>
      </c>
      <c r="BD111" s="17">
        <v>6.39</v>
      </c>
      <c r="BE111" s="17"/>
    </row>
    <row r="112" spans="3:57" x14ac:dyDescent="0.2">
      <c r="C112" s="5" t="s">
        <v>67</v>
      </c>
      <c r="D112" s="6" t="s">
        <v>58</v>
      </c>
      <c r="E112" s="17">
        <v>11.83</v>
      </c>
      <c r="F112" s="17">
        <v>11.59</v>
      </c>
      <c r="G112" s="8">
        <v>11.57</v>
      </c>
      <c r="H112" s="17">
        <v>11.48</v>
      </c>
      <c r="I112" s="8">
        <v>11.26</v>
      </c>
      <c r="J112" s="8">
        <v>11.11</v>
      </c>
      <c r="K112" s="8">
        <v>11.09</v>
      </c>
      <c r="L112" s="8">
        <v>10.95</v>
      </c>
      <c r="M112" s="8">
        <v>10.89</v>
      </c>
      <c r="N112" s="8">
        <v>10.97</v>
      </c>
      <c r="O112" s="8">
        <v>10.88</v>
      </c>
      <c r="P112" s="8">
        <v>10.63</v>
      </c>
      <c r="Q112" s="8">
        <v>10.92</v>
      </c>
      <c r="R112" s="8">
        <v>10.77</v>
      </c>
      <c r="S112" s="8">
        <v>11.04</v>
      </c>
      <c r="T112" s="8">
        <v>10.95</v>
      </c>
      <c r="U112" s="8">
        <v>10.83</v>
      </c>
      <c r="V112" s="8">
        <v>10.75</v>
      </c>
      <c r="W112" s="8">
        <v>10.78</v>
      </c>
      <c r="X112" s="8">
        <v>10.81</v>
      </c>
      <c r="Y112" s="8">
        <v>10.61</v>
      </c>
      <c r="Z112" s="8">
        <v>10.59</v>
      </c>
      <c r="AA112" s="8">
        <v>10.56</v>
      </c>
      <c r="AB112" s="8">
        <v>10.55</v>
      </c>
      <c r="AC112" s="8">
        <v>10.51</v>
      </c>
      <c r="AD112" s="17">
        <v>10.51</v>
      </c>
      <c r="AE112" s="17">
        <v>10.5</v>
      </c>
      <c r="AF112" s="8">
        <v>10.5</v>
      </c>
      <c r="AG112" s="8">
        <v>10.48</v>
      </c>
      <c r="AH112" s="8">
        <v>10.56</v>
      </c>
      <c r="AI112" s="8">
        <v>10.55</v>
      </c>
      <c r="AJ112" s="8">
        <v>10.52</v>
      </c>
      <c r="AK112" s="8">
        <v>10.46</v>
      </c>
      <c r="AL112" s="17">
        <v>10.42</v>
      </c>
      <c r="AM112" s="8">
        <v>10.56</v>
      </c>
      <c r="AN112" s="8">
        <v>10.77</v>
      </c>
      <c r="AO112" s="17">
        <v>10.77</v>
      </c>
      <c r="AP112" s="17">
        <v>10.66</v>
      </c>
      <c r="AQ112" s="17">
        <v>10.98</v>
      </c>
      <c r="AR112" s="17">
        <v>10.850152441748101</v>
      </c>
      <c r="AS112" s="17">
        <v>11.04</v>
      </c>
      <c r="AT112" s="17">
        <v>11.01</v>
      </c>
      <c r="AU112" s="17">
        <v>10.98</v>
      </c>
      <c r="AV112" s="17">
        <v>10.98</v>
      </c>
      <c r="AW112" s="17">
        <v>11.18</v>
      </c>
      <c r="AX112" s="17">
        <v>11.35</v>
      </c>
      <c r="AY112" s="17">
        <v>11.38</v>
      </c>
      <c r="AZ112" s="17">
        <v>11.3</v>
      </c>
      <c r="BA112" s="17">
        <v>11.2</v>
      </c>
      <c r="BB112" s="17">
        <v>11.18</v>
      </c>
      <c r="BC112" s="8">
        <v>11.3</v>
      </c>
      <c r="BD112" s="17">
        <v>11.04</v>
      </c>
      <c r="BE112" s="17"/>
    </row>
    <row r="113" spans="3:57" x14ac:dyDescent="0.2">
      <c r="C113" s="5" t="s">
        <v>68</v>
      </c>
      <c r="D113" s="6" t="s">
        <v>58</v>
      </c>
      <c r="E113" s="17">
        <v>4.42</v>
      </c>
      <c r="F113" s="17">
        <v>4.49</v>
      </c>
      <c r="G113" s="8">
        <v>4.43</v>
      </c>
      <c r="H113" s="17">
        <v>4.46</v>
      </c>
      <c r="I113" s="8">
        <v>4.47</v>
      </c>
      <c r="J113" s="8">
        <v>4.5</v>
      </c>
      <c r="K113" s="8">
        <v>4.43</v>
      </c>
      <c r="L113" s="8">
        <v>4.5599999999999996</v>
      </c>
      <c r="M113" s="8">
        <v>4.54</v>
      </c>
      <c r="N113" s="8">
        <v>4.5</v>
      </c>
      <c r="O113" s="8">
        <v>4.5199999999999996</v>
      </c>
      <c r="P113" s="8">
        <v>4.51</v>
      </c>
      <c r="Q113" s="8">
        <v>4.5199999999999996</v>
      </c>
      <c r="R113" s="8">
        <v>4.51</v>
      </c>
      <c r="S113" s="8">
        <v>4.4800000000000004</v>
      </c>
      <c r="T113" s="8">
        <v>4.51</v>
      </c>
      <c r="U113" s="8">
        <v>4.47</v>
      </c>
      <c r="V113" s="8">
        <v>4.5</v>
      </c>
      <c r="W113" s="8">
        <v>4.49</v>
      </c>
      <c r="X113" s="8">
        <v>4.5</v>
      </c>
      <c r="Y113" s="8">
        <v>4.5</v>
      </c>
      <c r="Z113" s="8">
        <v>4.45</v>
      </c>
      <c r="AA113" s="8">
        <v>4.4400000000000004</v>
      </c>
      <c r="AB113" s="8">
        <v>4.4400000000000004</v>
      </c>
      <c r="AC113" s="8">
        <v>4.4800000000000004</v>
      </c>
      <c r="AD113" s="17">
        <v>4.5199999999999996</v>
      </c>
      <c r="AE113" s="17">
        <v>4.51</v>
      </c>
      <c r="AF113" s="8">
        <v>4.5599999999999996</v>
      </c>
      <c r="AG113" s="8">
        <v>4.55</v>
      </c>
      <c r="AH113" s="8">
        <v>4.54</v>
      </c>
      <c r="AI113" s="8">
        <v>4.4800000000000004</v>
      </c>
      <c r="AJ113" s="8">
        <v>4.45</v>
      </c>
      <c r="AK113" s="8">
        <v>4.45</v>
      </c>
      <c r="AL113" s="17">
        <v>4.46</v>
      </c>
      <c r="AM113" s="8">
        <v>4.41</v>
      </c>
      <c r="AN113" s="8">
        <v>4.38</v>
      </c>
      <c r="AO113" s="17">
        <v>4.4800000000000004</v>
      </c>
      <c r="AP113" s="17">
        <v>4.46</v>
      </c>
      <c r="AQ113" s="17">
        <v>4.45</v>
      </c>
      <c r="AR113" s="17">
        <v>4.49400052448535</v>
      </c>
      <c r="AS113" s="17">
        <v>4.43</v>
      </c>
      <c r="AT113" s="17">
        <v>4.3899999999999997</v>
      </c>
      <c r="AU113" s="17">
        <v>4.58</v>
      </c>
      <c r="AV113" s="17">
        <v>4.47</v>
      </c>
      <c r="AW113" s="17">
        <v>4.51</v>
      </c>
      <c r="AX113" s="17">
        <v>4.5</v>
      </c>
      <c r="AY113" s="17">
        <v>4.51</v>
      </c>
      <c r="AZ113" s="17">
        <v>4.5199999999999996</v>
      </c>
      <c r="BA113" s="17">
        <v>4.51</v>
      </c>
      <c r="BB113" s="17">
        <v>4.53</v>
      </c>
      <c r="BC113" s="8">
        <v>4.58</v>
      </c>
      <c r="BD113" s="17">
        <v>4.6500000000000004</v>
      </c>
      <c r="BE113" s="17"/>
    </row>
    <row r="114" spans="3:57" x14ac:dyDescent="0.2">
      <c r="C114" s="5" t="s">
        <v>69</v>
      </c>
      <c r="D114" s="6" t="s">
        <v>58</v>
      </c>
      <c r="E114" s="17">
        <v>3.97</v>
      </c>
      <c r="F114" s="17">
        <v>4.0599999999999996</v>
      </c>
      <c r="G114" s="8">
        <v>4.22</v>
      </c>
      <c r="H114" s="17">
        <v>4.3</v>
      </c>
      <c r="I114" s="8">
        <v>4.2699999999999996</v>
      </c>
      <c r="J114" s="8">
        <v>4.22</v>
      </c>
      <c r="K114" s="8">
        <v>4.1100000000000003</v>
      </c>
      <c r="L114" s="8">
        <v>4.0599999999999996</v>
      </c>
      <c r="M114" s="8">
        <v>4.08</v>
      </c>
      <c r="N114" s="8">
        <v>4.18</v>
      </c>
      <c r="O114" s="8">
        <v>4.1500000000000004</v>
      </c>
      <c r="P114" s="8">
        <v>4.0199999999999996</v>
      </c>
      <c r="Q114" s="8">
        <v>3.99</v>
      </c>
      <c r="R114" s="8">
        <v>4.01</v>
      </c>
      <c r="S114" s="8">
        <v>4.01</v>
      </c>
      <c r="T114" s="8">
        <v>3.94</v>
      </c>
      <c r="U114" s="8">
        <v>3.94</v>
      </c>
      <c r="V114" s="8">
        <v>3.89</v>
      </c>
      <c r="W114" s="8">
        <v>3.87</v>
      </c>
      <c r="X114" s="8">
        <v>3.89</v>
      </c>
      <c r="Y114" s="8">
        <v>3.87</v>
      </c>
      <c r="Z114" s="8">
        <v>3.82</v>
      </c>
      <c r="AA114" s="8">
        <v>3.82</v>
      </c>
      <c r="AB114" s="8">
        <v>3.95</v>
      </c>
      <c r="AC114" s="8">
        <v>3.95</v>
      </c>
      <c r="AD114" s="17">
        <v>3.96</v>
      </c>
      <c r="AE114" s="17">
        <v>4.03</v>
      </c>
      <c r="AF114" s="8">
        <v>3.96</v>
      </c>
      <c r="AG114" s="8">
        <v>3.93</v>
      </c>
      <c r="AH114" s="8">
        <v>3.93</v>
      </c>
      <c r="AI114" s="8">
        <v>3.92</v>
      </c>
      <c r="AJ114" s="8">
        <v>3.95</v>
      </c>
      <c r="AK114" s="8">
        <v>3.97</v>
      </c>
      <c r="AL114" s="17">
        <v>3.94</v>
      </c>
      <c r="AM114" s="8">
        <v>3.91</v>
      </c>
      <c r="AN114" s="8">
        <v>3.9</v>
      </c>
      <c r="AO114" s="17">
        <v>3.82</v>
      </c>
      <c r="AP114" s="17">
        <v>3.77</v>
      </c>
      <c r="AQ114" s="17">
        <v>3.73</v>
      </c>
      <c r="AR114" s="17">
        <v>3.76492203231482</v>
      </c>
      <c r="AS114" s="17">
        <v>3.76</v>
      </c>
      <c r="AT114" s="17">
        <v>3.82</v>
      </c>
      <c r="AU114" s="17">
        <v>3.81</v>
      </c>
      <c r="AV114" s="17">
        <v>3.87</v>
      </c>
      <c r="AW114" s="17">
        <v>3.81</v>
      </c>
      <c r="AX114" s="17">
        <v>3.87</v>
      </c>
      <c r="AY114" s="17">
        <v>4.0199999999999996</v>
      </c>
      <c r="AZ114" s="17">
        <v>3.99</v>
      </c>
      <c r="BA114" s="17">
        <v>3.99</v>
      </c>
      <c r="BB114" s="17">
        <v>4.04</v>
      </c>
      <c r="BC114" s="8">
        <v>4.0599999999999996</v>
      </c>
      <c r="BD114" s="17">
        <v>4.1399999999999997</v>
      </c>
      <c r="BE114" s="17"/>
    </row>
    <row r="115" spans="3:57" x14ac:dyDescent="0.2">
      <c r="C115" s="5" t="s">
        <v>70</v>
      </c>
      <c r="D115" s="6" t="s">
        <v>58</v>
      </c>
      <c r="E115" s="17">
        <v>3.91</v>
      </c>
      <c r="F115" s="17">
        <v>3.94</v>
      </c>
      <c r="G115" s="8">
        <v>3.96</v>
      </c>
      <c r="H115" s="17">
        <v>3.88</v>
      </c>
      <c r="I115" s="8">
        <v>3.78</v>
      </c>
      <c r="J115" s="8">
        <v>3.72</v>
      </c>
      <c r="K115" s="8">
        <v>3.68</v>
      </c>
      <c r="L115" s="8">
        <v>3.67</v>
      </c>
      <c r="M115" s="8">
        <v>3.64</v>
      </c>
      <c r="N115" s="8">
        <v>3.64</v>
      </c>
      <c r="O115" s="8">
        <v>3.65</v>
      </c>
      <c r="P115" s="8">
        <v>3.7</v>
      </c>
      <c r="Q115" s="8">
        <v>3.73</v>
      </c>
      <c r="R115" s="8">
        <v>3.83</v>
      </c>
      <c r="S115" s="8">
        <v>3.87</v>
      </c>
      <c r="T115" s="8">
        <v>3.94</v>
      </c>
      <c r="U115" s="8">
        <v>3.92</v>
      </c>
      <c r="V115" s="8">
        <v>3.89</v>
      </c>
      <c r="W115" s="8">
        <v>3.89</v>
      </c>
      <c r="X115" s="8">
        <v>3.97</v>
      </c>
      <c r="Y115" s="8">
        <v>4.03</v>
      </c>
      <c r="Z115" s="8">
        <v>4.0999999999999996</v>
      </c>
      <c r="AA115" s="8">
        <v>4.12</v>
      </c>
      <c r="AB115" s="8">
        <v>4.13</v>
      </c>
      <c r="AC115" s="8">
        <v>4.1500000000000004</v>
      </c>
      <c r="AD115" s="17">
        <v>4.12</v>
      </c>
      <c r="AE115" s="17">
        <v>4.17</v>
      </c>
      <c r="AF115" s="8">
        <v>4.1100000000000003</v>
      </c>
      <c r="AG115" s="8">
        <v>4.09</v>
      </c>
      <c r="AH115" s="8">
        <v>4.1100000000000003</v>
      </c>
      <c r="AI115" s="8">
        <v>4.12</v>
      </c>
      <c r="AJ115" s="8">
        <v>4.1100000000000003</v>
      </c>
      <c r="AK115" s="8">
        <v>4.0999999999999996</v>
      </c>
      <c r="AL115" s="17">
        <v>4.08</v>
      </c>
      <c r="AM115" s="8">
        <v>4.0999999999999996</v>
      </c>
      <c r="AN115" s="8">
        <v>4.08</v>
      </c>
      <c r="AO115" s="17">
        <v>4.08</v>
      </c>
      <c r="AP115" s="17">
        <v>4.0599999999999996</v>
      </c>
      <c r="AQ115" s="17">
        <v>4.0199999999999996</v>
      </c>
      <c r="AR115" s="17">
        <v>4.0236080832704797</v>
      </c>
      <c r="AS115" s="17">
        <v>3.99</v>
      </c>
      <c r="AT115" s="17">
        <v>4.0199999999999996</v>
      </c>
      <c r="AU115" s="17">
        <v>4.0199999999999996</v>
      </c>
      <c r="AV115" s="17">
        <v>4.0199999999999996</v>
      </c>
      <c r="AW115" s="17">
        <v>4.04</v>
      </c>
      <c r="AX115" s="17">
        <v>4.03</v>
      </c>
      <c r="AY115" s="17">
        <v>4.0599999999999996</v>
      </c>
      <c r="AZ115" s="17">
        <v>4.12</v>
      </c>
      <c r="BA115" s="17">
        <v>4.12</v>
      </c>
      <c r="BB115" s="17">
        <v>4.12</v>
      </c>
      <c r="BC115" s="8">
        <v>4.1100000000000003</v>
      </c>
      <c r="BD115" s="17">
        <v>4.2300000000000004</v>
      </c>
      <c r="BE115" s="17"/>
    </row>
    <row r="116" spans="3:57" x14ac:dyDescent="0.2">
      <c r="C116" s="5" t="s">
        <v>101</v>
      </c>
      <c r="D116" s="6" t="s">
        <v>58</v>
      </c>
      <c r="E116" s="17">
        <v>10.19</v>
      </c>
      <c r="F116" s="17">
        <v>10.26</v>
      </c>
      <c r="G116" s="8">
        <v>10.28</v>
      </c>
      <c r="H116" s="17">
        <v>10.29</v>
      </c>
      <c r="I116" s="8">
        <v>10.220000000000001</v>
      </c>
      <c r="J116" s="8">
        <v>10.38</v>
      </c>
      <c r="K116" s="8">
        <v>10.35</v>
      </c>
      <c r="L116" s="8">
        <v>10.57</v>
      </c>
      <c r="M116" s="8">
        <v>10.53</v>
      </c>
      <c r="N116" s="8">
        <v>10.57</v>
      </c>
      <c r="O116" s="8">
        <v>10.62</v>
      </c>
      <c r="P116" s="8">
        <v>10.68</v>
      </c>
      <c r="Q116" s="8">
        <v>10.69</v>
      </c>
      <c r="R116" s="8">
        <v>10.7</v>
      </c>
      <c r="S116" s="8">
        <v>10.89</v>
      </c>
      <c r="T116" s="8">
        <v>11.04</v>
      </c>
      <c r="U116" s="8">
        <v>11.16</v>
      </c>
      <c r="V116" s="8">
        <v>11.09</v>
      </c>
      <c r="W116" s="8">
        <v>11.33</v>
      </c>
      <c r="X116" s="8">
        <v>11.14</v>
      </c>
      <c r="Y116" s="8">
        <v>11.21</v>
      </c>
      <c r="Z116" s="8">
        <v>11.04</v>
      </c>
      <c r="AA116" s="8">
        <v>11.11</v>
      </c>
      <c r="AB116" s="8">
        <v>11.65</v>
      </c>
      <c r="AC116" s="8">
        <v>11.67</v>
      </c>
      <c r="AD116" s="17">
        <v>11.03</v>
      </c>
      <c r="AE116" s="17">
        <v>10.77</v>
      </c>
      <c r="AF116" s="8">
        <v>10.58</v>
      </c>
      <c r="AG116" s="8">
        <v>10.130000000000001</v>
      </c>
      <c r="AH116" s="8">
        <v>9.84</v>
      </c>
      <c r="AI116" s="8">
        <v>9.81</v>
      </c>
      <c r="AJ116" s="8">
        <v>9.82</v>
      </c>
      <c r="AK116" s="8">
        <v>9.74</v>
      </c>
      <c r="AL116" s="17">
        <v>9.6999999999999993</v>
      </c>
      <c r="AM116" s="8">
        <v>9.6199999999999992</v>
      </c>
      <c r="AN116" s="8">
        <v>9.6999999999999993</v>
      </c>
      <c r="AO116" s="17">
        <v>9.98</v>
      </c>
      <c r="AP116" s="17">
        <v>10.11</v>
      </c>
      <c r="AQ116" s="17">
        <v>9.9600000000000009</v>
      </c>
      <c r="AR116" s="17">
        <v>10.074026040580399</v>
      </c>
      <c r="AS116" s="17">
        <v>10.19</v>
      </c>
      <c r="AT116" s="17">
        <v>10.09</v>
      </c>
      <c r="AU116" s="17">
        <v>10.050000000000001</v>
      </c>
      <c r="AV116" s="17">
        <v>10.02</v>
      </c>
      <c r="AW116" s="17">
        <v>10.119999999999999</v>
      </c>
      <c r="AX116" s="17">
        <v>10.039999999999999</v>
      </c>
      <c r="AY116" s="17">
        <v>9.8800000000000008</v>
      </c>
      <c r="AZ116" s="17">
        <v>9.9600000000000009</v>
      </c>
      <c r="BA116" s="17">
        <v>10.029999999999999</v>
      </c>
      <c r="BB116" s="17">
        <v>9.9600000000000009</v>
      </c>
      <c r="BC116" s="8">
        <v>9.9499999999999993</v>
      </c>
      <c r="BD116" s="17">
        <v>9.94</v>
      </c>
      <c r="BE116" s="17"/>
    </row>
    <row r="117" spans="3:57" x14ac:dyDescent="0.2">
      <c r="C117" s="5" t="s">
        <v>71</v>
      </c>
      <c r="D117" s="6" t="s">
        <v>58</v>
      </c>
      <c r="E117" s="17">
        <v>4.75</v>
      </c>
      <c r="F117" s="17">
        <v>4.76</v>
      </c>
      <c r="G117" s="8">
        <v>4.79</v>
      </c>
      <c r="H117" s="17">
        <v>4.7300000000000004</v>
      </c>
      <c r="I117" s="8">
        <v>4.7699999999999996</v>
      </c>
      <c r="J117" s="8">
        <v>4.79</v>
      </c>
      <c r="K117" s="8">
        <v>4.7699999999999996</v>
      </c>
      <c r="L117" s="8">
        <v>4.76</v>
      </c>
      <c r="M117" s="8">
        <v>4.75</v>
      </c>
      <c r="N117" s="8">
        <v>4.72</v>
      </c>
      <c r="O117" s="8">
        <v>4.74</v>
      </c>
      <c r="P117" s="8">
        <v>4.76</v>
      </c>
      <c r="Q117" s="8">
        <v>4.74</v>
      </c>
      <c r="R117" s="8">
        <v>4.72</v>
      </c>
      <c r="S117" s="8">
        <v>4.76</v>
      </c>
      <c r="T117" s="8">
        <v>4.75</v>
      </c>
      <c r="U117" s="8">
        <v>4.74</v>
      </c>
      <c r="V117" s="8">
        <v>4.74</v>
      </c>
      <c r="W117" s="8">
        <v>4.74</v>
      </c>
      <c r="X117" s="8">
        <v>4.7300000000000004</v>
      </c>
      <c r="Y117" s="8">
        <v>4.76</v>
      </c>
      <c r="Z117" s="8">
        <v>4.78</v>
      </c>
      <c r="AA117" s="8">
        <v>4.79</v>
      </c>
      <c r="AB117" s="8">
        <v>4.78</v>
      </c>
      <c r="AC117" s="8">
        <v>4.78</v>
      </c>
      <c r="AD117" s="17">
        <v>4.8</v>
      </c>
      <c r="AE117" s="17">
        <v>4.8</v>
      </c>
      <c r="AF117" s="8">
        <v>4.82</v>
      </c>
      <c r="AG117" s="8">
        <v>4.8099999999999996</v>
      </c>
      <c r="AH117" s="8">
        <v>4.8099999999999996</v>
      </c>
      <c r="AI117" s="8">
        <v>4.8099999999999996</v>
      </c>
      <c r="AJ117" s="8">
        <v>4.8099999999999996</v>
      </c>
      <c r="AK117" s="8">
        <v>4.82</v>
      </c>
      <c r="AL117" s="17">
        <v>4.83</v>
      </c>
      <c r="AM117" s="8">
        <v>4.8600000000000003</v>
      </c>
      <c r="AN117" s="8">
        <v>4.8499999999999996</v>
      </c>
      <c r="AO117" s="17">
        <v>4.8499999999999996</v>
      </c>
      <c r="AP117" s="17">
        <v>4.82</v>
      </c>
      <c r="AQ117" s="17">
        <v>4.8499999999999996</v>
      </c>
      <c r="AR117" s="17">
        <v>4.8614724342361404</v>
      </c>
      <c r="AS117" s="17">
        <v>4.88</v>
      </c>
      <c r="AT117" s="17">
        <v>4.88</v>
      </c>
      <c r="AU117" s="17">
        <v>4.8899999999999997</v>
      </c>
      <c r="AV117" s="17">
        <v>4.91</v>
      </c>
      <c r="AW117" s="17">
        <v>4.9000000000000004</v>
      </c>
      <c r="AX117" s="17">
        <v>4.8899999999999997</v>
      </c>
      <c r="AY117" s="17">
        <v>4.8600000000000003</v>
      </c>
      <c r="AZ117" s="17">
        <v>4.88</v>
      </c>
      <c r="BA117" s="17">
        <v>4.88</v>
      </c>
      <c r="BB117" s="17">
        <v>4.88</v>
      </c>
      <c r="BC117" s="8">
        <v>4.88</v>
      </c>
      <c r="BD117" s="17">
        <v>4.92</v>
      </c>
      <c r="BE117" s="17"/>
    </row>
    <row r="118" spans="3:57" x14ac:dyDescent="0.2">
      <c r="C118" s="5" t="s">
        <v>102</v>
      </c>
      <c r="D118" s="6" t="s">
        <v>58</v>
      </c>
      <c r="E118" s="17">
        <v>8.94</v>
      </c>
      <c r="F118" s="17">
        <v>8.82</v>
      </c>
      <c r="G118" s="8">
        <v>8.83</v>
      </c>
      <c r="H118" s="17">
        <v>8.8000000000000007</v>
      </c>
      <c r="I118" s="8">
        <v>8.8000000000000007</v>
      </c>
      <c r="J118" s="8">
        <v>8.75</v>
      </c>
      <c r="K118" s="8">
        <v>8.6999999999999993</v>
      </c>
      <c r="L118" s="8">
        <v>8.77</v>
      </c>
      <c r="M118" s="8">
        <v>8.69</v>
      </c>
      <c r="N118" s="8">
        <v>8.6999999999999993</v>
      </c>
      <c r="O118" s="8">
        <v>8.75</v>
      </c>
      <c r="P118" s="8">
        <v>8.8800000000000008</v>
      </c>
      <c r="Q118" s="8">
        <v>8.91</v>
      </c>
      <c r="R118" s="8">
        <v>8.89</v>
      </c>
      <c r="S118" s="8">
        <v>8.93</v>
      </c>
      <c r="T118" s="8">
        <v>9.0299999999999994</v>
      </c>
      <c r="U118" s="8">
        <v>8.94</v>
      </c>
      <c r="V118" s="8">
        <v>8.91</v>
      </c>
      <c r="W118" s="8">
        <v>8.8800000000000008</v>
      </c>
      <c r="X118" s="8">
        <v>8.91</v>
      </c>
      <c r="Y118" s="8">
        <v>8.9499999999999993</v>
      </c>
      <c r="Z118" s="8">
        <v>8.99</v>
      </c>
      <c r="AA118" s="8">
        <v>8.98</v>
      </c>
      <c r="AB118" s="8">
        <v>9.01</v>
      </c>
      <c r="AC118" s="8">
        <v>9.02</v>
      </c>
      <c r="AD118" s="17">
        <v>8.9499999999999993</v>
      </c>
      <c r="AE118" s="17">
        <v>9</v>
      </c>
      <c r="AF118" s="8">
        <v>9.0299999999999994</v>
      </c>
      <c r="AG118" s="8">
        <v>9.0399999999999991</v>
      </c>
      <c r="AH118" s="8">
        <v>9.0399999999999991</v>
      </c>
      <c r="AI118" s="8">
        <v>9.08</v>
      </c>
      <c r="AJ118" s="8">
        <v>9.08</v>
      </c>
      <c r="AK118" s="8">
        <v>9.09</v>
      </c>
      <c r="AL118" s="17">
        <v>9.0299999999999994</v>
      </c>
      <c r="AM118" s="8">
        <v>9.01</v>
      </c>
      <c r="AN118" s="8">
        <v>8.9700000000000006</v>
      </c>
      <c r="AO118" s="17">
        <v>8.9700000000000006</v>
      </c>
      <c r="AP118" s="17">
        <v>9.01</v>
      </c>
      <c r="AQ118" s="17">
        <v>9.0399999999999991</v>
      </c>
      <c r="AR118" s="17">
        <v>9.0664225824537308</v>
      </c>
      <c r="AS118" s="17">
        <v>9.08</v>
      </c>
      <c r="AT118" s="17">
        <v>9.07</v>
      </c>
      <c r="AU118" s="17">
        <v>9.11</v>
      </c>
      <c r="AV118" s="17">
        <v>9.1199999999999992</v>
      </c>
      <c r="AW118" s="17">
        <v>9.1</v>
      </c>
      <c r="AX118" s="17">
        <v>9.2200000000000006</v>
      </c>
      <c r="AY118" s="17">
        <v>9.18</v>
      </c>
      <c r="AZ118" s="17">
        <v>9.09</v>
      </c>
      <c r="BA118" s="17">
        <v>9.07</v>
      </c>
      <c r="BB118" s="17">
        <v>9.31</v>
      </c>
      <c r="BC118" s="8">
        <v>9.35</v>
      </c>
      <c r="BD118" s="17">
        <v>9.36</v>
      </c>
      <c r="BE118" s="17"/>
    </row>
    <row r="119" spans="3:57" x14ac:dyDescent="0.2">
      <c r="C119" s="5" t="s">
        <v>72</v>
      </c>
      <c r="D119" s="6" t="s">
        <v>58</v>
      </c>
      <c r="E119" s="17">
        <v>9.4499999999999993</v>
      </c>
      <c r="F119" s="17">
        <v>9.43</v>
      </c>
      <c r="G119" s="8">
        <v>9.4</v>
      </c>
      <c r="H119" s="17">
        <v>9.3800000000000008</v>
      </c>
      <c r="I119" s="8">
        <v>9.4</v>
      </c>
      <c r="J119" s="8">
        <v>9.44</v>
      </c>
      <c r="K119" s="8">
        <v>9.4600000000000009</v>
      </c>
      <c r="L119" s="8">
        <v>9.5500000000000007</v>
      </c>
      <c r="M119" s="8">
        <v>9.5399999999999991</v>
      </c>
      <c r="N119" s="8">
        <v>9.61</v>
      </c>
      <c r="O119" s="8">
        <v>9.59</v>
      </c>
      <c r="P119" s="8">
        <v>9.66</v>
      </c>
      <c r="Q119" s="8">
        <v>9.6999999999999993</v>
      </c>
      <c r="R119" s="8">
        <v>9.76</v>
      </c>
      <c r="S119" s="8">
        <v>9.86</v>
      </c>
      <c r="T119" s="8">
        <v>9.92</v>
      </c>
      <c r="U119" s="8">
        <v>9.9499999999999993</v>
      </c>
      <c r="V119" s="8">
        <v>9.93</v>
      </c>
      <c r="W119" s="8">
        <v>9.83</v>
      </c>
      <c r="X119" s="8">
        <v>9.89</v>
      </c>
      <c r="Y119" s="8">
        <v>9.94</v>
      </c>
      <c r="Z119" s="8">
        <v>9.94</v>
      </c>
      <c r="AA119" s="8">
        <v>10.029999999999999</v>
      </c>
      <c r="AB119" s="8">
        <v>9.9600000000000009</v>
      </c>
      <c r="AC119" s="8">
        <v>9.94</v>
      </c>
      <c r="AD119" s="17">
        <v>10.08</v>
      </c>
      <c r="AE119" s="17">
        <v>10.039999999999999</v>
      </c>
      <c r="AF119" s="8">
        <v>10.050000000000001</v>
      </c>
      <c r="AG119" s="8">
        <v>10.15</v>
      </c>
      <c r="AH119" s="8">
        <v>10.17</v>
      </c>
      <c r="AI119" s="8">
        <v>10.19</v>
      </c>
      <c r="AJ119" s="8">
        <v>10.17</v>
      </c>
      <c r="AK119" s="8">
        <v>10.210000000000001</v>
      </c>
      <c r="AL119" s="17">
        <v>10.26</v>
      </c>
      <c r="AM119" s="8">
        <v>10.37</v>
      </c>
      <c r="AN119" s="8">
        <v>10.36</v>
      </c>
      <c r="AO119" s="17">
        <v>10.36</v>
      </c>
      <c r="AP119" s="17">
        <v>10.28</v>
      </c>
      <c r="AQ119" s="17">
        <v>10.28</v>
      </c>
      <c r="AR119" s="17">
        <v>10.2927169464682</v>
      </c>
      <c r="AS119" s="17">
        <v>10.36</v>
      </c>
      <c r="AT119" s="17">
        <v>10.35</v>
      </c>
      <c r="AU119" s="17">
        <v>10.37</v>
      </c>
      <c r="AV119" s="17">
        <v>10.27</v>
      </c>
      <c r="AW119" s="17">
        <v>10.29</v>
      </c>
      <c r="AX119" s="17">
        <v>10.25</v>
      </c>
      <c r="AY119" s="17">
        <v>10.26</v>
      </c>
      <c r="AZ119" s="17">
        <v>10.23</v>
      </c>
      <c r="BA119" s="17">
        <v>10.24</v>
      </c>
      <c r="BB119" s="17">
        <v>10.36</v>
      </c>
      <c r="BC119" s="8">
        <v>10.33</v>
      </c>
      <c r="BD119" s="17">
        <v>10.35</v>
      </c>
      <c r="BE119" s="17"/>
    </row>
    <row r="120" spans="3:57" x14ac:dyDescent="0.2">
      <c r="C120" s="5" t="s">
        <v>73</v>
      </c>
      <c r="D120" s="6" t="s">
        <v>58</v>
      </c>
      <c r="E120" s="17">
        <v>9.64</v>
      </c>
      <c r="F120" s="17">
        <v>9.66</v>
      </c>
      <c r="G120" s="8">
        <v>9.57</v>
      </c>
      <c r="H120" s="17">
        <v>9.51</v>
      </c>
      <c r="I120" s="8">
        <v>9.36</v>
      </c>
      <c r="J120" s="8">
        <v>9.2899999999999991</v>
      </c>
      <c r="K120" s="8">
        <v>9.3000000000000007</v>
      </c>
      <c r="L120" s="8">
        <v>9.3699999999999992</v>
      </c>
      <c r="M120" s="8">
        <v>9.36</v>
      </c>
      <c r="N120" s="8">
        <v>9.5</v>
      </c>
      <c r="O120" s="8">
        <v>9.56</v>
      </c>
      <c r="P120" s="8">
        <v>9.35</v>
      </c>
      <c r="Q120" s="8">
        <v>9.4499999999999993</v>
      </c>
      <c r="R120" s="8">
        <v>9.44</v>
      </c>
      <c r="S120" s="8">
        <v>9.3800000000000008</v>
      </c>
      <c r="T120" s="8">
        <v>9.36</v>
      </c>
      <c r="U120" s="8">
        <v>9.31</v>
      </c>
      <c r="V120" s="8">
        <v>9.35</v>
      </c>
      <c r="W120" s="8">
        <v>9.3800000000000008</v>
      </c>
      <c r="X120" s="8">
        <v>9.36</v>
      </c>
      <c r="Y120" s="8">
        <v>9.43</v>
      </c>
      <c r="Z120" s="8">
        <v>9.3800000000000008</v>
      </c>
      <c r="AA120" s="8">
        <v>9.4700000000000006</v>
      </c>
      <c r="AB120" s="8">
        <v>9.39</v>
      </c>
      <c r="AC120" s="8">
        <v>9.32</v>
      </c>
      <c r="AD120" s="17">
        <v>9.2200000000000006</v>
      </c>
      <c r="AE120" s="17">
        <v>9.2799999999999994</v>
      </c>
      <c r="AF120" s="8">
        <v>9.2200000000000006</v>
      </c>
      <c r="AG120" s="8">
        <v>9.26</v>
      </c>
      <c r="AH120" s="8">
        <v>9</v>
      </c>
      <c r="AI120" s="8">
        <v>9.2200000000000006</v>
      </c>
      <c r="AJ120" s="8">
        <v>9.25</v>
      </c>
      <c r="AK120" s="8">
        <v>9.24</v>
      </c>
      <c r="AL120" s="17">
        <v>9.24</v>
      </c>
      <c r="AM120" s="8">
        <v>9.31</v>
      </c>
      <c r="AN120" s="8">
        <v>9.26</v>
      </c>
      <c r="AO120" s="17">
        <v>9.26</v>
      </c>
      <c r="AP120" s="17">
        <v>9.2799999999999994</v>
      </c>
      <c r="AQ120" s="17">
        <v>9.27</v>
      </c>
      <c r="AR120" s="17">
        <v>9.33475854778513</v>
      </c>
      <c r="AS120" s="17">
        <v>9.34</v>
      </c>
      <c r="AT120" s="17">
        <v>9.34</v>
      </c>
      <c r="AU120" s="17">
        <v>9.3800000000000008</v>
      </c>
      <c r="AV120" s="17">
        <v>9.48</v>
      </c>
      <c r="AW120" s="17">
        <v>9.4600000000000009</v>
      </c>
      <c r="AX120" s="17">
        <v>9.48</v>
      </c>
      <c r="AY120" s="17">
        <v>9.48</v>
      </c>
      <c r="AZ120" s="17">
        <v>9.4499999999999993</v>
      </c>
      <c r="BA120" s="17">
        <v>9.44</v>
      </c>
      <c r="BB120" s="17">
        <v>9.4600000000000009</v>
      </c>
      <c r="BC120" s="8">
        <v>9.59</v>
      </c>
      <c r="BD120" s="17">
        <v>9.6199999999999992</v>
      </c>
      <c r="BE120" s="17"/>
    </row>
    <row r="121" spans="3:57" x14ac:dyDescent="0.2">
      <c r="C121" s="5" t="s">
        <v>74</v>
      </c>
      <c r="D121" s="6" t="s">
        <v>58</v>
      </c>
      <c r="E121" s="17">
        <v>3.09</v>
      </c>
      <c r="F121" s="17">
        <v>3.08</v>
      </c>
      <c r="G121" s="8">
        <v>3.08</v>
      </c>
      <c r="H121" s="17">
        <v>3.08</v>
      </c>
      <c r="I121" s="8">
        <v>3.09</v>
      </c>
      <c r="J121" s="8">
        <v>3.06</v>
      </c>
      <c r="K121" s="8">
        <v>3.04</v>
      </c>
      <c r="L121" s="8">
        <v>3.06</v>
      </c>
      <c r="M121" s="8">
        <v>3.06</v>
      </c>
      <c r="N121" s="8">
        <v>3.08</v>
      </c>
      <c r="O121" s="8">
        <v>3.07</v>
      </c>
      <c r="P121" s="8">
        <v>3.05</v>
      </c>
      <c r="Q121" s="8">
        <v>3.06</v>
      </c>
      <c r="R121" s="8">
        <v>3.04</v>
      </c>
      <c r="S121" s="8">
        <v>3.06</v>
      </c>
      <c r="T121" s="8">
        <v>3.04</v>
      </c>
      <c r="U121" s="8">
        <v>3.02</v>
      </c>
      <c r="V121" s="8">
        <v>3.05</v>
      </c>
      <c r="W121" s="8">
        <v>3.04</v>
      </c>
      <c r="X121" s="8">
        <v>3.04</v>
      </c>
      <c r="Y121" s="8">
        <v>3.06</v>
      </c>
      <c r="Z121" s="8">
        <v>3.08</v>
      </c>
      <c r="AA121" s="8">
        <v>3.06</v>
      </c>
      <c r="AB121" s="8">
        <v>3.08</v>
      </c>
      <c r="AC121" s="8">
        <v>3.09</v>
      </c>
      <c r="AD121" s="17">
        <v>3.08</v>
      </c>
      <c r="AE121" s="17">
        <v>3.08</v>
      </c>
      <c r="AF121" s="8">
        <v>3.1</v>
      </c>
      <c r="AG121" s="8">
        <v>3.1</v>
      </c>
      <c r="AH121" s="8">
        <v>3.09</v>
      </c>
      <c r="AI121" s="8">
        <v>3.1</v>
      </c>
      <c r="AJ121" s="8">
        <v>3.1</v>
      </c>
      <c r="AK121" s="8">
        <v>3.1</v>
      </c>
      <c r="AL121" s="17">
        <v>3.1</v>
      </c>
      <c r="AM121" s="8">
        <v>3.11</v>
      </c>
      <c r="AN121" s="8">
        <v>3.11</v>
      </c>
      <c r="AO121" s="17">
        <v>3.12</v>
      </c>
      <c r="AP121" s="17">
        <v>3.11</v>
      </c>
      <c r="AQ121" s="17">
        <v>3.09</v>
      </c>
      <c r="AR121" s="17">
        <v>3.1386653797097002</v>
      </c>
      <c r="AS121" s="17">
        <v>3.15</v>
      </c>
      <c r="AT121" s="17">
        <v>3.12</v>
      </c>
      <c r="AU121" s="17">
        <v>3.12</v>
      </c>
      <c r="AV121" s="17">
        <v>3.14</v>
      </c>
      <c r="AW121" s="17">
        <v>3.13</v>
      </c>
      <c r="AX121" s="17">
        <v>3.14</v>
      </c>
      <c r="AY121" s="17">
        <v>3.14</v>
      </c>
      <c r="AZ121" s="17">
        <v>3.13</v>
      </c>
      <c r="BA121" s="17">
        <v>3.13</v>
      </c>
      <c r="BB121" s="17">
        <v>3.13</v>
      </c>
      <c r="BC121" s="8">
        <v>3.12</v>
      </c>
      <c r="BD121" s="17">
        <v>3.1</v>
      </c>
      <c r="BE121" s="17"/>
    </row>
    <row r="122" spans="3:57" x14ac:dyDescent="0.2">
      <c r="C122" s="16" t="s">
        <v>78</v>
      </c>
      <c r="D122" s="6" t="s">
        <v>58</v>
      </c>
      <c r="E122" s="17">
        <v>0.74</v>
      </c>
      <c r="F122" s="17">
        <v>0.88</v>
      </c>
      <c r="G122" s="8">
        <v>0.88</v>
      </c>
      <c r="H122" s="17">
        <v>0.88</v>
      </c>
      <c r="I122" s="8">
        <v>0.89</v>
      </c>
      <c r="J122" s="8">
        <v>0.75</v>
      </c>
      <c r="K122" s="8">
        <v>0.75</v>
      </c>
      <c r="L122" s="8">
        <v>0.75</v>
      </c>
      <c r="M122" s="8">
        <v>0.75</v>
      </c>
      <c r="N122" s="8">
        <v>0.75</v>
      </c>
      <c r="O122" s="8">
        <v>0.75</v>
      </c>
      <c r="P122" s="8">
        <v>0.76</v>
      </c>
      <c r="Q122" s="8">
        <v>0.76</v>
      </c>
      <c r="R122" s="8">
        <v>0.76</v>
      </c>
      <c r="S122" s="8">
        <v>0.77</v>
      </c>
      <c r="T122" s="8">
        <v>0.78</v>
      </c>
      <c r="U122" s="8">
        <v>0.78</v>
      </c>
      <c r="V122" s="8">
        <v>0.78</v>
      </c>
      <c r="W122" s="8">
        <v>0.78</v>
      </c>
      <c r="X122" s="8">
        <v>0.79</v>
      </c>
      <c r="Y122" s="8">
        <v>0.79</v>
      </c>
      <c r="Z122" s="8">
        <v>0.79</v>
      </c>
      <c r="AA122" s="8">
        <v>0.79</v>
      </c>
      <c r="AB122" s="8">
        <v>0.8</v>
      </c>
      <c r="AC122" s="8">
        <v>0.8</v>
      </c>
      <c r="AD122" s="17">
        <v>0.81</v>
      </c>
      <c r="AE122" s="17">
        <v>0.81</v>
      </c>
      <c r="AF122" s="8">
        <v>0.81</v>
      </c>
      <c r="AG122" s="8">
        <v>0.82</v>
      </c>
      <c r="AH122" s="8">
        <v>0.82</v>
      </c>
      <c r="AI122" s="8">
        <v>0.83</v>
      </c>
      <c r="AJ122" s="76">
        <v>0.83</v>
      </c>
      <c r="AK122" s="76">
        <v>0.83</v>
      </c>
      <c r="AL122" s="76">
        <v>0.84</v>
      </c>
      <c r="AM122" s="8">
        <v>0.85</v>
      </c>
      <c r="AN122" s="8">
        <v>0.84</v>
      </c>
      <c r="AO122" s="17">
        <v>0.84</v>
      </c>
      <c r="AP122" s="17">
        <v>0.84</v>
      </c>
      <c r="AQ122" s="17">
        <v>0.84</v>
      </c>
      <c r="AR122" s="17">
        <v>0.84</v>
      </c>
      <c r="AS122" s="17">
        <v>0.84</v>
      </c>
      <c r="AT122" s="17">
        <v>0.84</v>
      </c>
      <c r="AU122" s="17">
        <v>0.84</v>
      </c>
      <c r="AV122" s="17">
        <v>0.83</v>
      </c>
      <c r="AW122" s="17">
        <v>0.83</v>
      </c>
      <c r="AX122" s="17">
        <v>0.84</v>
      </c>
      <c r="AY122" s="17">
        <v>0.84</v>
      </c>
      <c r="AZ122" s="17">
        <v>0.84</v>
      </c>
      <c r="BA122" s="17">
        <v>0.84</v>
      </c>
      <c r="BB122" s="17">
        <v>0.83</v>
      </c>
      <c r="BC122" s="8">
        <v>0.83</v>
      </c>
      <c r="BD122" s="17">
        <v>0.83</v>
      </c>
      <c r="BE122" s="17"/>
    </row>
    <row r="123" spans="3:57" x14ac:dyDescent="0.2">
      <c r="C123" s="16" t="s">
        <v>79</v>
      </c>
      <c r="D123" s="6" t="s">
        <v>58</v>
      </c>
      <c r="E123" s="17">
        <v>1.48</v>
      </c>
      <c r="F123" s="17">
        <v>1.51</v>
      </c>
      <c r="G123" s="8">
        <v>1.51</v>
      </c>
      <c r="H123" s="17">
        <v>1.51</v>
      </c>
      <c r="I123" s="8">
        <v>1.54</v>
      </c>
      <c r="J123" s="8">
        <v>1.54</v>
      </c>
      <c r="K123" s="8">
        <v>1.55</v>
      </c>
      <c r="L123" s="8">
        <v>1.56</v>
      </c>
      <c r="M123" s="8">
        <v>1.57</v>
      </c>
      <c r="N123" s="8">
        <v>1.58</v>
      </c>
      <c r="O123" s="8">
        <v>1.57</v>
      </c>
      <c r="P123" s="8">
        <v>1.57</v>
      </c>
      <c r="Q123" s="8">
        <v>1.57</v>
      </c>
      <c r="R123" s="8">
        <v>1.55</v>
      </c>
      <c r="S123" s="8">
        <v>1.55</v>
      </c>
      <c r="T123" s="8">
        <v>1.55</v>
      </c>
      <c r="U123" s="8">
        <v>1.55</v>
      </c>
      <c r="V123" s="8">
        <v>1.55</v>
      </c>
      <c r="W123" s="8">
        <v>1.55</v>
      </c>
      <c r="X123" s="8">
        <v>1.51</v>
      </c>
      <c r="Y123" s="8">
        <v>1.52</v>
      </c>
      <c r="Z123" s="8">
        <v>1.52</v>
      </c>
      <c r="AA123" s="8">
        <v>1.54</v>
      </c>
      <c r="AB123" s="8">
        <v>1.55</v>
      </c>
      <c r="AC123" s="8">
        <v>1.54</v>
      </c>
      <c r="AD123" s="17">
        <v>1.55</v>
      </c>
      <c r="AE123" s="17">
        <v>1.55</v>
      </c>
      <c r="AF123" s="8">
        <v>1.54</v>
      </c>
      <c r="AG123" s="8">
        <v>1.55</v>
      </c>
      <c r="AH123" s="8">
        <v>1.54</v>
      </c>
      <c r="AI123" s="8">
        <v>1.54</v>
      </c>
      <c r="AJ123" s="76">
        <v>1.54</v>
      </c>
      <c r="AK123" s="76">
        <v>1.54</v>
      </c>
      <c r="AL123" s="76">
        <v>1.53</v>
      </c>
      <c r="AM123" s="8">
        <v>1.51</v>
      </c>
      <c r="AN123" s="8">
        <v>1.51</v>
      </c>
      <c r="AO123" s="17">
        <v>1.51</v>
      </c>
      <c r="AP123" s="17">
        <v>1.51</v>
      </c>
      <c r="AQ123" s="17">
        <v>1.52</v>
      </c>
      <c r="AR123" s="17">
        <v>1.5186548437760303</v>
      </c>
      <c r="AS123" s="17">
        <v>1.51</v>
      </c>
      <c r="AT123" s="17">
        <v>1.54</v>
      </c>
      <c r="AU123" s="17">
        <v>1.53</v>
      </c>
      <c r="AV123" s="17">
        <v>1.54</v>
      </c>
      <c r="AW123" s="17">
        <v>1.53</v>
      </c>
      <c r="AX123" s="17">
        <v>1.52</v>
      </c>
      <c r="AY123" s="17">
        <v>1.52</v>
      </c>
      <c r="AZ123" s="17">
        <v>1.53</v>
      </c>
      <c r="BA123" s="17">
        <v>1.53</v>
      </c>
      <c r="BB123" s="17">
        <v>1.53</v>
      </c>
      <c r="BC123" s="8">
        <v>1.54</v>
      </c>
      <c r="BD123" s="17">
        <v>1.56</v>
      </c>
      <c r="BE123" s="17"/>
    </row>
    <row r="124" spans="3:57" x14ac:dyDescent="0.2">
      <c r="C124" s="16" t="s">
        <v>80</v>
      </c>
      <c r="D124" s="6" t="s">
        <v>58</v>
      </c>
      <c r="E124" s="17">
        <v>1.5</v>
      </c>
      <c r="F124" s="17">
        <v>1.77</v>
      </c>
      <c r="G124" s="8">
        <v>1.95</v>
      </c>
      <c r="H124" s="17">
        <v>2.02</v>
      </c>
      <c r="I124" s="8">
        <v>2.12</v>
      </c>
      <c r="J124" s="8">
        <v>2.15</v>
      </c>
      <c r="K124" s="8">
        <v>2.1</v>
      </c>
      <c r="L124" s="8">
        <v>2.2200000000000002</v>
      </c>
      <c r="M124" s="8">
        <v>2.25</v>
      </c>
      <c r="N124" s="8">
        <v>2.39</v>
      </c>
      <c r="O124" s="8">
        <v>2.44</v>
      </c>
      <c r="P124" s="8">
        <v>2.4</v>
      </c>
      <c r="Q124" s="8">
        <v>2.35</v>
      </c>
      <c r="R124" s="8">
        <v>2.16</v>
      </c>
      <c r="S124" s="8">
        <v>2</v>
      </c>
      <c r="T124" s="8">
        <v>1.81</v>
      </c>
      <c r="U124" s="8">
        <v>1.74</v>
      </c>
      <c r="V124" s="8">
        <v>1.7</v>
      </c>
      <c r="W124" s="8">
        <v>1.65</v>
      </c>
      <c r="X124" s="8">
        <v>1.62</v>
      </c>
      <c r="Y124" s="8">
        <v>1.53</v>
      </c>
      <c r="Z124" s="8">
        <v>1.51</v>
      </c>
      <c r="AA124" s="8">
        <v>1.44</v>
      </c>
      <c r="AB124" s="8">
        <v>1.43</v>
      </c>
      <c r="AC124" s="8">
        <v>1.44</v>
      </c>
      <c r="AD124" s="17">
        <v>1.44</v>
      </c>
      <c r="AE124" s="17">
        <v>1.44</v>
      </c>
      <c r="AF124" s="8">
        <v>1.41</v>
      </c>
      <c r="AG124" s="8">
        <v>1.4</v>
      </c>
      <c r="AH124" s="8">
        <v>1.4</v>
      </c>
      <c r="AI124" s="8">
        <v>1.39</v>
      </c>
      <c r="AJ124" s="76">
        <v>1.41</v>
      </c>
      <c r="AK124" s="76">
        <v>1.43</v>
      </c>
      <c r="AL124" s="76">
        <v>1.46</v>
      </c>
      <c r="AM124" s="8">
        <v>1.48</v>
      </c>
      <c r="AN124" s="8">
        <v>1.48</v>
      </c>
      <c r="AO124" s="17">
        <v>1.43</v>
      </c>
      <c r="AP124" s="17">
        <v>1.43</v>
      </c>
      <c r="AQ124" s="17">
        <v>1.45</v>
      </c>
      <c r="AR124" s="17">
        <v>1.43592592592593</v>
      </c>
      <c r="AS124" s="17">
        <v>1.45</v>
      </c>
      <c r="AT124" s="17">
        <v>1.49</v>
      </c>
      <c r="AU124" s="17">
        <v>1.49</v>
      </c>
      <c r="AV124" s="17">
        <v>1.49</v>
      </c>
      <c r="AW124" s="17">
        <v>1.51</v>
      </c>
      <c r="AX124" s="17">
        <v>1.51</v>
      </c>
      <c r="AY124" s="17">
        <v>1.53</v>
      </c>
      <c r="AZ124" s="17">
        <v>1.59</v>
      </c>
      <c r="BA124" s="17">
        <v>1.63</v>
      </c>
      <c r="BB124" s="17">
        <v>1.7</v>
      </c>
      <c r="BC124" s="8">
        <v>1.76</v>
      </c>
      <c r="BD124" s="17">
        <v>1.75</v>
      </c>
      <c r="BE124" s="17"/>
    </row>
    <row r="125" spans="3:57" x14ac:dyDescent="0.2">
      <c r="C125" s="16" t="s">
        <v>81</v>
      </c>
      <c r="D125" s="6" t="s">
        <v>58</v>
      </c>
      <c r="E125" s="17">
        <v>1.03</v>
      </c>
      <c r="F125" s="17">
        <v>1.03</v>
      </c>
      <c r="G125" s="8">
        <v>1.03</v>
      </c>
      <c r="H125" s="17">
        <v>1.03</v>
      </c>
      <c r="I125" s="8">
        <v>1.03</v>
      </c>
      <c r="J125" s="8">
        <v>1.04</v>
      </c>
      <c r="K125" s="8">
        <v>1.05</v>
      </c>
      <c r="L125" s="8">
        <v>1.05</v>
      </c>
      <c r="M125" s="8">
        <v>1.06</v>
      </c>
      <c r="N125" s="8">
        <v>1.07</v>
      </c>
      <c r="O125" s="8">
        <v>1.08</v>
      </c>
      <c r="P125" s="8">
        <v>1.0900000000000001</v>
      </c>
      <c r="Q125" s="8">
        <v>1.1000000000000001</v>
      </c>
      <c r="R125" s="8">
        <v>1.1299999999999999</v>
      </c>
      <c r="S125" s="8">
        <v>1.1399999999999999</v>
      </c>
      <c r="T125" s="8">
        <v>1.1399999999999999</v>
      </c>
      <c r="U125" s="8">
        <v>1.1499999999999999</v>
      </c>
      <c r="V125" s="8">
        <v>1.1499999999999999</v>
      </c>
      <c r="W125" s="8">
        <v>1.18</v>
      </c>
      <c r="X125" s="8">
        <v>1.19</v>
      </c>
      <c r="Y125" s="8">
        <v>1.21</v>
      </c>
      <c r="Z125" s="8">
        <v>1.21</v>
      </c>
      <c r="AA125" s="8">
        <v>1.2</v>
      </c>
      <c r="AB125" s="8">
        <v>1.2</v>
      </c>
      <c r="AC125" s="8">
        <v>1.21</v>
      </c>
      <c r="AD125" s="17">
        <v>1.19</v>
      </c>
      <c r="AE125" s="17">
        <v>1.2</v>
      </c>
      <c r="AF125" s="8">
        <v>1.19</v>
      </c>
      <c r="AG125" s="8">
        <v>1.19</v>
      </c>
      <c r="AH125" s="8">
        <v>1.19</v>
      </c>
      <c r="AI125" s="8">
        <v>1.19</v>
      </c>
      <c r="AJ125" s="76">
        <v>1.19</v>
      </c>
      <c r="AK125" s="76">
        <v>1.19</v>
      </c>
      <c r="AL125" s="76">
        <v>1.18</v>
      </c>
      <c r="AM125" s="8">
        <v>1.19</v>
      </c>
      <c r="AN125" s="8">
        <v>1.19</v>
      </c>
      <c r="AO125" s="17">
        <v>1.18</v>
      </c>
      <c r="AP125" s="17">
        <v>1.18</v>
      </c>
      <c r="AQ125" s="17">
        <v>1.17</v>
      </c>
      <c r="AR125" s="17">
        <v>1.1733192223569</v>
      </c>
      <c r="AS125" s="17">
        <v>1.17</v>
      </c>
      <c r="AT125" s="17">
        <v>1.17</v>
      </c>
      <c r="AU125" s="17">
        <v>1.1599999999999999</v>
      </c>
      <c r="AV125" s="17">
        <v>1.1599999999999999</v>
      </c>
      <c r="AW125" s="17">
        <v>1.1599999999999999</v>
      </c>
      <c r="AX125" s="17">
        <v>1.1499999999999999</v>
      </c>
      <c r="AY125" s="17">
        <v>1.1499999999999999</v>
      </c>
      <c r="AZ125" s="17">
        <v>1.1499999999999999</v>
      </c>
      <c r="BA125" s="17">
        <v>1.1499999999999999</v>
      </c>
      <c r="BB125" s="17">
        <v>1.1499999999999999</v>
      </c>
      <c r="BC125" s="8">
        <v>1.1499999999999999</v>
      </c>
      <c r="BD125" s="17">
        <v>1.1100000000000001</v>
      </c>
      <c r="BE125" s="17"/>
    </row>
    <row r="126" spans="3:57" x14ac:dyDescent="0.2">
      <c r="C126" s="16" t="s">
        <v>82</v>
      </c>
      <c r="D126" s="6" t="s">
        <v>58</v>
      </c>
      <c r="E126" s="17">
        <v>3.53</v>
      </c>
      <c r="F126" s="17">
        <v>3.75</v>
      </c>
      <c r="G126" s="8">
        <v>3.9</v>
      </c>
      <c r="H126" s="17">
        <v>3.79</v>
      </c>
      <c r="I126" s="8">
        <v>3.78</v>
      </c>
      <c r="J126" s="8">
        <v>3.81</v>
      </c>
      <c r="K126" s="8">
        <v>3.82</v>
      </c>
      <c r="L126" s="8">
        <v>3.87</v>
      </c>
      <c r="M126" s="8">
        <v>3.88</v>
      </c>
      <c r="N126" s="8">
        <v>4.1100000000000003</v>
      </c>
      <c r="O126" s="8">
        <v>4.13</v>
      </c>
      <c r="P126" s="8">
        <v>3.95</v>
      </c>
      <c r="Q126" s="8">
        <v>3.87</v>
      </c>
      <c r="R126" s="8">
        <v>3.78</v>
      </c>
      <c r="S126" s="8">
        <v>3.61</v>
      </c>
      <c r="T126" s="8">
        <v>3.6</v>
      </c>
      <c r="U126" s="8">
        <v>3.48</v>
      </c>
      <c r="V126" s="8">
        <v>3.36</v>
      </c>
      <c r="W126" s="8">
        <v>3.28</v>
      </c>
      <c r="X126" s="8">
        <v>3.19</v>
      </c>
      <c r="Y126" s="8">
        <v>3.09</v>
      </c>
      <c r="Z126" s="8">
        <v>3.03</v>
      </c>
      <c r="AA126" s="8">
        <v>3.04</v>
      </c>
      <c r="AB126" s="8">
        <v>3.08</v>
      </c>
      <c r="AC126" s="8">
        <v>3.14</v>
      </c>
      <c r="AD126" s="17">
        <v>3.22</v>
      </c>
      <c r="AE126" s="17">
        <v>3.23</v>
      </c>
      <c r="AF126" s="8">
        <v>3.15</v>
      </c>
      <c r="AG126" s="8">
        <v>3.14</v>
      </c>
      <c r="AH126" s="8">
        <v>3.11</v>
      </c>
      <c r="AI126" s="8">
        <v>3.12</v>
      </c>
      <c r="AJ126" s="76">
        <v>3.19</v>
      </c>
      <c r="AK126" s="76">
        <v>3.22</v>
      </c>
      <c r="AL126" s="76">
        <v>3.21</v>
      </c>
      <c r="AM126" s="8">
        <v>3.22</v>
      </c>
      <c r="AN126" s="8">
        <v>3.19</v>
      </c>
      <c r="AO126" s="17">
        <v>3.21</v>
      </c>
      <c r="AP126" s="17">
        <v>3.34</v>
      </c>
      <c r="AQ126" s="17">
        <v>3.45</v>
      </c>
      <c r="AR126" s="17">
        <v>3.4999407341022506</v>
      </c>
      <c r="AS126" s="17">
        <v>3.5</v>
      </c>
      <c r="AT126" s="17">
        <v>3.56</v>
      </c>
      <c r="AU126" s="17">
        <v>3.78</v>
      </c>
      <c r="AV126" s="17">
        <v>3.71</v>
      </c>
      <c r="AW126" s="17">
        <v>3.65</v>
      </c>
      <c r="AX126" s="17">
        <v>3.51</v>
      </c>
      <c r="AY126" s="17">
        <v>3.49</v>
      </c>
      <c r="AZ126" s="17">
        <v>3.51</v>
      </c>
      <c r="BA126" s="17">
        <v>3.56</v>
      </c>
      <c r="BB126" s="17">
        <v>3.61</v>
      </c>
      <c r="BC126" s="8">
        <v>3.63</v>
      </c>
      <c r="BD126" s="17">
        <v>3.71</v>
      </c>
      <c r="BE126" s="17"/>
    </row>
    <row r="127" spans="3:57" x14ac:dyDescent="0.2">
      <c r="C127" s="16" t="s">
        <v>84</v>
      </c>
      <c r="D127" s="6" t="s">
        <v>85</v>
      </c>
      <c r="E127" s="17">
        <v>0.85</v>
      </c>
      <c r="F127" s="17">
        <v>0.86</v>
      </c>
      <c r="G127" s="8">
        <v>0.87</v>
      </c>
      <c r="H127" s="17">
        <v>0.87</v>
      </c>
      <c r="I127" s="8">
        <v>0.86</v>
      </c>
      <c r="J127" s="8">
        <v>0.87</v>
      </c>
      <c r="K127" s="8">
        <v>0.87</v>
      </c>
      <c r="L127" s="8">
        <v>0.9</v>
      </c>
      <c r="M127" s="8">
        <v>0.92</v>
      </c>
      <c r="N127" s="8">
        <v>0.96</v>
      </c>
      <c r="O127" s="8">
        <v>0.96</v>
      </c>
      <c r="P127" s="8">
        <v>0.98</v>
      </c>
      <c r="Q127" s="8">
        <v>1.02</v>
      </c>
      <c r="R127" s="8">
        <v>1.04</v>
      </c>
      <c r="S127" s="8">
        <v>1.06</v>
      </c>
      <c r="T127" s="8">
        <v>1.08</v>
      </c>
      <c r="U127" s="8">
        <v>1.03</v>
      </c>
      <c r="V127" s="8">
        <v>1</v>
      </c>
      <c r="W127" s="8">
        <v>0.98</v>
      </c>
      <c r="X127" s="8">
        <v>0.96</v>
      </c>
      <c r="Y127" s="8">
        <v>0.95</v>
      </c>
      <c r="Z127" s="8">
        <v>0.93</v>
      </c>
      <c r="AA127" s="8">
        <v>0.93</v>
      </c>
      <c r="AB127" s="8">
        <v>0.91</v>
      </c>
      <c r="AC127" s="8">
        <v>0.91</v>
      </c>
      <c r="AD127" s="17">
        <v>0.9</v>
      </c>
      <c r="AE127" s="17">
        <v>0.9</v>
      </c>
      <c r="AF127" s="8">
        <v>0.89</v>
      </c>
      <c r="AG127" s="8">
        <v>0.9</v>
      </c>
      <c r="AH127" s="8">
        <v>0.9</v>
      </c>
      <c r="AI127" s="8">
        <v>0.9</v>
      </c>
      <c r="AJ127" s="76">
        <v>0.9</v>
      </c>
      <c r="AK127" s="76">
        <v>0.9</v>
      </c>
      <c r="AL127" s="76">
        <v>0.9</v>
      </c>
      <c r="AM127" s="8">
        <v>0.92</v>
      </c>
      <c r="AN127" s="8">
        <v>0.91</v>
      </c>
      <c r="AO127" s="17">
        <v>0.89</v>
      </c>
      <c r="AP127" s="17">
        <v>0.91</v>
      </c>
      <c r="AQ127" s="17">
        <v>0.91</v>
      </c>
      <c r="AR127" s="17">
        <v>0.90725403496182799</v>
      </c>
      <c r="AS127" s="17">
        <v>0.9</v>
      </c>
      <c r="AT127" s="17">
        <v>0.91</v>
      </c>
      <c r="AU127" s="17">
        <v>0.91</v>
      </c>
      <c r="AV127" s="17">
        <v>0.91</v>
      </c>
      <c r="AW127" s="17">
        <v>0.91</v>
      </c>
      <c r="AX127" s="17">
        <v>0.92</v>
      </c>
      <c r="AY127" s="17">
        <v>0.91</v>
      </c>
      <c r="AZ127" s="17">
        <v>0.91</v>
      </c>
      <c r="BA127" s="17">
        <v>0.91</v>
      </c>
      <c r="BB127" s="17">
        <v>0.91</v>
      </c>
      <c r="BC127" s="8">
        <v>0.9</v>
      </c>
      <c r="BD127" s="17">
        <v>0.89</v>
      </c>
      <c r="BE127" s="17"/>
    </row>
    <row r="128" spans="3:57" x14ac:dyDescent="0.2">
      <c r="C128" s="16" t="s">
        <v>86</v>
      </c>
      <c r="D128" s="6" t="s">
        <v>58</v>
      </c>
      <c r="E128" s="17">
        <v>1.79</v>
      </c>
      <c r="F128" s="17">
        <v>1.86</v>
      </c>
      <c r="G128" s="8">
        <v>1.88</v>
      </c>
      <c r="H128" s="17">
        <v>1.9</v>
      </c>
      <c r="I128" s="8">
        <v>1.92</v>
      </c>
      <c r="J128" s="8">
        <v>1.98</v>
      </c>
      <c r="K128" s="8">
        <v>2.0499999999999998</v>
      </c>
      <c r="L128" s="8">
        <v>2.19</v>
      </c>
      <c r="M128" s="8">
        <v>2.34</v>
      </c>
      <c r="N128" s="8">
        <v>2.44</v>
      </c>
      <c r="O128" s="8">
        <v>2.4900000000000002</v>
      </c>
      <c r="P128" s="8">
        <v>2.63</v>
      </c>
      <c r="Q128" s="8">
        <v>2.68</v>
      </c>
      <c r="R128" s="8">
        <v>2.84</v>
      </c>
      <c r="S128" s="8">
        <v>2.86</v>
      </c>
      <c r="T128" s="8">
        <v>2.8</v>
      </c>
      <c r="U128" s="8">
        <v>2.7</v>
      </c>
      <c r="V128" s="8">
        <v>2.63</v>
      </c>
      <c r="W128" s="8">
        <v>2.4900000000000002</v>
      </c>
      <c r="X128" s="8">
        <v>2.33</v>
      </c>
      <c r="Y128" s="8">
        <v>2.19</v>
      </c>
      <c r="Z128" s="8">
        <v>2.11</v>
      </c>
      <c r="AA128" s="8">
        <v>2.02</v>
      </c>
      <c r="AB128" s="8">
        <v>1.97</v>
      </c>
      <c r="AC128" s="8">
        <v>1.92</v>
      </c>
      <c r="AD128" s="17">
        <v>1.93</v>
      </c>
      <c r="AE128" s="17">
        <v>1.95</v>
      </c>
      <c r="AF128" s="8">
        <v>1.92</v>
      </c>
      <c r="AG128" s="8">
        <v>1.91</v>
      </c>
      <c r="AH128" s="8">
        <v>1.89</v>
      </c>
      <c r="AI128" s="8">
        <v>1.88</v>
      </c>
      <c r="AJ128" s="76">
        <v>1.86</v>
      </c>
      <c r="AK128" s="76">
        <v>1.86</v>
      </c>
      <c r="AL128" s="76">
        <v>1.88</v>
      </c>
      <c r="AM128" s="8">
        <v>1.89</v>
      </c>
      <c r="AN128" s="8">
        <v>1.87</v>
      </c>
      <c r="AO128" s="17">
        <v>1.86</v>
      </c>
      <c r="AP128" s="17">
        <v>1.86</v>
      </c>
      <c r="AQ128" s="17">
        <v>1.87</v>
      </c>
      <c r="AR128" s="17">
        <v>1.8452664848752001</v>
      </c>
      <c r="AS128" s="17">
        <v>1.84</v>
      </c>
      <c r="AT128" s="17">
        <v>1.89</v>
      </c>
      <c r="AU128" s="17">
        <v>1.86</v>
      </c>
      <c r="AV128" s="17">
        <v>1.85</v>
      </c>
      <c r="AW128" s="17">
        <v>1.88</v>
      </c>
      <c r="AX128" s="17">
        <v>1.82</v>
      </c>
      <c r="AY128" s="17">
        <v>1.82</v>
      </c>
      <c r="AZ128" s="17">
        <v>1.84</v>
      </c>
      <c r="BA128" s="17">
        <v>1.86</v>
      </c>
      <c r="BB128" s="17">
        <v>1.92</v>
      </c>
      <c r="BC128" s="8">
        <v>1.96</v>
      </c>
      <c r="BD128" s="17">
        <v>1.92</v>
      </c>
      <c r="BE128" s="17"/>
    </row>
    <row r="129" spans="3:57" x14ac:dyDescent="0.2">
      <c r="C129" s="16" t="s">
        <v>104</v>
      </c>
      <c r="D129" s="6" t="s">
        <v>58</v>
      </c>
      <c r="E129" s="17">
        <v>1.95</v>
      </c>
      <c r="F129" s="17">
        <v>1.99</v>
      </c>
      <c r="G129" s="8">
        <v>2</v>
      </c>
      <c r="H129" s="17">
        <v>2.02</v>
      </c>
      <c r="I129" s="8">
        <v>2.02</v>
      </c>
      <c r="J129" s="8">
        <v>2.0299999999999998</v>
      </c>
      <c r="K129" s="8">
        <v>2</v>
      </c>
      <c r="L129" s="8">
        <v>2.0299999999999998</v>
      </c>
      <c r="M129" s="8">
        <v>2.09</v>
      </c>
      <c r="N129" s="8">
        <v>2.12</v>
      </c>
      <c r="O129" s="8">
        <v>2.17</v>
      </c>
      <c r="P129" s="8">
        <v>2.29</v>
      </c>
      <c r="Q129" s="8">
        <v>2.35</v>
      </c>
      <c r="R129" s="8">
        <v>2.35</v>
      </c>
      <c r="S129" s="8">
        <v>2.41</v>
      </c>
      <c r="T129" s="8">
        <v>2.4</v>
      </c>
      <c r="U129" s="8">
        <v>2.37</v>
      </c>
      <c r="V129" s="8">
        <v>2.35</v>
      </c>
      <c r="W129" s="8">
        <v>2.27</v>
      </c>
      <c r="X129" s="8">
        <v>2.23</v>
      </c>
      <c r="Y129" s="8">
        <v>2.1800000000000002</v>
      </c>
      <c r="Z129" s="8">
        <v>2.13</v>
      </c>
      <c r="AA129" s="8">
        <v>2.0699999999999998</v>
      </c>
      <c r="AB129" s="8">
        <v>2.06</v>
      </c>
      <c r="AC129" s="8">
        <v>2.02</v>
      </c>
      <c r="AD129" s="17">
        <v>2.0299999999999998</v>
      </c>
      <c r="AE129" s="17">
        <v>2.04</v>
      </c>
      <c r="AF129" s="8">
        <v>1.98</v>
      </c>
      <c r="AG129" s="8">
        <v>1.99</v>
      </c>
      <c r="AH129" s="8">
        <v>1.98</v>
      </c>
      <c r="AI129" s="8">
        <v>1.97</v>
      </c>
      <c r="AJ129" s="76">
        <v>1.96</v>
      </c>
      <c r="AK129" s="76">
        <v>1.95</v>
      </c>
      <c r="AL129" s="76">
        <v>1.94</v>
      </c>
      <c r="AM129" s="8">
        <v>1.95</v>
      </c>
      <c r="AN129" s="8">
        <v>1.93</v>
      </c>
      <c r="AO129" s="17">
        <v>1.91</v>
      </c>
      <c r="AP129" s="17">
        <v>1.93</v>
      </c>
      <c r="AQ129" s="17">
        <v>1.92</v>
      </c>
      <c r="AR129" s="17">
        <v>1.9278702490467203</v>
      </c>
      <c r="AS129" s="17">
        <v>1.94</v>
      </c>
      <c r="AT129" s="17">
        <v>1.97</v>
      </c>
      <c r="AU129" s="17">
        <v>1.98</v>
      </c>
      <c r="AV129" s="17">
        <v>2.0099999999999998</v>
      </c>
      <c r="AW129" s="17">
        <v>1.98</v>
      </c>
      <c r="AX129" s="17">
        <v>1.99</v>
      </c>
      <c r="AY129" s="17">
        <v>1.99</v>
      </c>
      <c r="AZ129" s="17">
        <v>2</v>
      </c>
      <c r="BA129" s="17">
        <v>2.0099999999999998</v>
      </c>
      <c r="BB129" s="17">
        <v>2</v>
      </c>
      <c r="BC129" s="8">
        <v>1.99</v>
      </c>
      <c r="BD129" s="17">
        <v>1.98</v>
      </c>
      <c r="BE129" s="17"/>
    </row>
    <row r="130" spans="3:57" x14ac:dyDescent="0.2">
      <c r="C130" s="16" t="s">
        <v>87</v>
      </c>
      <c r="D130" s="6" t="s">
        <v>58</v>
      </c>
      <c r="E130" s="17">
        <v>0.98</v>
      </c>
      <c r="F130" s="17">
        <v>0.99</v>
      </c>
      <c r="G130" s="8">
        <v>0.99</v>
      </c>
      <c r="H130" s="17">
        <v>0.99</v>
      </c>
      <c r="I130" s="8">
        <v>0.98</v>
      </c>
      <c r="J130" s="8">
        <v>0.98</v>
      </c>
      <c r="K130" s="8">
        <v>0.97</v>
      </c>
      <c r="L130" s="8">
        <v>0.98</v>
      </c>
      <c r="M130" s="8">
        <v>0.99</v>
      </c>
      <c r="N130" s="8">
        <v>0.99</v>
      </c>
      <c r="O130" s="8">
        <v>0.98</v>
      </c>
      <c r="P130" s="8">
        <v>0.99</v>
      </c>
      <c r="Q130" s="8">
        <v>0.99</v>
      </c>
      <c r="R130" s="8">
        <v>0.99</v>
      </c>
      <c r="S130" s="8">
        <v>0.99</v>
      </c>
      <c r="T130" s="8">
        <v>0.97</v>
      </c>
      <c r="U130" s="8">
        <v>0.97</v>
      </c>
      <c r="V130" s="8">
        <v>0.97</v>
      </c>
      <c r="W130" s="8">
        <v>0.98</v>
      </c>
      <c r="X130" s="8">
        <v>0.97</v>
      </c>
      <c r="Y130" s="8">
        <v>0.98</v>
      </c>
      <c r="Z130" s="8">
        <v>0.99</v>
      </c>
      <c r="AA130" s="8">
        <v>1</v>
      </c>
      <c r="AB130" s="8">
        <v>1</v>
      </c>
      <c r="AC130" s="8">
        <v>1</v>
      </c>
      <c r="AD130" s="17">
        <v>0.99</v>
      </c>
      <c r="AE130" s="17">
        <v>0.99</v>
      </c>
      <c r="AF130" s="8">
        <v>0.99</v>
      </c>
      <c r="AG130" s="8">
        <v>0.99</v>
      </c>
      <c r="AH130" s="8">
        <v>0.97</v>
      </c>
      <c r="AI130" s="8">
        <v>0.97</v>
      </c>
      <c r="AJ130" s="76">
        <v>0.96</v>
      </c>
      <c r="AK130" s="76">
        <v>0.96</v>
      </c>
      <c r="AL130" s="76">
        <v>0.96</v>
      </c>
      <c r="AM130" s="8">
        <v>0.96</v>
      </c>
      <c r="AN130" s="8">
        <v>0.97</v>
      </c>
      <c r="AO130" s="17">
        <v>0.96</v>
      </c>
      <c r="AP130" s="17">
        <v>0.95</v>
      </c>
      <c r="AQ130" s="17">
        <v>0.95</v>
      </c>
      <c r="AR130" s="17">
        <v>0.95809417184724599</v>
      </c>
      <c r="AS130" s="17">
        <v>0.95</v>
      </c>
      <c r="AT130" s="17">
        <v>0.96</v>
      </c>
      <c r="AU130" s="17">
        <v>0.96</v>
      </c>
      <c r="AV130" s="17">
        <v>0.96</v>
      </c>
      <c r="AW130" s="17">
        <v>0.96</v>
      </c>
      <c r="AX130" s="17">
        <v>0.96</v>
      </c>
      <c r="AY130" s="17">
        <v>0.96</v>
      </c>
      <c r="AZ130" s="17">
        <v>0.96</v>
      </c>
      <c r="BA130" s="17">
        <v>0.96</v>
      </c>
      <c r="BB130" s="17">
        <v>0.96</v>
      </c>
      <c r="BC130" s="8">
        <v>0.96</v>
      </c>
      <c r="BD130" s="17">
        <v>0.96</v>
      </c>
      <c r="BE130" s="17"/>
    </row>
    <row r="131" spans="3:57" x14ac:dyDescent="0.2">
      <c r="C131" s="16" t="s">
        <v>88</v>
      </c>
      <c r="D131" s="6" t="s">
        <v>58</v>
      </c>
      <c r="E131" s="17">
        <v>1.65</v>
      </c>
      <c r="F131" s="17">
        <v>1.62</v>
      </c>
      <c r="G131" s="8">
        <v>1.61</v>
      </c>
      <c r="H131" s="17">
        <v>1.62</v>
      </c>
      <c r="I131" s="8">
        <v>1.61</v>
      </c>
      <c r="J131" s="8">
        <v>1.62</v>
      </c>
      <c r="K131" s="8">
        <v>1.6</v>
      </c>
      <c r="L131" s="8">
        <v>1.61</v>
      </c>
      <c r="M131" s="8">
        <v>1.6</v>
      </c>
      <c r="N131" s="8">
        <v>1.6</v>
      </c>
      <c r="O131" s="8">
        <v>1.6</v>
      </c>
      <c r="P131" s="8">
        <v>1.57</v>
      </c>
      <c r="Q131" s="8">
        <v>1.56</v>
      </c>
      <c r="R131" s="8">
        <v>1.55</v>
      </c>
      <c r="S131" s="8">
        <v>1.54</v>
      </c>
      <c r="T131" s="8">
        <v>1.54</v>
      </c>
      <c r="U131" s="8">
        <v>1.52</v>
      </c>
      <c r="V131" s="8">
        <v>1.52</v>
      </c>
      <c r="W131" s="8">
        <v>1.51</v>
      </c>
      <c r="X131" s="8">
        <v>1.52</v>
      </c>
      <c r="Y131" s="8">
        <v>1.53</v>
      </c>
      <c r="Z131" s="8">
        <v>1.52</v>
      </c>
      <c r="AA131" s="8">
        <v>1.56</v>
      </c>
      <c r="AB131" s="8">
        <v>1.61</v>
      </c>
      <c r="AC131" s="8">
        <v>1.61</v>
      </c>
      <c r="AD131" s="17">
        <v>1.64</v>
      </c>
      <c r="AE131" s="17">
        <v>1.66</v>
      </c>
      <c r="AF131" s="8">
        <v>1.68</v>
      </c>
      <c r="AG131" s="8">
        <v>1.69</v>
      </c>
      <c r="AH131" s="8">
        <v>1.7</v>
      </c>
      <c r="AI131" s="8">
        <v>1.73</v>
      </c>
      <c r="AJ131" s="76">
        <v>1.76</v>
      </c>
      <c r="AK131" s="76">
        <v>1.81</v>
      </c>
      <c r="AL131" s="76">
        <v>1.89</v>
      </c>
      <c r="AM131" s="8">
        <v>1.97</v>
      </c>
      <c r="AN131" s="8">
        <v>2.02</v>
      </c>
      <c r="AO131" s="17">
        <v>2.12</v>
      </c>
      <c r="AP131" s="17">
        <v>2.15</v>
      </c>
      <c r="AQ131" s="17">
        <v>2.16</v>
      </c>
      <c r="AR131" s="17">
        <v>2.1241400634496901</v>
      </c>
      <c r="AS131" s="17">
        <v>2.09</v>
      </c>
      <c r="AT131" s="17">
        <v>2</v>
      </c>
      <c r="AU131" s="17">
        <v>1.92</v>
      </c>
      <c r="AV131" s="17">
        <v>1.85</v>
      </c>
      <c r="AW131" s="17">
        <v>1.81</v>
      </c>
      <c r="AX131" s="17">
        <v>1.74</v>
      </c>
      <c r="AY131" s="17">
        <v>1.7</v>
      </c>
      <c r="AZ131" s="17">
        <v>1.68</v>
      </c>
      <c r="BA131" s="17">
        <v>1.66</v>
      </c>
      <c r="BB131" s="17">
        <v>1.63</v>
      </c>
      <c r="BC131" s="8">
        <v>1.63</v>
      </c>
      <c r="BD131" s="17">
        <v>1.62</v>
      </c>
      <c r="BE131" s="17"/>
    </row>
    <row r="132" spans="3:57" x14ac:dyDescent="0.2">
      <c r="C132" s="18" t="s">
        <v>91</v>
      </c>
      <c r="D132" s="6" t="s">
        <v>58</v>
      </c>
      <c r="E132" s="17">
        <v>1.66</v>
      </c>
      <c r="F132" s="17">
        <v>1.66</v>
      </c>
      <c r="G132" s="8">
        <v>1.68</v>
      </c>
      <c r="H132" s="17">
        <v>1.71</v>
      </c>
      <c r="I132" s="8">
        <v>1.74</v>
      </c>
      <c r="J132" s="8">
        <v>1.78</v>
      </c>
      <c r="K132" s="8">
        <v>1.81</v>
      </c>
      <c r="L132" s="8">
        <v>1.85</v>
      </c>
      <c r="M132" s="8">
        <v>1.88</v>
      </c>
      <c r="N132" s="8">
        <v>1.9</v>
      </c>
      <c r="O132" s="8">
        <v>1.94</v>
      </c>
      <c r="P132" s="8">
        <v>1.97</v>
      </c>
      <c r="Q132" s="8">
        <v>1.89</v>
      </c>
      <c r="R132" s="8">
        <v>1.89</v>
      </c>
      <c r="S132" s="8">
        <v>1.91</v>
      </c>
      <c r="T132" s="8">
        <v>1.91</v>
      </c>
      <c r="U132" s="8">
        <v>1.9</v>
      </c>
      <c r="V132" s="8">
        <v>1.91</v>
      </c>
      <c r="W132" s="8">
        <v>1.93</v>
      </c>
      <c r="X132" s="8">
        <v>1.93</v>
      </c>
      <c r="Y132" s="8">
        <v>1.95</v>
      </c>
      <c r="Z132" s="8">
        <v>1.95</v>
      </c>
      <c r="AA132" s="8">
        <v>2.02</v>
      </c>
      <c r="AB132" s="8">
        <v>1.97</v>
      </c>
      <c r="AC132" s="8">
        <v>2.02</v>
      </c>
      <c r="AD132" s="17">
        <v>2.06</v>
      </c>
      <c r="AE132" s="17">
        <v>2.0099999999999998</v>
      </c>
      <c r="AF132" s="8">
        <v>2.02</v>
      </c>
      <c r="AG132" s="8">
        <v>2.0099999999999998</v>
      </c>
      <c r="AH132" s="8">
        <v>2</v>
      </c>
      <c r="AI132" s="8">
        <v>2.02</v>
      </c>
      <c r="AJ132" s="76">
        <v>2.0099999999999998</v>
      </c>
      <c r="AK132" s="76">
        <v>2.04</v>
      </c>
      <c r="AL132" s="76">
        <v>2.11</v>
      </c>
      <c r="AM132" s="8">
        <v>2.11</v>
      </c>
      <c r="AN132" s="8">
        <v>2.12</v>
      </c>
      <c r="AO132" s="17">
        <v>2.1</v>
      </c>
      <c r="AP132" s="17">
        <v>2.12</v>
      </c>
      <c r="AQ132" s="17">
        <v>1.95</v>
      </c>
      <c r="AR132" s="17">
        <v>2.1326086956521699</v>
      </c>
      <c r="AS132" s="17">
        <v>2.13</v>
      </c>
      <c r="AT132" s="17">
        <v>2.12</v>
      </c>
      <c r="AU132" s="17">
        <v>2.06</v>
      </c>
      <c r="AV132" s="17">
        <v>1.98</v>
      </c>
      <c r="AW132" s="17">
        <v>1.9</v>
      </c>
      <c r="AX132" s="17">
        <v>1.8</v>
      </c>
      <c r="AY132" s="17">
        <v>1.72</v>
      </c>
      <c r="AZ132" s="17">
        <v>1.65</v>
      </c>
      <c r="BA132" s="17">
        <v>1.64</v>
      </c>
      <c r="BB132" s="17">
        <v>1.62</v>
      </c>
      <c r="BC132" s="8">
        <v>1.61</v>
      </c>
      <c r="BD132" s="17">
        <v>1.63</v>
      </c>
      <c r="BE132" s="17"/>
    </row>
    <row r="133" spans="3:57" x14ac:dyDescent="0.2">
      <c r="C133" s="18" t="s">
        <v>100</v>
      </c>
      <c r="D133" s="6" t="s">
        <v>58</v>
      </c>
      <c r="E133" s="17">
        <v>1.44</v>
      </c>
      <c r="F133" s="17">
        <v>1.41</v>
      </c>
      <c r="G133" s="8">
        <v>1.44</v>
      </c>
      <c r="H133" s="17">
        <v>1.43</v>
      </c>
      <c r="I133" s="8">
        <v>1.42</v>
      </c>
      <c r="J133" s="8">
        <v>1.41</v>
      </c>
      <c r="K133" s="8">
        <v>1.4</v>
      </c>
      <c r="L133" s="8">
        <v>1.4</v>
      </c>
      <c r="M133" s="8">
        <v>1.41</v>
      </c>
      <c r="N133" s="8">
        <v>1.42</v>
      </c>
      <c r="O133" s="8">
        <v>1.42</v>
      </c>
      <c r="P133" s="8">
        <v>1.42</v>
      </c>
      <c r="Q133" s="8">
        <v>1.42</v>
      </c>
      <c r="R133" s="8">
        <v>1.43</v>
      </c>
      <c r="S133" s="8">
        <v>1.42</v>
      </c>
      <c r="T133" s="17">
        <v>1.43</v>
      </c>
      <c r="U133" s="8">
        <v>1.42</v>
      </c>
      <c r="V133" s="8">
        <v>1.42</v>
      </c>
      <c r="W133" s="8">
        <v>1.43</v>
      </c>
      <c r="X133" s="8">
        <v>1.44</v>
      </c>
      <c r="Y133" s="8">
        <v>1.46</v>
      </c>
      <c r="Z133" s="8">
        <v>1.38</v>
      </c>
      <c r="AA133" s="8">
        <v>1.41</v>
      </c>
      <c r="AB133" s="8">
        <v>1.44</v>
      </c>
      <c r="AC133" s="8">
        <v>1.44</v>
      </c>
      <c r="AD133" s="17">
        <v>1.46</v>
      </c>
      <c r="AE133" s="17">
        <v>1.48</v>
      </c>
      <c r="AF133" s="8">
        <v>1.5</v>
      </c>
      <c r="AG133" s="8">
        <v>1.52</v>
      </c>
      <c r="AH133" s="8">
        <v>1.53</v>
      </c>
      <c r="AI133" s="8">
        <v>1.54</v>
      </c>
      <c r="AJ133" s="76">
        <v>1.55</v>
      </c>
      <c r="AK133" s="76">
        <v>1.55</v>
      </c>
      <c r="AL133" s="76">
        <v>1.56</v>
      </c>
      <c r="AM133" s="8">
        <v>1.61</v>
      </c>
      <c r="AN133" s="8">
        <v>1.61</v>
      </c>
      <c r="AO133" s="17">
        <v>1.64</v>
      </c>
      <c r="AP133" s="17">
        <v>1.65</v>
      </c>
      <c r="AQ133" s="17">
        <v>1.68</v>
      </c>
      <c r="AR133" s="17">
        <v>1.6407407407407399</v>
      </c>
      <c r="AS133" s="17">
        <v>1.64</v>
      </c>
      <c r="AT133" s="17">
        <v>1.63</v>
      </c>
      <c r="AU133" s="17">
        <v>1.63</v>
      </c>
      <c r="AV133" s="17">
        <v>1.68</v>
      </c>
      <c r="AW133" s="17">
        <v>1.63</v>
      </c>
      <c r="AX133" s="17">
        <v>1.55</v>
      </c>
      <c r="AY133" s="17">
        <v>1.51</v>
      </c>
      <c r="AZ133" s="17">
        <v>1.47</v>
      </c>
      <c r="BA133" s="17">
        <v>1.46</v>
      </c>
      <c r="BB133" s="17">
        <v>1.45</v>
      </c>
      <c r="BC133" s="8">
        <v>1.44</v>
      </c>
      <c r="BD133" s="17">
        <v>1.43</v>
      </c>
      <c r="BE133" s="17"/>
    </row>
    <row r="134" spans="3:57" x14ac:dyDescent="0.2">
      <c r="C134" s="16" t="s">
        <v>89</v>
      </c>
      <c r="D134" s="6" t="s">
        <v>58</v>
      </c>
      <c r="E134" s="17">
        <v>1.58</v>
      </c>
      <c r="F134" s="17">
        <v>1.59</v>
      </c>
      <c r="G134" s="17">
        <v>1.6</v>
      </c>
      <c r="H134" s="17">
        <v>1.58</v>
      </c>
      <c r="I134" s="8">
        <v>1.59</v>
      </c>
      <c r="J134" s="8">
        <v>1.57</v>
      </c>
      <c r="K134" s="8">
        <v>1.55</v>
      </c>
      <c r="L134" s="17">
        <v>1.56</v>
      </c>
      <c r="M134" s="8">
        <v>1.55</v>
      </c>
      <c r="N134" s="17">
        <v>1.56</v>
      </c>
      <c r="O134" s="17">
        <v>1.56</v>
      </c>
      <c r="P134" s="17">
        <v>1.55</v>
      </c>
      <c r="Q134" s="17">
        <v>1.56</v>
      </c>
      <c r="R134" s="17">
        <v>1.55</v>
      </c>
      <c r="S134" s="17">
        <v>1.55</v>
      </c>
      <c r="T134" s="17">
        <v>1.56</v>
      </c>
      <c r="U134" s="17">
        <v>1.56</v>
      </c>
      <c r="V134" s="17">
        <v>1.55</v>
      </c>
      <c r="W134" s="17">
        <v>1.56</v>
      </c>
      <c r="X134" s="17">
        <v>1.57</v>
      </c>
      <c r="Y134" s="17">
        <v>1.58</v>
      </c>
      <c r="Z134" s="17">
        <v>1.57</v>
      </c>
      <c r="AA134" s="17">
        <v>1.57</v>
      </c>
      <c r="AB134" s="17">
        <v>1.59</v>
      </c>
      <c r="AC134" s="17">
        <v>1.58</v>
      </c>
      <c r="AD134" s="17">
        <v>1.58</v>
      </c>
      <c r="AE134" s="17">
        <v>1.59</v>
      </c>
      <c r="AF134" s="17">
        <v>1.58</v>
      </c>
      <c r="AG134" s="17">
        <v>1.6</v>
      </c>
      <c r="AH134" s="17">
        <v>1.6</v>
      </c>
      <c r="AI134" s="17">
        <v>1.61</v>
      </c>
      <c r="AJ134" s="76">
        <v>1.61</v>
      </c>
      <c r="AK134" s="76">
        <v>1.62</v>
      </c>
      <c r="AL134" s="76">
        <v>1.62</v>
      </c>
      <c r="AM134" s="17">
        <v>1.62</v>
      </c>
      <c r="AN134" s="17">
        <v>1.62</v>
      </c>
      <c r="AO134" s="17">
        <v>1.63</v>
      </c>
      <c r="AP134" s="17">
        <v>1.62</v>
      </c>
      <c r="AQ134" s="17">
        <v>1.6</v>
      </c>
      <c r="AR134" s="17">
        <v>1.5895646701695101</v>
      </c>
      <c r="AS134" s="17">
        <v>1.59</v>
      </c>
      <c r="AT134" s="17">
        <v>1.59</v>
      </c>
      <c r="AU134" s="17">
        <v>1.59</v>
      </c>
      <c r="AV134" s="17">
        <v>1.57</v>
      </c>
      <c r="AW134" s="17">
        <v>1.58</v>
      </c>
      <c r="AX134" s="17">
        <v>1.57</v>
      </c>
      <c r="AY134" s="17">
        <v>1.57</v>
      </c>
      <c r="AZ134" s="17">
        <v>1.58</v>
      </c>
      <c r="BA134" s="17">
        <v>1.57</v>
      </c>
      <c r="BB134" s="17">
        <v>1.58</v>
      </c>
      <c r="BC134" s="17">
        <v>1.58</v>
      </c>
      <c r="BD134" s="17">
        <v>1.58</v>
      </c>
      <c r="BE134" s="17"/>
    </row>
    <row r="135" spans="3:57" x14ac:dyDescent="0.2">
      <c r="C135" s="16" t="s">
        <v>95</v>
      </c>
      <c r="D135" s="6" t="s">
        <v>58</v>
      </c>
      <c r="E135" s="17">
        <v>1.71</v>
      </c>
      <c r="F135" s="17">
        <v>1.72</v>
      </c>
      <c r="G135" s="17">
        <v>1.7</v>
      </c>
      <c r="H135" s="17">
        <v>1.69</v>
      </c>
      <c r="I135" s="17">
        <v>1.69</v>
      </c>
      <c r="J135" s="17">
        <v>1.69</v>
      </c>
      <c r="K135" s="17">
        <v>1.7</v>
      </c>
      <c r="L135" s="17">
        <v>1.69</v>
      </c>
      <c r="M135" s="17">
        <v>1.71</v>
      </c>
      <c r="N135" s="17">
        <v>1.69</v>
      </c>
      <c r="O135" s="17">
        <v>1.69</v>
      </c>
      <c r="P135" s="17">
        <v>1.72</v>
      </c>
      <c r="Q135" s="17">
        <v>1.72</v>
      </c>
      <c r="R135" s="17">
        <v>1.72</v>
      </c>
      <c r="S135" s="17">
        <v>1.73</v>
      </c>
      <c r="T135" s="17">
        <v>1.72</v>
      </c>
      <c r="U135" s="17">
        <v>1.71</v>
      </c>
      <c r="V135" s="17">
        <v>1.72</v>
      </c>
      <c r="W135" s="17">
        <v>1.72</v>
      </c>
      <c r="X135" s="17">
        <v>1.73</v>
      </c>
      <c r="Y135" s="17">
        <v>1.75</v>
      </c>
      <c r="Z135" s="17">
        <v>1.74</v>
      </c>
      <c r="AA135" s="17">
        <v>1.74</v>
      </c>
      <c r="AB135" s="17">
        <v>1.74</v>
      </c>
      <c r="AC135" s="17">
        <v>1.74</v>
      </c>
      <c r="AD135" s="17">
        <v>1.74</v>
      </c>
      <c r="AE135" s="17">
        <v>1.73</v>
      </c>
      <c r="AF135" s="17">
        <v>1.73</v>
      </c>
      <c r="AG135" s="17">
        <v>1.73</v>
      </c>
      <c r="AH135" s="17">
        <v>1.73</v>
      </c>
      <c r="AI135" s="17">
        <v>1.76</v>
      </c>
      <c r="AJ135" s="76">
        <v>1.76</v>
      </c>
      <c r="AK135" s="76">
        <v>1.76</v>
      </c>
      <c r="AL135" s="76">
        <v>1.77</v>
      </c>
      <c r="AM135" s="17">
        <v>1.74</v>
      </c>
      <c r="AN135" s="17">
        <v>1.74</v>
      </c>
      <c r="AO135" s="17">
        <v>1.7</v>
      </c>
      <c r="AP135" s="17">
        <v>1.69</v>
      </c>
      <c r="AQ135" s="17">
        <v>1.66</v>
      </c>
      <c r="AR135" s="17">
        <v>1.6714809445302303</v>
      </c>
      <c r="AS135" s="17">
        <v>1.67</v>
      </c>
      <c r="AT135" s="17">
        <v>1.64</v>
      </c>
      <c r="AU135" s="17">
        <v>1.64</v>
      </c>
      <c r="AV135" s="17">
        <v>1.64</v>
      </c>
      <c r="AW135" s="17">
        <v>1.64</v>
      </c>
      <c r="AX135" s="17">
        <v>1.63</v>
      </c>
      <c r="AY135" s="17">
        <v>1.63</v>
      </c>
      <c r="AZ135" s="17">
        <v>1.62</v>
      </c>
      <c r="BA135" s="17">
        <v>1.62</v>
      </c>
      <c r="BB135" s="17">
        <v>1.61</v>
      </c>
      <c r="BC135" s="17">
        <v>1.63</v>
      </c>
      <c r="BD135" s="17">
        <v>1.64</v>
      </c>
      <c r="BE135" s="17"/>
    </row>
    <row r="136" spans="3:57" x14ac:dyDescent="0.2">
      <c r="C136" s="23" t="s">
        <v>96</v>
      </c>
      <c r="D136" s="6" t="s">
        <v>58</v>
      </c>
      <c r="E136" s="17">
        <v>1.86</v>
      </c>
      <c r="F136" s="17">
        <v>1.81</v>
      </c>
      <c r="G136" s="17">
        <v>1.79</v>
      </c>
      <c r="H136" s="17">
        <v>1.76</v>
      </c>
      <c r="I136" s="17">
        <v>1.76</v>
      </c>
      <c r="J136" s="17">
        <v>1.73</v>
      </c>
      <c r="K136" s="17">
        <v>1.7</v>
      </c>
      <c r="L136" s="17">
        <v>1.68</v>
      </c>
      <c r="M136" s="17">
        <v>1.62</v>
      </c>
      <c r="N136" s="17">
        <v>1.61</v>
      </c>
      <c r="O136" s="17">
        <v>1.63</v>
      </c>
      <c r="P136" s="17">
        <v>1.68</v>
      </c>
      <c r="Q136" s="17">
        <v>1.68</v>
      </c>
      <c r="R136" s="17">
        <v>1.67</v>
      </c>
      <c r="S136" s="17">
        <v>1.65</v>
      </c>
      <c r="T136" s="17">
        <v>1.66</v>
      </c>
      <c r="U136" s="17">
        <v>1.66</v>
      </c>
      <c r="V136" s="17">
        <v>1.67</v>
      </c>
      <c r="W136" s="17">
        <v>1.68</v>
      </c>
      <c r="X136" s="17">
        <v>1.69</v>
      </c>
      <c r="Y136" s="17">
        <v>1.67</v>
      </c>
      <c r="Z136" s="17">
        <v>1.68</v>
      </c>
      <c r="AA136" s="17">
        <v>1.72</v>
      </c>
      <c r="AB136" s="17">
        <v>1.72</v>
      </c>
      <c r="AC136" s="17">
        <v>1.71</v>
      </c>
      <c r="AD136" s="17">
        <v>1.72</v>
      </c>
      <c r="AE136" s="17">
        <v>1.72</v>
      </c>
      <c r="AF136" s="17">
        <v>1.72</v>
      </c>
      <c r="AG136" s="17">
        <v>1.73</v>
      </c>
      <c r="AH136" s="17">
        <v>1.74</v>
      </c>
      <c r="AI136" s="17">
        <v>1.73</v>
      </c>
      <c r="AJ136" s="76">
        <v>1.73</v>
      </c>
      <c r="AK136" s="76">
        <v>1.73</v>
      </c>
      <c r="AL136" s="76">
        <v>1.73</v>
      </c>
      <c r="AM136" s="17">
        <v>1.74</v>
      </c>
      <c r="AN136" s="17">
        <v>1.72</v>
      </c>
      <c r="AO136" s="17">
        <v>1.72</v>
      </c>
      <c r="AP136" s="17">
        <v>1.7</v>
      </c>
      <c r="AQ136" s="17">
        <v>1.68</v>
      </c>
      <c r="AR136" s="17">
        <v>1.6642773484792801</v>
      </c>
      <c r="AS136" s="17">
        <v>1.67</v>
      </c>
      <c r="AT136" s="17">
        <v>1.67</v>
      </c>
      <c r="AU136" s="17">
        <v>1.68</v>
      </c>
      <c r="AV136" s="17">
        <v>1.69</v>
      </c>
      <c r="AW136" s="17">
        <v>1.69</v>
      </c>
      <c r="AX136" s="17">
        <v>1.7</v>
      </c>
      <c r="AY136" s="17">
        <v>1.7</v>
      </c>
      <c r="AZ136" s="17">
        <v>1.69</v>
      </c>
      <c r="BA136" s="17">
        <v>1.7</v>
      </c>
      <c r="BB136" s="17">
        <v>1.68</v>
      </c>
      <c r="BC136" s="17">
        <v>1.7</v>
      </c>
      <c r="BD136" s="17">
        <v>1.75</v>
      </c>
      <c r="BE136" s="17"/>
    </row>
    <row r="137" spans="3:57" x14ac:dyDescent="0.2">
      <c r="C137" s="67"/>
    </row>
    <row r="139" spans="3:57" x14ac:dyDescent="0.2">
      <c r="C139" s="23" t="s">
        <v>106</v>
      </c>
      <c r="D139" s="6" t="s">
        <v>58</v>
      </c>
      <c r="E139" s="17">
        <v>9.35</v>
      </c>
      <c r="F139" s="17">
        <v>9.49</v>
      </c>
      <c r="G139" s="17">
        <v>10.19</v>
      </c>
      <c r="H139" s="17">
        <v>10.29</v>
      </c>
      <c r="I139" s="17">
        <v>10.66</v>
      </c>
      <c r="J139" s="17">
        <v>10.02</v>
      </c>
      <c r="K139" s="17">
        <v>10.16</v>
      </c>
      <c r="L139" s="17">
        <v>10.34</v>
      </c>
      <c r="M139" s="17">
        <v>10.64</v>
      </c>
      <c r="N139" s="17">
        <v>10.6</v>
      </c>
      <c r="O139" s="17">
        <v>10.71</v>
      </c>
      <c r="P139" s="17">
        <v>10.66</v>
      </c>
      <c r="Q139" s="17">
        <v>10.43</v>
      </c>
      <c r="R139" s="17">
        <v>10.52</v>
      </c>
      <c r="S139" s="17">
        <v>10.51</v>
      </c>
      <c r="T139" s="17">
        <v>10.29</v>
      </c>
      <c r="U139" s="17">
        <v>10.67</v>
      </c>
      <c r="V139" s="36">
        <v>10.92</v>
      </c>
      <c r="W139" s="70">
        <v>10.8</v>
      </c>
      <c r="X139" s="17">
        <v>10.59</v>
      </c>
      <c r="Y139" s="70">
        <v>10.36</v>
      </c>
      <c r="Z139" s="70">
        <v>10.38</v>
      </c>
      <c r="AA139" s="17">
        <v>10.6</v>
      </c>
      <c r="AB139" s="70">
        <v>10.46</v>
      </c>
      <c r="AC139" s="17">
        <v>10.48</v>
      </c>
      <c r="AD139" s="70">
        <v>10.55</v>
      </c>
      <c r="AE139" s="17">
        <v>10.56</v>
      </c>
      <c r="AF139" s="17">
        <v>10.54</v>
      </c>
      <c r="AG139" s="17">
        <v>10.49</v>
      </c>
      <c r="AH139" s="17">
        <v>10.43</v>
      </c>
      <c r="AI139" s="17">
        <v>10.37</v>
      </c>
      <c r="AJ139" s="17">
        <v>10.37</v>
      </c>
      <c r="AK139" s="17">
        <v>10.4</v>
      </c>
      <c r="AL139" s="17">
        <v>10.43</v>
      </c>
      <c r="AM139" s="17">
        <v>10.36</v>
      </c>
      <c r="AN139" s="17">
        <v>10.43</v>
      </c>
      <c r="AO139" s="17">
        <v>10.43</v>
      </c>
      <c r="AP139" s="17">
        <v>10.42</v>
      </c>
      <c r="AQ139" s="17">
        <v>10.39</v>
      </c>
      <c r="AR139" s="17">
        <v>10.35</v>
      </c>
      <c r="AS139" s="17">
        <v>10.38</v>
      </c>
      <c r="AT139" s="17">
        <v>10.37</v>
      </c>
      <c r="AU139" s="17">
        <v>10.43</v>
      </c>
      <c r="AV139" s="17">
        <v>10.45</v>
      </c>
      <c r="AW139" s="17">
        <v>10.38</v>
      </c>
      <c r="AX139" s="17">
        <v>10.45</v>
      </c>
      <c r="AY139" s="17">
        <v>10.46</v>
      </c>
      <c r="AZ139" s="17">
        <v>10.5</v>
      </c>
      <c r="BA139" s="17">
        <v>10.53</v>
      </c>
      <c r="BB139" s="17">
        <v>10.61</v>
      </c>
      <c r="BC139" s="17">
        <v>10.65</v>
      </c>
      <c r="BD139" s="17">
        <v>10.83</v>
      </c>
      <c r="BE139" s="23"/>
    </row>
    <row r="141" spans="3:57" x14ac:dyDescent="0.2">
      <c r="C141" s="79"/>
    </row>
  </sheetData>
  <mergeCells count="2">
    <mergeCell ref="D4:G4"/>
    <mergeCell ref="C53:D55"/>
  </mergeCells>
  <phoneticPr fontId="0" type="noConversion"/>
  <pageMargins left="0.75" right="0.75" top="0.16" bottom="1" header="0" footer="0"/>
  <pageSetup paperSize="9" orientation="landscape" horizontalDpi="300" verticalDpi="300" r:id="rId1"/>
  <headerFooter alignWithMargins="0"/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dimension ref="C2:BE141"/>
  <sheetViews>
    <sheetView topLeftCell="C1" workbookViewId="0">
      <pane xSplit="2" topLeftCell="E1" activePane="topRight" state="frozen"/>
      <selection activeCell="C1" sqref="C1"/>
      <selection pane="topRight" activeCell="BD140" sqref="BD140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21" width="5.42578125" bestFit="1" customWidth="1"/>
    <col min="22" max="22" width="5.7109375" customWidth="1"/>
    <col min="23" max="57" width="5.42578125" bestFit="1" customWidth="1"/>
    <col min="59" max="59" width="23.7109375" customWidth="1"/>
  </cols>
  <sheetData>
    <row r="2" spans="3:57" ht="18" customHeight="1" x14ac:dyDescent="0.2">
      <c r="D2" s="30"/>
    </row>
    <row r="3" spans="3:57" ht="21" customHeight="1" x14ac:dyDescent="0.2">
      <c r="D3" s="30"/>
      <c r="H3" s="30"/>
      <c r="K3" s="30"/>
      <c r="L3" s="30"/>
    </row>
    <row r="4" spans="3:57" ht="32.25" customHeight="1" x14ac:dyDescent="0.2">
      <c r="D4" s="214"/>
      <c r="E4" s="214"/>
      <c r="F4" s="214"/>
      <c r="G4" s="214"/>
    </row>
    <row r="5" spans="3:57" x14ac:dyDescent="0.2">
      <c r="E5" s="27"/>
    </row>
    <row r="6" spans="3:57" ht="24.95" customHeight="1" x14ac:dyDescent="0.2"/>
    <row r="7" spans="3:57" ht="24.95" customHeight="1" x14ac:dyDescent="0.2">
      <c r="C7" s="28" t="s">
        <v>98</v>
      </c>
    </row>
    <row r="8" spans="3:57" ht="15.75" x14ac:dyDescent="0.2">
      <c r="C8" s="29" t="s">
        <v>99</v>
      </c>
    </row>
    <row r="12" spans="3:57" ht="15" customHeight="1" x14ac:dyDescent="0.2">
      <c r="C12" s="1" t="s">
        <v>0</v>
      </c>
      <c r="E12" s="2">
        <v>2011</v>
      </c>
      <c r="F12" s="2"/>
      <c r="G12" s="2"/>
      <c r="H12" s="2"/>
      <c r="I12" s="2"/>
      <c r="J12" s="2"/>
      <c r="K12" s="2"/>
      <c r="L12" s="2"/>
      <c r="M12" s="2"/>
    </row>
    <row r="13" spans="3:57" ht="13.5" thickBot="1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5" thickTop="1" x14ac:dyDescent="0.2">
      <c r="C14" s="5" t="s">
        <v>57</v>
      </c>
      <c r="D14" s="6" t="s">
        <v>58</v>
      </c>
      <c r="E14" s="8">
        <v>3.6</v>
      </c>
      <c r="F14" s="17">
        <v>3.62</v>
      </c>
      <c r="G14" s="17">
        <v>3.62</v>
      </c>
      <c r="H14" s="8">
        <v>3.62</v>
      </c>
      <c r="I14" s="8">
        <v>3.64</v>
      </c>
      <c r="J14" s="8">
        <v>3.61</v>
      </c>
      <c r="K14" s="8">
        <v>3.61</v>
      </c>
      <c r="L14" s="8">
        <v>3.59</v>
      </c>
      <c r="M14" s="8">
        <v>3.56</v>
      </c>
      <c r="N14" s="8">
        <v>3.55</v>
      </c>
      <c r="O14" s="8">
        <v>3.54</v>
      </c>
      <c r="P14" s="8">
        <v>3.53</v>
      </c>
      <c r="Q14" s="76">
        <v>3.52</v>
      </c>
      <c r="R14" s="8">
        <v>3.52</v>
      </c>
      <c r="S14" s="8">
        <v>3.52</v>
      </c>
      <c r="T14" s="8">
        <v>3.51</v>
      </c>
      <c r="U14" s="76">
        <v>3.53</v>
      </c>
      <c r="V14" s="74">
        <v>3.51</v>
      </c>
      <c r="W14" s="8">
        <v>3.51</v>
      </c>
      <c r="X14" s="76">
        <v>3.51</v>
      </c>
      <c r="Y14" s="76">
        <v>3.5</v>
      </c>
      <c r="Z14" s="8">
        <v>3.5</v>
      </c>
      <c r="AA14" s="8">
        <v>3.69</v>
      </c>
      <c r="AB14" s="8">
        <v>3.48</v>
      </c>
      <c r="AC14" s="8">
        <v>3.47</v>
      </c>
      <c r="AD14" s="8">
        <v>3.47</v>
      </c>
      <c r="AE14" s="76">
        <v>3.46</v>
      </c>
      <c r="AF14" s="76">
        <v>3.46</v>
      </c>
      <c r="AG14" s="8">
        <v>3.47</v>
      </c>
      <c r="AH14" s="8">
        <v>3.5</v>
      </c>
      <c r="AI14" s="8">
        <v>3.54</v>
      </c>
      <c r="AJ14" s="8">
        <v>3.57</v>
      </c>
      <c r="AK14" s="8">
        <v>3.61</v>
      </c>
      <c r="AL14" s="8">
        <v>3.61</v>
      </c>
      <c r="AM14" s="8">
        <v>3.62</v>
      </c>
      <c r="AN14" s="8">
        <v>3.63</v>
      </c>
      <c r="AO14" s="40">
        <v>3.66</v>
      </c>
      <c r="AP14" s="17">
        <v>3.68</v>
      </c>
      <c r="AQ14" s="17">
        <v>3.68</v>
      </c>
      <c r="AR14" s="17">
        <v>3.67</v>
      </c>
      <c r="AS14" s="76">
        <v>3.68</v>
      </c>
      <c r="AT14" s="17">
        <v>3.69</v>
      </c>
      <c r="AU14" s="76">
        <v>3.71</v>
      </c>
      <c r="AV14" s="76">
        <v>3.74</v>
      </c>
      <c r="AW14" s="17">
        <v>3.74</v>
      </c>
      <c r="AX14" s="76">
        <v>3.79</v>
      </c>
      <c r="AY14" s="17">
        <v>3.81</v>
      </c>
      <c r="AZ14" s="76">
        <v>3.9</v>
      </c>
      <c r="BA14" s="76">
        <v>3.83</v>
      </c>
      <c r="BB14" s="76">
        <v>3.86</v>
      </c>
      <c r="BC14" s="76">
        <v>3.88</v>
      </c>
      <c r="BD14" s="76">
        <v>3.89</v>
      </c>
      <c r="BE14" s="17"/>
    </row>
    <row r="15" spans="3:57" x14ac:dyDescent="0.2">
      <c r="C15" s="5" t="s">
        <v>59</v>
      </c>
      <c r="D15" s="6" t="s">
        <v>58</v>
      </c>
      <c r="E15" s="8">
        <v>5.84</v>
      </c>
      <c r="F15" s="17">
        <v>5.52</v>
      </c>
      <c r="G15" s="17">
        <v>5.33</v>
      </c>
      <c r="H15" s="8">
        <v>5.19</v>
      </c>
      <c r="I15" s="8">
        <v>5.18</v>
      </c>
      <c r="J15" s="8">
        <v>3.42</v>
      </c>
      <c r="K15" s="8">
        <v>5.32</v>
      </c>
      <c r="L15" s="8">
        <v>5.34</v>
      </c>
      <c r="M15" s="8">
        <v>5.36</v>
      </c>
      <c r="N15" s="8">
        <v>5.35</v>
      </c>
      <c r="O15" s="8">
        <v>5.34</v>
      </c>
      <c r="P15" s="8">
        <v>5.33</v>
      </c>
      <c r="Q15" s="76">
        <v>5.31</v>
      </c>
      <c r="R15" s="8">
        <v>5.3</v>
      </c>
      <c r="S15" s="8">
        <v>5.3</v>
      </c>
      <c r="T15" s="8">
        <v>5.3</v>
      </c>
      <c r="U15" s="76">
        <v>5.29</v>
      </c>
      <c r="V15" s="68">
        <v>5.26</v>
      </c>
      <c r="W15" s="8">
        <v>5.25</v>
      </c>
      <c r="X15" s="76">
        <v>5.25</v>
      </c>
      <c r="Y15" s="76">
        <v>5.25</v>
      </c>
      <c r="Z15" s="8">
        <v>5.26</v>
      </c>
      <c r="AA15" s="8">
        <v>5.32</v>
      </c>
      <c r="AB15" s="8">
        <v>5.33</v>
      </c>
      <c r="AC15" s="8">
        <v>5.34</v>
      </c>
      <c r="AD15" s="8">
        <v>5.42</v>
      </c>
      <c r="AE15" s="8">
        <v>5.55</v>
      </c>
      <c r="AF15" s="76">
        <v>5.58</v>
      </c>
      <c r="AG15" s="8">
        <v>5.61</v>
      </c>
      <c r="AH15" s="8">
        <v>5.72</v>
      </c>
      <c r="AI15" s="8">
        <v>5.8</v>
      </c>
      <c r="AJ15" s="8">
        <v>5.87</v>
      </c>
      <c r="AK15" s="8">
        <v>5.9</v>
      </c>
      <c r="AL15" s="8">
        <v>6.09</v>
      </c>
      <c r="AM15" s="8">
        <v>6.3</v>
      </c>
      <c r="AN15" s="8">
        <v>6.31</v>
      </c>
      <c r="AO15" s="62">
        <v>6.24</v>
      </c>
      <c r="AP15" s="17">
        <v>6.31</v>
      </c>
      <c r="AQ15" s="17">
        <v>6.44</v>
      </c>
      <c r="AR15" s="17">
        <v>6.48</v>
      </c>
      <c r="AS15" s="76">
        <v>6.51</v>
      </c>
      <c r="AT15" s="17">
        <v>6.6</v>
      </c>
      <c r="AU15" s="76">
        <v>6.69</v>
      </c>
      <c r="AV15" s="76">
        <v>6.79</v>
      </c>
      <c r="AW15" s="17">
        <v>6.93</v>
      </c>
      <c r="AX15" s="76">
        <v>6.96</v>
      </c>
      <c r="AY15" s="17">
        <v>6.92</v>
      </c>
      <c r="AZ15" s="76">
        <v>6.92</v>
      </c>
      <c r="BA15" s="76">
        <v>6.92</v>
      </c>
      <c r="BB15" s="76">
        <v>6.94</v>
      </c>
      <c r="BC15" s="76">
        <v>7</v>
      </c>
      <c r="BD15" s="76">
        <v>7</v>
      </c>
      <c r="BE15" s="17"/>
    </row>
    <row r="16" spans="3:57" x14ac:dyDescent="0.2">
      <c r="C16" s="5" t="s">
        <v>60</v>
      </c>
      <c r="D16" s="6" t="s">
        <v>58</v>
      </c>
      <c r="E16" s="8">
        <v>1.34</v>
      </c>
      <c r="F16" s="17">
        <v>1.35</v>
      </c>
      <c r="G16" s="17">
        <v>1.39</v>
      </c>
      <c r="H16" s="8">
        <v>1.43</v>
      </c>
      <c r="I16" s="8">
        <v>1.51</v>
      </c>
      <c r="J16" s="8">
        <v>1.56</v>
      </c>
      <c r="K16" s="8">
        <v>1.59</v>
      </c>
      <c r="L16" s="8">
        <v>1.62</v>
      </c>
      <c r="M16" s="8">
        <v>1.64</v>
      </c>
      <c r="N16" s="8">
        <v>1.65</v>
      </c>
      <c r="O16" s="8">
        <v>1.65</v>
      </c>
      <c r="P16" s="8">
        <v>1.65</v>
      </c>
      <c r="Q16" s="76">
        <v>1.64</v>
      </c>
      <c r="R16" s="8">
        <v>1.65</v>
      </c>
      <c r="S16" s="8">
        <v>1.65</v>
      </c>
      <c r="T16" s="8">
        <v>1.64</v>
      </c>
      <c r="U16" s="76">
        <v>1.65</v>
      </c>
      <c r="V16" s="68">
        <v>1.67</v>
      </c>
      <c r="W16" s="8">
        <v>1.68</v>
      </c>
      <c r="X16" s="76">
        <v>1.67</v>
      </c>
      <c r="Y16" s="76">
        <v>1.64</v>
      </c>
      <c r="Z16" s="8">
        <v>1.63</v>
      </c>
      <c r="AA16" s="8">
        <v>1.63</v>
      </c>
      <c r="AB16" s="8">
        <v>1.64</v>
      </c>
      <c r="AC16" s="8">
        <v>1.64</v>
      </c>
      <c r="AD16" s="8">
        <v>1.63</v>
      </c>
      <c r="AE16" s="8">
        <v>1.63</v>
      </c>
      <c r="AF16" s="76">
        <v>1.64</v>
      </c>
      <c r="AG16" s="8">
        <v>1.64</v>
      </c>
      <c r="AH16" s="8">
        <v>1.64</v>
      </c>
      <c r="AI16" s="8">
        <v>1.64</v>
      </c>
      <c r="AJ16" s="8">
        <v>1.64</v>
      </c>
      <c r="AK16" s="8">
        <v>1.62</v>
      </c>
      <c r="AL16" s="8">
        <v>1.6</v>
      </c>
      <c r="AM16" s="8">
        <v>1.58</v>
      </c>
      <c r="AN16" s="8">
        <v>1.58</v>
      </c>
      <c r="AO16" s="62">
        <v>1.58</v>
      </c>
      <c r="AP16" s="17">
        <v>1.58</v>
      </c>
      <c r="AQ16" s="17">
        <v>1.58</v>
      </c>
      <c r="AR16" s="17">
        <v>1.58</v>
      </c>
      <c r="AS16" s="76">
        <v>1.56</v>
      </c>
      <c r="AT16" s="17">
        <v>1.53</v>
      </c>
      <c r="AU16" s="76">
        <v>1.54</v>
      </c>
      <c r="AV16" s="76">
        <v>1.52</v>
      </c>
      <c r="AW16" s="17">
        <v>1.54</v>
      </c>
      <c r="AX16" s="76">
        <v>1.54</v>
      </c>
      <c r="AY16" s="17">
        <v>1.53</v>
      </c>
      <c r="AZ16" s="76">
        <v>1.52</v>
      </c>
      <c r="BA16" s="76">
        <v>1.52</v>
      </c>
      <c r="BB16" s="76">
        <v>1.51</v>
      </c>
      <c r="BC16" s="76">
        <v>1.5</v>
      </c>
      <c r="BD16" s="76">
        <v>1.48</v>
      </c>
      <c r="BE16" s="17"/>
    </row>
    <row r="17" spans="3:57" x14ac:dyDescent="0.2">
      <c r="C17" s="5" t="s">
        <v>61</v>
      </c>
      <c r="D17" s="6" t="s">
        <v>58</v>
      </c>
      <c r="E17" s="8">
        <v>1.58</v>
      </c>
      <c r="F17" s="17">
        <v>1.56</v>
      </c>
      <c r="G17" s="17">
        <v>1.61</v>
      </c>
      <c r="H17" s="8">
        <v>1.63</v>
      </c>
      <c r="I17" s="8">
        <v>1.64</v>
      </c>
      <c r="J17" s="8">
        <v>1.65</v>
      </c>
      <c r="K17" s="8">
        <v>1.65</v>
      </c>
      <c r="L17" s="8">
        <v>1.65</v>
      </c>
      <c r="M17" s="8">
        <v>1.66</v>
      </c>
      <c r="N17" s="8">
        <v>1.7</v>
      </c>
      <c r="O17" s="8">
        <v>1.67</v>
      </c>
      <c r="P17" s="8">
        <v>1.64</v>
      </c>
      <c r="Q17" s="76">
        <v>1.66</v>
      </c>
      <c r="R17" s="8">
        <v>1.66</v>
      </c>
      <c r="S17" s="8">
        <v>1.73</v>
      </c>
      <c r="T17" s="8">
        <v>1.74</v>
      </c>
      <c r="U17" s="76">
        <v>1.76</v>
      </c>
      <c r="V17" s="68">
        <v>1.79</v>
      </c>
      <c r="W17" s="8">
        <v>1.84</v>
      </c>
      <c r="X17" s="76">
        <v>1.84</v>
      </c>
      <c r="Y17" s="76">
        <v>1.85</v>
      </c>
      <c r="Z17" s="8">
        <v>1.88</v>
      </c>
      <c r="AA17" s="8">
        <v>1.9</v>
      </c>
      <c r="AB17" s="8">
        <v>1.91</v>
      </c>
      <c r="AC17" s="8">
        <v>1.92</v>
      </c>
      <c r="AD17" s="8">
        <v>1.94</v>
      </c>
      <c r="AE17" s="8">
        <v>1.93</v>
      </c>
      <c r="AF17" s="76">
        <v>1.97</v>
      </c>
      <c r="AG17" s="8">
        <v>1.99</v>
      </c>
      <c r="AH17" s="8">
        <v>1.98</v>
      </c>
      <c r="AI17" s="8">
        <v>1.98</v>
      </c>
      <c r="AJ17" s="8">
        <v>1.98</v>
      </c>
      <c r="AK17" s="8">
        <v>1.99</v>
      </c>
      <c r="AL17" s="8">
        <v>1.99</v>
      </c>
      <c r="AM17" s="8">
        <v>2</v>
      </c>
      <c r="AN17" s="8">
        <v>2.0099999999999998</v>
      </c>
      <c r="AO17" s="62">
        <v>2.0099999999999998</v>
      </c>
      <c r="AP17" s="17">
        <v>2.0099999999999998</v>
      </c>
      <c r="AQ17" s="17">
        <v>2.0099999999999998</v>
      </c>
      <c r="AR17" s="17">
        <v>1.95</v>
      </c>
      <c r="AS17" s="76">
        <v>1.95</v>
      </c>
      <c r="AT17" s="17">
        <v>1.87</v>
      </c>
      <c r="AU17" s="76">
        <v>1.87</v>
      </c>
      <c r="AV17" s="76">
        <v>1.88</v>
      </c>
      <c r="AW17" s="17">
        <v>1.88</v>
      </c>
      <c r="AX17" s="76">
        <v>1.86</v>
      </c>
      <c r="AY17" s="17">
        <v>1.82</v>
      </c>
      <c r="AZ17" s="76">
        <v>1.82</v>
      </c>
      <c r="BA17" s="76">
        <v>1.78</v>
      </c>
      <c r="BB17" s="76">
        <v>1.76</v>
      </c>
      <c r="BC17" s="76">
        <v>1.76</v>
      </c>
      <c r="BD17" s="76">
        <v>1.81</v>
      </c>
      <c r="BE17" s="17"/>
    </row>
    <row r="18" spans="3:57" x14ac:dyDescent="0.2">
      <c r="C18" s="5" t="s">
        <v>62</v>
      </c>
      <c r="D18" s="6" t="s">
        <v>58</v>
      </c>
      <c r="E18" s="8">
        <v>2.97</v>
      </c>
      <c r="F18" s="17">
        <v>2.8</v>
      </c>
      <c r="G18" s="17">
        <v>2.79</v>
      </c>
      <c r="H18" s="8">
        <v>2.82</v>
      </c>
      <c r="I18" s="8">
        <v>2.81</v>
      </c>
      <c r="J18" s="8">
        <v>2.87</v>
      </c>
      <c r="K18" s="8">
        <v>2.87</v>
      </c>
      <c r="L18" s="8">
        <v>2.87</v>
      </c>
      <c r="M18" s="8">
        <v>3.28</v>
      </c>
      <c r="N18" s="8">
        <v>3.57</v>
      </c>
      <c r="O18" s="8">
        <v>3.57</v>
      </c>
      <c r="P18" s="8">
        <v>3.57</v>
      </c>
      <c r="Q18" s="76">
        <v>3.57</v>
      </c>
      <c r="R18" s="8">
        <v>3.4</v>
      </c>
      <c r="S18" s="8">
        <v>3.48</v>
      </c>
      <c r="T18" s="8">
        <v>3.31</v>
      </c>
      <c r="U18" s="76">
        <v>3.14</v>
      </c>
      <c r="V18" s="68">
        <v>3.12</v>
      </c>
      <c r="W18" s="8">
        <v>3.12</v>
      </c>
      <c r="X18" s="76">
        <v>3.08</v>
      </c>
      <c r="Y18" s="76">
        <v>3.12</v>
      </c>
      <c r="Z18" s="8">
        <v>3.12</v>
      </c>
      <c r="AA18" s="8">
        <v>3.12</v>
      </c>
      <c r="AB18" s="8">
        <v>3.12</v>
      </c>
      <c r="AC18" s="8">
        <v>3.12</v>
      </c>
      <c r="AD18" s="8">
        <v>3.28</v>
      </c>
      <c r="AE18" s="8">
        <v>3.31</v>
      </c>
      <c r="AF18" s="76">
        <v>3.31</v>
      </c>
      <c r="AG18" s="8">
        <v>3.31</v>
      </c>
      <c r="AH18" s="8">
        <v>3.31</v>
      </c>
      <c r="AI18" s="8">
        <v>3.6</v>
      </c>
      <c r="AJ18" s="8">
        <v>3.67</v>
      </c>
      <c r="AK18" s="8">
        <v>3.67</v>
      </c>
      <c r="AL18" s="8">
        <v>3.68</v>
      </c>
      <c r="AM18" s="8">
        <v>3.68</v>
      </c>
      <c r="AN18" s="8">
        <v>3.68</v>
      </c>
      <c r="AO18" s="40">
        <v>3.68</v>
      </c>
      <c r="AP18" s="17">
        <v>3.68</v>
      </c>
      <c r="AQ18" s="17">
        <v>3.68</v>
      </c>
      <c r="AR18" s="17">
        <v>3.92</v>
      </c>
      <c r="AS18" s="76">
        <v>3.96</v>
      </c>
      <c r="AT18" s="17">
        <v>3.96</v>
      </c>
      <c r="AU18" s="76">
        <v>3.96</v>
      </c>
      <c r="AV18" s="76">
        <v>3.96</v>
      </c>
      <c r="AW18" s="17">
        <v>3.96</v>
      </c>
      <c r="AX18" s="76">
        <v>3.96</v>
      </c>
      <c r="AY18" s="17">
        <v>3.96</v>
      </c>
      <c r="AZ18" s="76">
        <v>3.68</v>
      </c>
      <c r="BA18" s="76">
        <v>3.68</v>
      </c>
      <c r="BB18" s="76">
        <v>3.12</v>
      </c>
      <c r="BC18" s="76">
        <v>3.12</v>
      </c>
      <c r="BD18" s="76">
        <v>3.12</v>
      </c>
      <c r="BE18" s="17"/>
    </row>
    <row r="19" spans="3:57" x14ac:dyDescent="0.2">
      <c r="C19" s="5" t="s">
        <v>75</v>
      </c>
      <c r="D19" s="20" t="s">
        <v>76</v>
      </c>
      <c r="E19" s="8">
        <v>0.52</v>
      </c>
      <c r="F19" s="17">
        <v>0.52</v>
      </c>
      <c r="G19" s="17">
        <v>0.52</v>
      </c>
      <c r="H19" s="8">
        <v>0.53</v>
      </c>
      <c r="I19" s="8">
        <v>0.54</v>
      </c>
      <c r="J19" s="8">
        <v>0.56000000000000005</v>
      </c>
      <c r="K19" s="8">
        <v>0.61</v>
      </c>
      <c r="L19" s="8">
        <v>0.64</v>
      </c>
      <c r="M19" s="8">
        <v>0.67</v>
      </c>
      <c r="N19" s="8">
        <v>0.67</v>
      </c>
      <c r="O19" s="8">
        <v>0.65</v>
      </c>
      <c r="P19" s="8">
        <v>0.63</v>
      </c>
      <c r="Q19" s="76">
        <v>0.62</v>
      </c>
      <c r="R19" s="8">
        <v>0.59</v>
      </c>
      <c r="S19" s="8">
        <v>0.56999999999999995</v>
      </c>
      <c r="T19" s="8">
        <v>0.56000000000000005</v>
      </c>
      <c r="U19" s="76">
        <v>0.55000000000000004</v>
      </c>
      <c r="V19" s="68">
        <v>0.55000000000000004</v>
      </c>
      <c r="W19" s="8">
        <v>0.55000000000000004</v>
      </c>
      <c r="X19" s="76">
        <v>0.57999999999999996</v>
      </c>
      <c r="Y19" s="76">
        <v>0.57999999999999996</v>
      </c>
      <c r="Z19" s="8">
        <v>0.57999999999999996</v>
      </c>
      <c r="AA19" s="8">
        <v>0.56999999999999995</v>
      </c>
      <c r="AB19" s="8">
        <v>0.57999999999999996</v>
      </c>
      <c r="AC19" s="8">
        <v>0.59</v>
      </c>
      <c r="AD19" s="8">
        <v>0.61</v>
      </c>
      <c r="AE19" s="8">
        <v>0.67</v>
      </c>
      <c r="AF19" s="76">
        <v>0.71</v>
      </c>
      <c r="AG19" s="8">
        <v>0.73</v>
      </c>
      <c r="AH19" s="8">
        <v>0.73</v>
      </c>
      <c r="AI19" s="8">
        <v>0.73</v>
      </c>
      <c r="AJ19" s="8">
        <v>0.73</v>
      </c>
      <c r="AK19" s="8">
        <v>0.74</v>
      </c>
      <c r="AL19" s="8">
        <v>0.74</v>
      </c>
      <c r="AM19" s="8">
        <v>0.74</v>
      </c>
      <c r="AN19" s="8">
        <v>0.73</v>
      </c>
      <c r="AO19" s="40">
        <v>0.7</v>
      </c>
      <c r="AP19" s="17">
        <v>0.67</v>
      </c>
      <c r="AQ19" s="17">
        <v>0.65</v>
      </c>
      <c r="AR19" s="17">
        <v>0.64</v>
      </c>
      <c r="AS19" s="76">
        <v>0.64</v>
      </c>
      <c r="AT19" s="17">
        <v>0.66</v>
      </c>
      <c r="AU19" s="76">
        <v>0.67</v>
      </c>
      <c r="AV19" s="76">
        <v>0.71</v>
      </c>
      <c r="AW19" s="17">
        <v>0.73</v>
      </c>
      <c r="AX19" s="76">
        <v>0.76</v>
      </c>
      <c r="AY19" s="17">
        <v>0.79</v>
      </c>
      <c r="AZ19" s="76">
        <v>0.82</v>
      </c>
      <c r="BA19" s="76">
        <v>0.84</v>
      </c>
      <c r="BB19" s="76">
        <v>0.86</v>
      </c>
      <c r="BC19" s="76">
        <v>0.89</v>
      </c>
      <c r="BD19" s="76">
        <v>0.91</v>
      </c>
      <c r="BE19" s="17"/>
    </row>
    <row r="20" spans="3:57" x14ac:dyDescent="0.2">
      <c r="C20" s="5" t="s">
        <v>63</v>
      </c>
      <c r="D20" s="6" t="s">
        <v>58</v>
      </c>
      <c r="E20" s="8">
        <v>5.88</v>
      </c>
      <c r="F20" s="17">
        <v>4.3099999999999996</v>
      </c>
      <c r="G20" s="17">
        <v>3.31</v>
      </c>
      <c r="H20" s="8">
        <v>2.96</v>
      </c>
      <c r="I20" s="8">
        <v>3.37</v>
      </c>
      <c r="J20" s="8">
        <v>3</v>
      </c>
      <c r="K20" s="8">
        <v>4.57</v>
      </c>
      <c r="L20" s="8">
        <v>4</v>
      </c>
      <c r="M20" s="8">
        <v>4.2</v>
      </c>
      <c r="N20" s="8">
        <v>4.16</v>
      </c>
      <c r="O20" s="8">
        <v>5.16</v>
      </c>
      <c r="P20" s="8">
        <v>4.96</v>
      </c>
      <c r="Q20" s="76">
        <v>4.46</v>
      </c>
      <c r="R20" s="8">
        <v>3.9</v>
      </c>
      <c r="S20" s="8">
        <v>3.99</v>
      </c>
      <c r="T20" s="8">
        <v>4.34</v>
      </c>
      <c r="U20" s="76">
        <v>3.95</v>
      </c>
      <c r="V20" s="8">
        <v>4.95</v>
      </c>
      <c r="W20" s="8">
        <v>4.45</v>
      </c>
      <c r="X20" s="76">
        <v>4</v>
      </c>
      <c r="Y20" s="76">
        <v>2.9</v>
      </c>
      <c r="Z20" s="8">
        <v>4.8899999999999997</v>
      </c>
      <c r="AA20" s="8">
        <v>4.8899999999999997</v>
      </c>
      <c r="AB20" s="8">
        <v>4.59</v>
      </c>
      <c r="AC20" s="8">
        <v>4.03</v>
      </c>
      <c r="AD20" s="8">
        <v>4.2699999999999996</v>
      </c>
      <c r="AE20" s="8">
        <v>4.7</v>
      </c>
      <c r="AF20" s="76">
        <v>4.8</v>
      </c>
      <c r="AG20" s="8">
        <v>4.8</v>
      </c>
      <c r="AH20" s="8">
        <v>4.8</v>
      </c>
      <c r="AI20" s="8">
        <v>4.4000000000000004</v>
      </c>
      <c r="AJ20" s="8">
        <v>4.4000000000000004</v>
      </c>
      <c r="AK20" s="8">
        <v>5.15</v>
      </c>
      <c r="AL20" s="8">
        <v>4.8</v>
      </c>
      <c r="AM20" s="8">
        <v>5.55</v>
      </c>
      <c r="AN20" s="8">
        <v>5.85</v>
      </c>
      <c r="AO20" s="40">
        <v>6</v>
      </c>
      <c r="AP20" s="17">
        <v>4</v>
      </c>
      <c r="AQ20" s="17">
        <v>4.5</v>
      </c>
      <c r="AR20" s="17">
        <v>4.5999999999999996</v>
      </c>
      <c r="AS20" s="76">
        <v>3.87</v>
      </c>
      <c r="AT20" s="17">
        <v>4.5</v>
      </c>
      <c r="AU20" s="76">
        <v>4.4000000000000004</v>
      </c>
      <c r="AV20" s="76">
        <v>4.4000000000000004</v>
      </c>
      <c r="AW20" s="17">
        <v>4.17</v>
      </c>
      <c r="AX20" s="76">
        <v>4.0999999999999996</v>
      </c>
      <c r="AY20" s="17">
        <v>3.3</v>
      </c>
      <c r="AZ20" s="76">
        <v>3.14</v>
      </c>
      <c r="BA20" s="76">
        <v>4.5199999999999996</v>
      </c>
      <c r="BB20" s="76">
        <v>4.7</v>
      </c>
      <c r="BC20" s="76">
        <v>6.57</v>
      </c>
      <c r="BD20" s="76">
        <v>3.16</v>
      </c>
      <c r="BE20" s="17"/>
    </row>
    <row r="21" spans="3:57" x14ac:dyDescent="0.2">
      <c r="C21" s="5" t="s">
        <v>64</v>
      </c>
      <c r="D21" s="6" t="s">
        <v>58</v>
      </c>
      <c r="E21" s="8">
        <v>3.79</v>
      </c>
      <c r="F21" s="17">
        <v>3.55</v>
      </c>
      <c r="G21" s="17">
        <v>2.5499999999999998</v>
      </c>
      <c r="H21" s="8">
        <v>2.27</v>
      </c>
      <c r="I21" s="8">
        <v>2.27</v>
      </c>
      <c r="J21" s="8">
        <v>2</v>
      </c>
      <c r="K21" s="8">
        <v>2.15</v>
      </c>
      <c r="L21" s="8">
        <v>3</v>
      </c>
      <c r="M21" s="8">
        <v>2.8</v>
      </c>
      <c r="N21" s="8">
        <v>3</v>
      </c>
      <c r="O21" s="8">
        <v>3.28</v>
      </c>
      <c r="P21" s="8">
        <v>3.21</v>
      </c>
      <c r="Q21" s="76">
        <v>2.98</v>
      </c>
      <c r="R21" s="8">
        <v>2.98</v>
      </c>
      <c r="S21" s="8">
        <v>2.52</v>
      </c>
      <c r="T21" s="8">
        <v>2.4500000000000002</v>
      </c>
      <c r="U21" s="76">
        <v>2.4500000000000002</v>
      </c>
      <c r="V21" s="8">
        <v>3.21</v>
      </c>
      <c r="W21" s="8">
        <v>3</v>
      </c>
      <c r="X21" s="76">
        <v>2.25</v>
      </c>
      <c r="Y21" s="76">
        <v>2.17</v>
      </c>
      <c r="Z21" s="8">
        <v>2.4</v>
      </c>
      <c r="AA21" s="8">
        <v>2.66</v>
      </c>
      <c r="AB21" s="8">
        <v>2.46</v>
      </c>
      <c r="AC21" s="8">
        <v>2.2999999999999998</v>
      </c>
      <c r="AD21" s="8">
        <v>2.2200000000000002</v>
      </c>
      <c r="AE21" s="8">
        <v>2.0499999999999998</v>
      </c>
      <c r="AF21" s="76">
        <v>2.5499999999999998</v>
      </c>
      <c r="AG21" s="8">
        <v>2.7</v>
      </c>
      <c r="AH21" s="8">
        <v>2.7</v>
      </c>
      <c r="AI21" s="8">
        <v>2.5</v>
      </c>
      <c r="AJ21" s="8">
        <v>2.1</v>
      </c>
      <c r="AK21" s="8">
        <v>2.4</v>
      </c>
      <c r="AL21" s="8">
        <v>2.35</v>
      </c>
      <c r="AM21" s="8">
        <v>2.95</v>
      </c>
      <c r="AN21" s="8">
        <v>3.45</v>
      </c>
      <c r="AO21" s="40">
        <v>3.45</v>
      </c>
      <c r="AP21" s="17">
        <v>3.45</v>
      </c>
      <c r="AQ21" s="17">
        <v>3.9</v>
      </c>
      <c r="AR21" s="17">
        <v>3.7</v>
      </c>
      <c r="AS21" s="76">
        <v>3.4</v>
      </c>
      <c r="AT21" s="17">
        <v>2.74</v>
      </c>
      <c r="AU21" s="76">
        <v>3.05</v>
      </c>
      <c r="AV21" s="76">
        <v>3.5</v>
      </c>
      <c r="AW21" s="17">
        <v>3.11</v>
      </c>
      <c r="AX21" s="76">
        <v>2.72</v>
      </c>
      <c r="AY21" s="17">
        <v>2.79</v>
      </c>
      <c r="AZ21" s="76">
        <v>2.79</v>
      </c>
      <c r="BA21" s="76">
        <v>3.29</v>
      </c>
      <c r="BB21" s="76">
        <v>3.73</v>
      </c>
      <c r="BC21" s="76">
        <v>4.42</v>
      </c>
      <c r="BD21" s="76">
        <v>2.75</v>
      </c>
      <c r="BE21" s="17"/>
    </row>
    <row r="22" spans="3:57" x14ac:dyDescent="0.2">
      <c r="C22" s="5" t="s">
        <v>65</v>
      </c>
      <c r="D22" s="6" t="s">
        <v>58</v>
      </c>
      <c r="E22" s="8">
        <v>1.24</v>
      </c>
      <c r="F22" s="17">
        <v>1</v>
      </c>
      <c r="G22" s="17">
        <v>0.74</v>
      </c>
      <c r="H22" s="8">
        <v>1.61</v>
      </c>
      <c r="I22" s="8">
        <v>0.53</v>
      </c>
      <c r="J22" s="8">
        <v>0.45</v>
      </c>
      <c r="K22" s="8">
        <v>1.54</v>
      </c>
      <c r="L22" s="8">
        <v>1.53</v>
      </c>
      <c r="M22" s="8">
        <v>1.53</v>
      </c>
      <c r="N22" s="8">
        <v>1.33</v>
      </c>
      <c r="O22" s="8">
        <v>0.83</v>
      </c>
      <c r="P22" s="8">
        <v>0.92</v>
      </c>
      <c r="Q22" s="76">
        <v>1</v>
      </c>
      <c r="R22" s="8">
        <v>1.0900000000000001</v>
      </c>
      <c r="S22" s="8">
        <v>1.1200000000000001</v>
      </c>
      <c r="T22" s="8">
        <v>1.28</v>
      </c>
      <c r="U22" s="76">
        <v>1.1200000000000001</v>
      </c>
      <c r="V22" s="8">
        <v>1.22</v>
      </c>
      <c r="W22" s="8">
        <v>1.22</v>
      </c>
      <c r="X22" s="76">
        <v>2.38</v>
      </c>
      <c r="Y22" s="76">
        <v>1.58</v>
      </c>
      <c r="Z22" s="76">
        <v>1.43</v>
      </c>
      <c r="AA22" s="76">
        <v>1.3</v>
      </c>
      <c r="AB22" s="76">
        <v>1.62</v>
      </c>
      <c r="AC22" s="76">
        <v>1.61</v>
      </c>
      <c r="AD22" s="8">
        <v>1.41</v>
      </c>
      <c r="AE22" s="8">
        <v>1.64</v>
      </c>
      <c r="AF22" s="76">
        <v>2.1800000000000002</v>
      </c>
      <c r="AG22" s="76">
        <v>1.99</v>
      </c>
      <c r="AH22" s="76">
        <v>1.5</v>
      </c>
      <c r="AI22" s="76">
        <v>1.75</v>
      </c>
      <c r="AJ22" s="76">
        <v>2.0299999999999998</v>
      </c>
      <c r="AK22" s="76">
        <v>1.77</v>
      </c>
      <c r="AL22" s="76">
        <v>1.68</v>
      </c>
      <c r="AM22" s="76">
        <v>1.48</v>
      </c>
      <c r="AN22" s="76">
        <v>1.33</v>
      </c>
      <c r="AO22" s="62">
        <v>1.4</v>
      </c>
      <c r="AP22" s="17">
        <v>2</v>
      </c>
      <c r="AQ22" s="17">
        <v>1.9</v>
      </c>
      <c r="AR22" s="17">
        <v>2.16</v>
      </c>
      <c r="AS22" s="76">
        <v>2.1</v>
      </c>
      <c r="AT22" s="17">
        <v>1.28</v>
      </c>
      <c r="AU22" s="76">
        <v>1.38</v>
      </c>
      <c r="AV22" s="76">
        <v>1.7</v>
      </c>
      <c r="AW22" s="17">
        <v>0.64</v>
      </c>
      <c r="AX22" s="76">
        <v>0.72</v>
      </c>
      <c r="AY22" s="17">
        <v>1.1200000000000001</v>
      </c>
      <c r="AZ22" s="76">
        <v>1</v>
      </c>
      <c r="BA22" s="76">
        <v>1.07</v>
      </c>
      <c r="BB22" s="76">
        <v>2</v>
      </c>
      <c r="BC22" s="76">
        <v>1.85</v>
      </c>
      <c r="BD22" s="76">
        <v>1.35</v>
      </c>
      <c r="BE22" s="17"/>
    </row>
    <row r="23" spans="3:57" x14ac:dyDescent="0.2">
      <c r="C23" s="5" t="s">
        <v>66</v>
      </c>
      <c r="D23" s="6" t="s">
        <v>58</v>
      </c>
      <c r="E23" s="8">
        <v>2.38</v>
      </c>
      <c r="F23" s="17">
        <v>2.08</v>
      </c>
      <c r="G23" s="17">
        <v>2.38</v>
      </c>
      <c r="H23" s="8">
        <v>1.72</v>
      </c>
      <c r="I23" s="8">
        <v>2.2200000000000002</v>
      </c>
      <c r="J23" s="8">
        <v>1.2</v>
      </c>
      <c r="K23" s="8">
        <v>2.04</v>
      </c>
      <c r="L23" s="8">
        <v>2.1</v>
      </c>
      <c r="M23" s="8">
        <v>2</v>
      </c>
      <c r="N23" s="8">
        <v>1.8</v>
      </c>
      <c r="O23" s="8">
        <v>2.8</v>
      </c>
      <c r="P23" s="8">
        <v>2.64</v>
      </c>
      <c r="Q23" s="76">
        <v>2</v>
      </c>
      <c r="R23" s="8">
        <v>2.0499999999999998</v>
      </c>
      <c r="S23" s="8">
        <v>2.4</v>
      </c>
      <c r="T23" s="8">
        <v>2.4500000000000002</v>
      </c>
      <c r="U23" s="76">
        <v>2</v>
      </c>
      <c r="V23" s="8">
        <v>1.8</v>
      </c>
      <c r="W23" s="8">
        <v>1.35</v>
      </c>
      <c r="X23" s="76">
        <v>1.35</v>
      </c>
      <c r="Y23" s="76">
        <v>1.24</v>
      </c>
      <c r="Z23" s="76">
        <v>2.0099999999999998</v>
      </c>
      <c r="AA23" s="76">
        <v>2.15</v>
      </c>
      <c r="AB23" s="76">
        <v>2.71</v>
      </c>
      <c r="AC23" s="76">
        <v>2.21</v>
      </c>
      <c r="AD23" s="8">
        <v>2.2999999999999998</v>
      </c>
      <c r="AE23" s="8">
        <v>2.7</v>
      </c>
      <c r="AF23" s="76">
        <v>2.56</v>
      </c>
      <c r="AG23" s="76">
        <v>3.2</v>
      </c>
      <c r="AH23" s="76">
        <v>2.2000000000000002</v>
      </c>
      <c r="AI23" s="76">
        <v>3.22</v>
      </c>
      <c r="AJ23" s="76">
        <v>5.22</v>
      </c>
      <c r="AK23" s="76">
        <v>4.6500000000000004</v>
      </c>
      <c r="AL23" s="76">
        <v>3.15</v>
      </c>
      <c r="AM23" s="76">
        <v>3.15</v>
      </c>
      <c r="AN23" s="76">
        <v>3.15</v>
      </c>
      <c r="AO23" s="17">
        <v>3.3</v>
      </c>
      <c r="AP23" s="17">
        <v>3.3</v>
      </c>
      <c r="AQ23" s="17">
        <v>2.25</v>
      </c>
      <c r="AR23" s="17">
        <v>2.14</v>
      </c>
      <c r="AS23" s="76">
        <v>2.5499999999999998</v>
      </c>
      <c r="AT23" s="17">
        <v>2.5</v>
      </c>
      <c r="AU23" s="76">
        <v>3</v>
      </c>
      <c r="AV23" s="76">
        <v>2.4</v>
      </c>
      <c r="AW23" s="17">
        <v>2.44</v>
      </c>
      <c r="AX23" s="76">
        <v>2.36</v>
      </c>
      <c r="AY23" s="17">
        <v>2.36</v>
      </c>
      <c r="AZ23" s="76">
        <v>2.1</v>
      </c>
      <c r="BA23" s="76">
        <v>1.75</v>
      </c>
      <c r="BB23" s="76">
        <v>1.99</v>
      </c>
      <c r="BC23" s="76">
        <v>2.5</v>
      </c>
      <c r="BD23" s="76">
        <v>2.5</v>
      </c>
      <c r="BE23" s="17"/>
    </row>
    <row r="24" spans="3:57" x14ac:dyDescent="0.2">
      <c r="C24" s="5" t="s">
        <v>67</v>
      </c>
      <c r="D24" s="6" t="s">
        <v>58</v>
      </c>
      <c r="E24" s="8">
        <v>6.3</v>
      </c>
      <c r="F24" s="17">
        <v>6.3</v>
      </c>
      <c r="G24" s="17">
        <v>6.3</v>
      </c>
      <c r="H24" s="8">
        <v>5.76</v>
      </c>
      <c r="I24" s="8">
        <v>4.76</v>
      </c>
      <c r="J24" s="8">
        <v>4.96</v>
      </c>
      <c r="K24" s="8">
        <v>5.96</v>
      </c>
      <c r="L24" s="8">
        <v>5.5</v>
      </c>
      <c r="M24" s="8">
        <v>5.4</v>
      </c>
      <c r="N24" s="8">
        <v>4.51</v>
      </c>
      <c r="O24" s="8">
        <v>4</v>
      </c>
      <c r="P24" s="8">
        <v>4.0999999999999996</v>
      </c>
      <c r="Q24" s="76">
        <v>4.0999999999999996</v>
      </c>
      <c r="R24" s="8">
        <v>4.1900000000000004</v>
      </c>
      <c r="S24" s="8">
        <v>4.1900000000000004</v>
      </c>
      <c r="T24" s="8">
        <v>3.27</v>
      </c>
      <c r="U24" s="76">
        <v>3.27</v>
      </c>
      <c r="V24" s="8">
        <v>3.67</v>
      </c>
      <c r="W24" s="8">
        <v>3.58</v>
      </c>
      <c r="X24" s="76">
        <v>3.73</v>
      </c>
      <c r="Y24" s="76">
        <v>3.6</v>
      </c>
      <c r="Z24" s="76">
        <v>4.1100000000000003</v>
      </c>
      <c r="AA24" s="76">
        <v>4.4000000000000004</v>
      </c>
      <c r="AB24" s="76">
        <v>4.16</v>
      </c>
      <c r="AC24" s="76">
        <v>3.47</v>
      </c>
      <c r="AD24" s="8">
        <v>3.66</v>
      </c>
      <c r="AE24" s="8">
        <v>3.73</v>
      </c>
      <c r="AF24" s="76">
        <v>3.29</v>
      </c>
      <c r="AG24" s="76">
        <v>4.9000000000000004</v>
      </c>
      <c r="AH24" s="76">
        <v>4.8499999999999996</v>
      </c>
      <c r="AI24" s="76">
        <v>4.3499999999999996</v>
      </c>
      <c r="AJ24" s="76">
        <v>4.1500000000000004</v>
      </c>
      <c r="AK24" s="76">
        <v>4.1500000000000004</v>
      </c>
      <c r="AL24" s="76">
        <v>5.15</v>
      </c>
      <c r="AM24" s="76">
        <v>5</v>
      </c>
      <c r="AN24" s="76">
        <v>5</v>
      </c>
      <c r="AO24" s="40">
        <v>5</v>
      </c>
      <c r="AP24" s="17">
        <v>5.68</v>
      </c>
      <c r="AQ24" s="17">
        <v>5.99</v>
      </c>
      <c r="AR24" s="17">
        <v>5.79</v>
      </c>
      <c r="AS24" s="76">
        <v>5</v>
      </c>
      <c r="AT24" s="17">
        <v>3.98</v>
      </c>
      <c r="AU24" s="76">
        <v>5</v>
      </c>
      <c r="AV24" s="76">
        <v>6.12</v>
      </c>
      <c r="AW24" s="17">
        <v>5.89</v>
      </c>
      <c r="AX24" s="76">
        <v>6.01</v>
      </c>
      <c r="AY24" s="17">
        <v>6.3</v>
      </c>
      <c r="AZ24" s="76">
        <v>6.3</v>
      </c>
      <c r="BA24" s="76">
        <v>6.5</v>
      </c>
      <c r="BB24" s="76">
        <v>6.5</v>
      </c>
      <c r="BC24" s="76">
        <v>7</v>
      </c>
      <c r="BD24" s="76">
        <v>5.35</v>
      </c>
      <c r="BE24" s="17"/>
    </row>
    <row r="25" spans="3:57" x14ac:dyDescent="0.2">
      <c r="C25" s="5" t="s">
        <v>68</v>
      </c>
      <c r="D25" s="6" t="s">
        <v>58</v>
      </c>
      <c r="E25" s="8">
        <v>1.23</v>
      </c>
      <c r="F25" s="17">
        <v>0.91</v>
      </c>
      <c r="G25" s="17">
        <v>1</v>
      </c>
      <c r="H25" s="8">
        <v>1.28</v>
      </c>
      <c r="I25" s="8">
        <v>1.25</v>
      </c>
      <c r="J25" s="8">
        <v>1.25</v>
      </c>
      <c r="K25" s="8">
        <v>1.45</v>
      </c>
      <c r="L25" s="8">
        <v>1.25</v>
      </c>
      <c r="M25" s="8">
        <v>0.92</v>
      </c>
      <c r="N25" s="8">
        <v>0.72</v>
      </c>
      <c r="O25" s="8">
        <v>0.9</v>
      </c>
      <c r="P25" s="8">
        <v>1.34</v>
      </c>
      <c r="Q25" s="76">
        <v>1.24</v>
      </c>
      <c r="R25" s="8">
        <v>0.86</v>
      </c>
      <c r="S25" s="8">
        <v>0.86</v>
      </c>
      <c r="T25" s="8">
        <v>0.62</v>
      </c>
      <c r="U25" s="76">
        <v>0.98</v>
      </c>
      <c r="V25" s="8">
        <v>0.76</v>
      </c>
      <c r="W25" s="8">
        <v>0.54</v>
      </c>
      <c r="X25" s="76">
        <v>0.64</v>
      </c>
      <c r="Y25" s="76">
        <v>0.44</v>
      </c>
      <c r="Z25" s="76">
        <v>0.52</v>
      </c>
      <c r="AA25" s="76">
        <v>0.42</v>
      </c>
      <c r="AB25" s="76">
        <v>0.56999999999999995</v>
      </c>
      <c r="AC25" s="76">
        <v>0.56999999999999995</v>
      </c>
      <c r="AD25" s="8">
        <v>0.77</v>
      </c>
      <c r="AE25" s="8">
        <v>0.75</v>
      </c>
      <c r="AF25" s="76">
        <v>0.66</v>
      </c>
      <c r="AG25" s="76">
        <v>0.83</v>
      </c>
      <c r="AH25" s="76">
        <v>0.8</v>
      </c>
      <c r="AI25" s="76">
        <v>0.7</v>
      </c>
      <c r="AJ25" s="76">
        <v>0.61</v>
      </c>
      <c r="AK25" s="76">
        <v>0.61</v>
      </c>
      <c r="AL25" s="76">
        <v>0.61</v>
      </c>
      <c r="AM25" s="76">
        <v>0.64</v>
      </c>
      <c r="AN25" s="76">
        <v>0.8</v>
      </c>
      <c r="AO25" s="40">
        <v>1.17</v>
      </c>
      <c r="AP25" s="17">
        <v>1.17</v>
      </c>
      <c r="AQ25" s="17">
        <v>0.48</v>
      </c>
      <c r="AR25" s="17">
        <v>0.59</v>
      </c>
      <c r="AS25" s="76">
        <v>0.59</v>
      </c>
      <c r="AT25" s="17">
        <v>0.71</v>
      </c>
      <c r="AU25" s="76">
        <v>0.71</v>
      </c>
      <c r="AV25" s="76">
        <v>0.76</v>
      </c>
      <c r="AW25" s="17">
        <v>0.56000000000000005</v>
      </c>
      <c r="AX25" s="76">
        <v>0.6</v>
      </c>
      <c r="AY25" s="17">
        <v>0.56999999999999995</v>
      </c>
      <c r="AZ25" s="76">
        <v>0.69</v>
      </c>
      <c r="BA25" s="76">
        <v>0.69</v>
      </c>
      <c r="BB25" s="76">
        <v>0.8</v>
      </c>
      <c r="BC25" s="76">
        <v>1.63</v>
      </c>
      <c r="BD25" s="76">
        <v>1.23</v>
      </c>
      <c r="BE25" s="17"/>
    </row>
    <row r="26" spans="3:57" x14ac:dyDescent="0.2">
      <c r="C26" s="5" t="s">
        <v>69</v>
      </c>
      <c r="D26" s="6" t="s">
        <v>58</v>
      </c>
      <c r="E26" s="8">
        <v>1.85</v>
      </c>
      <c r="F26" s="17">
        <v>1.54</v>
      </c>
      <c r="G26" s="17">
        <v>1.31</v>
      </c>
      <c r="H26" s="8">
        <v>1.8</v>
      </c>
      <c r="I26" s="8">
        <v>1.33</v>
      </c>
      <c r="J26" s="8">
        <v>1.43</v>
      </c>
      <c r="K26" s="8">
        <v>1.65</v>
      </c>
      <c r="L26" s="8">
        <v>2.0099999999999998</v>
      </c>
      <c r="M26" s="8">
        <v>2.15</v>
      </c>
      <c r="N26" s="8">
        <v>1.73</v>
      </c>
      <c r="O26" s="8">
        <v>1.73</v>
      </c>
      <c r="P26" s="8">
        <v>1</v>
      </c>
      <c r="Q26" s="76">
        <v>1.1599999999999999</v>
      </c>
      <c r="R26" s="8">
        <v>1.17</v>
      </c>
      <c r="S26" s="8">
        <v>1.02</v>
      </c>
      <c r="T26" s="8">
        <v>1.07</v>
      </c>
      <c r="U26" s="76">
        <v>1.36</v>
      </c>
      <c r="V26" s="8">
        <v>1.1599999999999999</v>
      </c>
      <c r="W26" s="8">
        <v>1.1599999999999999</v>
      </c>
      <c r="X26" s="76">
        <v>2.16</v>
      </c>
      <c r="Y26" s="76">
        <v>2</v>
      </c>
      <c r="Z26" s="76">
        <v>2.15</v>
      </c>
      <c r="AA26" s="76">
        <v>1.9</v>
      </c>
      <c r="AB26" s="76">
        <v>2</v>
      </c>
      <c r="AC26" s="76">
        <v>1.8</v>
      </c>
      <c r="AD26" s="8">
        <v>1.9</v>
      </c>
      <c r="AE26" s="8">
        <v>1.8</v>
      </c>
      <c r="AF26" s="76">
        <v>1.8</v>
      </c>
      <c r="AG26" s="76">
        <v>2</v>
      </c>
      <c r="AH26" s="76">
        <v>2.2000000000000002</v>
      </c>
      <c r="AI26" s="76">
        <v>1.9</v>
      </c>
      <c r="AJ26" s="76">
        <v>2.1</v>
      </c>
      <c r="AK26" s="76">
        <v>2.25</v>
      </c>
      <c r="AL26" s="76">
        <v>1.5</v>
      </c>
      <c r="AM26" s="76">
        <v>1.7</v>
      </c>
      <c r="AN26" s="76">
        <v>1.9</v>
      </c>
      <c r="AO26" s="62">
        <v>2.08</v>
      </c>
      <c r="AP26" s="17">
        <v>2.06</v>
      </c>
      <c r="AQ26" s="17">
        <v>1.7</v>
      </c>
      <c r="AR26" s="17">
        <v>2.16</v>
      </c>
      <c r="AS26" s="76">
        <v>2.16</v>
      </c>
      <c r="AT26" s="17">
        <v>2.1</v>
      </c>
      <c r="AU26" s="76">
        <v>2</v>
      </c>
      <c r="AV26" s="76">
        <v>2.5</v>
      </c>
      <c r="AW26" s="17">
        <v>2.66</v>
      </c>
      <c r="AX26" s="76">
        <v>2.2999999999999998</v>
      </c>
      <c r="AY26" s="17">
        <v>2</v>
      </c>
      <c r="AZ26" s="76">
        <v>2.0499999999999998</v>
      </c>
      <c r="BA26" s="76">
        <v>2.0499999999999998</v>
      </c>
      <c r="BB26" s="76">
        <v>2.15</v>
      </c>
      <c r="BC26" s="76">
        <v>2.6</v>
      </c>
      <c r="BD26" s="76">
        <v>2.6</v>
      </c>
      <c r="BE26" s="17"/>
    </row>
    <row r="27" spans="3:57" x14ac:dyDescent="0.2">
      <c r="C27" s="5" t="s">
        <v>70</v>
      </c>
      <c r="D27" s="6" t="s">
        <v>58</v>
      </c>
      <c r="E27" s="8">
        <v>0.77</v>
      </c>
      <c r="F27" s="17">
        <v>0.91</v>
      </c>
      <c r="G27" s="17">
        <v>1.46</v>
      </c>
      <c r="H27" s="8">
        <v>2.0299999999999998</v>
      </c>
      <c r="I27" s="8">
        <v>1.9</v>
      </c>
      <c r="J27" s="8">
        <v>1.47</v>
      </c>
      <c r="K27" s="8">
        <v>1.33</v>
      </c>
      <c r="L27" s="8">
        <v>0.96</v>
      </c>
      <c r="M27" s="8">
        <v>1.2</v>
      </c>
      <c r="N27" s="8">
        <v>1.3</v>
      </c>
      <c r="O27" s="8">
        <v>2.2000000000000002</v>
      </c>
      <c r="P27" s="8">
        <v>2</v>
      </c>
      <c r="Q27" s="76">
        <v>1.6</v>
      </c>
      <c r="R27" s="8">
        <v>1.76</v>
      </c>
      <c r="S27" s="8">
        <v>1.79</v>
      </c>
      <c r="T27" s="8">
        <v>1.86</v>
      </c>
      <c r="U27" s="76">
        <v>1.63</v>
      </c>
      <c r="V27" s="8">
        <v>2.17</v>
      </c>
      <c r="W27" s="8">
        <v>1.23</v>
      </c>
      <c r="X27" s="76">
        <v>2.72</v>
      </c>
      <c r="Y27" s="76">
        <v>1.9</v>
      </c>
      <c r="Z27" s="76">
        <v>0.89</v>
      </c>
      <c r="AA27" s="76">
        <v>1.68</v>
      </c>
      <c r="AB27" s="76">
        <v>1.59</v>
      </c>
      <c r="AC27" s="76">
        <v>0.7</v>
      </c>
      <c r="AD27" s="8">
        <v>1.8</v>
      </c>
      <c r="AE27" s="8">
        <v>1.27</v>
      </c>
      <c r="AF27" s="76">
        <v>1.19</v>
      </c>
      <c r="AG27" s="76">
        <v>2.48</v>
      </c>
      <c r="AH27" s="76">
        <v>1.1299999999999999</v>
      </c>
      <c r="AI27" s="76">
        <v>0.88</v>
      </c>
      <c r="AJ27" s="76">
        <v>1.1000000000000001</v>
      </c>
      <c r="AK27" s="76">
        <v>1.22</v>
      </c>
      <c r="AL27" s="76">
        <v>0.54</v>
      </c>
      <c r="AM27" s="76">
        <v>0.9</v>
      </c>
      <c r="AN27" s="76">
        <v>0.59</v>
      </c>
      <c r="AO27" s="40">
        <v>0.98</v>
      </c>
      <c r="AP27" s="17">
        <v>0.9</v>
      </c>
      <c r="AQ27" s="17">
        <v>0.5</v>
      </c>
      <c r="AR27" s="17">
        <v>0.5</v>
      </c>
      <c r="AS27" s="76">
        <v>0.59</v>
      </c>
      <c r="AT27" s="17">
        <v>0.51</v>
      </c>
      <c r="AU27" s="76">
        <v>1.26</v>
      </c>
      <c r="AV27" s="76">
        <v>0.55000000000000004</v>
      </c>
      <c r="AW27" s="17">
        <v>1.22</v>
      </c>
      <c r="AX27" s="76">
        <v>1.05</v>
      </c>
      <c r="AY27" s="17">
        <v>1.03</v>
      </c>
      <c r="AZ27" s="76">
        <v>1.69</v>
      </c>
      <c r="BA27" s="76">
        <v>2.13</v>
      </c>
      <c r="BB27" s="76">
        <v>2.2799999999999998</v>
      </c>
      <c r="BC27" s="76">
        <v>1.81</v>
      </c>
      <c r="BD27" s="76">
        <v>1.67</v>
      </c>
      <c r="BE27" s="17"/>
    </row>
    <row r="28" spans="3:57" x14ac:dyDescent="0.2">
      <c r="C28" s="5" t="s">
        <v>101</v>
      </c>
      <c r="D28" s="6" t="s">
        <v>58</v>
      </c>
      <c r="E28" s="8">
        <v>3.54</v>
      </c>
      <c r="F28" s="17">
        <v>4.04</v>
      </c>
      <c r="G28" s="17">
        <v>3.65</v>
      </c>
      <c r="H28" s="8">
        <v>6.02</v>
      </c>
      <c r="I28" s="8">
        <v>4.46</v>
      </c>
      <c r="J28" s="8">
        <v>4.74</v>
      </c>
      <c r="K28" s="8">
        <v>5.95</v>
      </c>
      <c r="L28" s="8">
        <v>5.71</v>
      </c>
      <c r="M28" s="8">
        <v>6.01</v>
      </c>
      <c r="N28" s="8">
        <v>6.46</v>
      </c>
      <c r="O28" s="8">
        <v>7</v>
      </c>
      <c r="P28" s="8">
        <v>6.3</v>
      </c>
      <c r="Q28" s="76">
        <v>6.2</v>
      </c>
      <c r="R28" s="8">
        <v>5.69</v>
      </c>
      <c r="S28" s="8">
        <v>5.69</v>
      </c>
      <c r="T28" s="8">
        <v>5.79</v>
      </c>
      <c r="U28" s="76">
        <v>4.83</v>
      </c>
      <c r="V28" s="8">
        <v>2.64</v>
      </c>
      <c r="W28" s="8">
        <v>4</v>
      </c>
      <c r="X28" s="76">
        <v>3.91</v>
      </c>
      <c r="Y28" s="76">
        <v>4.09</v>
      </c>
      <c r="Z28" s="76">
        <v>5.59</v>
      </c>
      <c r="AA28" s="80" t="s">
        <v>112</v>
      </c>
      <c r="AB28" s="76">
        <v>7.01</v>
      </c>
      <c r="AC28" s="76">
        <v>7.4</v>
      </c>
      <c r="AD28" s="8">
        <v>7.16</v>
      </c>
      <c r="AE28" s="8">
        <v>4.75</v>
      </c>
      <c r="AF28" s="76">
        <v>3.77</v>
      </c>
      <c r="AG28" s="76">
        <v>3.83</v>
      </c>
      <c r="AH28" s="76">
        <v>4.55</v>
      </c>
      <c r="AI28" s="76">
        <v>5</v>
      </c>
      <c r="AJ28" s="76">
        <v>5.4</v>
      </c>
      <c r="AK28" s="76">
        <v>5.9</v>
      </c>
      <c r="AL28" s="76">
        <v>5.24</v>
      </c>
      <c r="AM28" s="76">
        <v>5.1100000000000003</v>
      </c>
      <c r="AN28" s="76">
        <v>4.82</v>
      </c>
      <c r="AO28" s="40">
        <v>5.08</v>
      </c>
      <c r="AP28" s="17">
        <v>4.08</v>
      </c>
      <c r="AQ28" s="17">
        <v>3.43</v>
      </c>
      <c r="AR28" s="17">
        <v>3.01</v>
      </c>
      <c r="AS28" s="76">
        <v>3.01</v>
      </c>
      <c r="AT28" s="17">
        <v>3.28</v>
      </c>
      <c r="AU28" s="76">
        <v>2.6</v>
      </c>
      <c r="AV28" s="76">
        <v>3.37</v>
      </c>
      <c r="AW28" s="17">
        <v>3.52</v>
      </c>
      <c r="AX28" s="76">
        <v>3.8</v>
      </c>
      <c r="AY28" s="17">
        <v>4.21</v>
      </c>
      <c r="AZ28" s="76">
        <v>3.59</v>
      </c>
      <c r="BA28" s="76">
        <v>2.5099999999999998</v>
      </c>
      <c r="BB28" s="76">
        <v>3.87</v>
      </c>
      <c r="BC28" s="76">
        <v>3.22</v>
      </c>
      <c r="BD28" s="76">
        <v>3.68</v>
      </c>
      <c r="BE28" s="17"/>
    </row>
    <row r="29" spans="3:57" x14ac:dyDescent="0.2">
      <c r="C29" s="5" t="s">
        <v>71</v>
      </c>
      <c r="D29" s="6" t="s">
        <v>58</v>
      </c>
      <c r="E29" s="8">
        <v>2.4</v>
      </c>
      <c r="F29" s="17">
        <v>2.4</v>
      </c>
      <c r="G29" s="17">
        <v>2.15</v>
      </c>
      <c r="H29" s="8">
        <v>2.5</v>
      </c>
      <c r="I29" s="8">
        <v>2.5</v>
      </c>
      <c r="J29" s="8">
        <v>2.35</v>
      </c>
      <c r="K29" s="8">
        <v>2.35</v>
      </c>
      <c r="L29" s="8">
        <v>2.35</v>
      </c>
      <c r="M29" s="8">
        <v>2.25</v>
      </c>
      <c r="N29" s="8">
        <v>2.25</v>
      </c>
      <c r="O29" s="8">
        <v>2.2000000000000002</v>
      </c>
      <c r="P29" s="8">
        <v>2.2000000000000002</v>
      </c>
      <c r="Q29" s="76">
        <v>2.2000000000000002</v>
      </c>
      <c r="R29" s="8">
        <v>2.2000000000000002</v>
      </c>
      <c r="S29" s="8">
        <v>2.2000000000000002</v>
      </c>
      <c r="T29" s="8">
        <v>2.2000000000000002</v>
      </c>
      <c r="U29" s="76">
        <v>2.2000000000000002</v>
      </c>
      <c r="V29" s="8">
        <v>2.2000000000000002</v>
      </c>
      <c r="W29" s="8">
        <v>2.2000000000000002</v>
      </c>
      <c r="X29" s="76">
        <v>2.2000000000000002</v>
      </c>
      <c r="Y29" s="76">
        <v>2.2000000000000002</v>
      </c>
      <c r="Z29" s="76">
        <v>2.2000000000000002</v>
      </c>
      <c r="AA29" s="76">
        <v>2.4</v>
      </c>
      <c r="AB29" s="76">
        <v>2.4</v>
      </c>
      <c r="AC29" s="76">
        <v>2.1</v>
      </c>
      <c r="AD29" s="8">
        <v>2.2000000000000002</v>
      </c>
      <c r="AE29" s="8">
        <v>2.2000000000000002</v>
      </c>
      <c r="AF29" s="76">
        <v>2.2000000000000002</v>
      </c>
      <c r="AG29" s="76">
        <v>2.2000000000000002</v>
      </c>
      <c r="AH29" s="76">
        <v>2.2000000000000002</v>
      </c>
      <c r="AI29" s="76">
        <v>2.2000000000000002</v>
      </c>
      <c r="AJ29" s="76">
        <v>2.2000000000000002</v>
      </c>
      <c r="AK29" s="76">
        <v>2.2000000000000002</v>
      </c>
      <c r="AL29" s="76">
        <v>2.2000000000000002</v>
      </c>
      <c r="AM29" s="76">
        <v>2.2000000000000002</v>
      </c>
      <c r="AN29" s="76">
        <v>2.2000000000000002</v>
      </c>
      <c r="AO29" s="40">
        <v>2.2000000000000002</v>
      </c>
      <c r="AP29" s="17">
        <v>2.2000000000000002</v>
      </c>
      <c r="AQ29" s="17">
        <v>2.2000000000000002</v>
      </c>
      <c r="AR29" s="17">
        <v>2.2000000000000002</v>
      </c>
      <c r="AS29" s="76">
        <v>2.2000000000000002</v>
      </c>
      <c r="AT29" s="17">
        <v>2.2000000000000002</v>
      </c>
      <c r="AU29" s="76">
        <v>2.2000000000000002</v>
      </c>
      <c r="AV29" s="76">
        <v>2.2000000000000002</v>
      </c>
      <c r="AW29" s="17">
        <v>2.2000000000000002</v>
      </c>
      <c r="AX29" s="76">
        <v>2.2000000000000002</v>
      </c>
      <c r="AY29" s="17">
        <v>2.2000000000000002</v>
      </c>
      <c r="AZ29" s="76">
        <v>2.2000000000000002</v>
      </c>
      <c r="BA29" s="76">
        <v>2.2000000000000002</v>
      </c>
      <c r="BB29" s="76">
        <v>2.2000000000000002</v>
      </c>
      <c r="BC29" s="76">
        <v>2.2000000000000002</v>
      </c>
      <c r="BD29" s="76">
        <v>2.2000000000000002</v>
      </c>
      <c r="BE29" s="17"/>
    </row>
    <row r="30" spans="3:57" x14ac:dyDescent="0.2">
      <c r="C30" s="5" t="s">
        <v>102</v>
      </c>
      <c r="D30" s="6" t="s">
        <v>58</v>
      </c>
      <c r="E30" s="8">
        <v>4.0999999999999996</v>
      </c>
      <c r="F30" s="17">
        <v>4.24</v>
      </c>
      <c r="G30" s="17">
        <v>4.42</v>
      </c>
      <c r="H30" s="8">
        <v>4.53</v>
      </c>
      <c r="I30" s="8">
        <v>4.55</v>
      </c>
      <c r="J30" s="8">
        <v>4.55</v>
      </c>
      <c r="K30" s="8">
        <v>4.59</v>
      </c>
      <c r="L30" s="8">
        <v>4.55</v>
      </c>
      <c r="M30" s="8">
        <v>4.63</v>
      </c>
      <c r="N30" s="8">
        <v>4.6500000000000004</v>
      </c>
      <c r="O30" s="8">
        <v>4.7</v>
      </c>
      <c r="P30" s="8">
        <v>4.63</v>
      </c>
      <c r="Q30" s="76">
        <v>4.76</v>
      </c>
      <c r="R30" s="8">
        <v>5.15</v>
      </c>
      <c r="S30" s="8">
        <v>5.38</v>
      </c>
      <c r="T30" s="8">
        <v>5.46</v>
      </c>
      <c r="U30" s="76">
        <v>5.55</v>
      </c>
      <c r="V30" s="8">
        <v>5.58</v>
      </c>
      <c r="W30" s="8">
        <v>5.47</v>
      </c>
      <c r="X30" s="76">
        <v>5.46</v>
      </c>
      <c r="Y30" s="76">
        <v>5.47</v>
      </c>
      <c r="Z30" s="76">
        <v>5.56</v>
      </c>
      <c r="AA30" s="76">
        <v>6</v>
      </c>
      <c r="AB30" s="76">
        <v>6.01</v>
      </c>
      <c r="AC30" s="76">
        <v>5.58</v>
      </c>
      <c r="AD30" s="8">
        <v>5.47</v>
      </c>
      <c r="AE30" s="8">
        <v>5.35</v>
      </c>
      <c r="AF30" s="76">
        <v>5.57</v>
      </c>
      <c r="AG30" s="76">
        <v>5.6</v>
      </c>
      <c r="AH30" s="76">
        <v>5.57</v>
      </c>
      <c r="AI30" s="76">
        <v>5.46</v>
      </c>
      <c r="AJ30" s="76">
        <v>5.39</v>
      </c>
      <c r="AK30" s="76">
        <v>5.0999999999999996</v>
      </c>
      <c r="AL30" s="76">
        <v>5.28</v>
      </c>
      <c r="AM30" s="76">
        <v>5.25</v>
      </c>
      <c r="AN30" s="76">
        <v>5.25</v>
      </c>
      <c r="AO30" s="40">
        <v>5.34</v>
      </c>
      <c r="AP30" s="17">
        <v>5.28</v>
      </c>
      <c r="AQ30" s="17">
        <v>5.0999999999999996</v>
      </c>
      <c r="AR30" s="17">
        <v>5</v>
      </c>
      <c r="AS30" s="76">
        <v>4.78</v>
      </c>
      <c r="AT30" s="17">
        <v>4.93</v>
      </c>
      <c r="AU30" s="76">
        <v>4.82</v>
      </c>
      <c r="AV30" s="76">
        <v>4.6500000000000004</v>
      </c>
      <c r="AW30" s="17">
        <v>4.72</v>
      </c>
      <c r="AX30" s="76">
        <v>4.57</v>
      </c>
      <c r="AY30" s="17">
        <v>4.46</v>
      </c>
      <c r="AZ30" s="76">
        <v>4.46</v>
      </c>
      <c r="BA30" s="76">
        <v>4.41</v>
      </c>
      <c r="BB30" s="76">
        <v>4.46</v>
      </c>
      <c r="BC30" s="76">
        <v>4.32</v>
      </c>
      <c r="BD30" s="76">
        <v>4.32</v>
      </c>
      <c r="BE30" s="17"/>
    </row>
    <row r="31" spans="3:57" x14ac:dyDescent="0.2">
      <c r="C31" s="5" t="s">
        <v>72</v>
      </c>
      <c r="D31" s="6" t="s">
        <v>58</v>
      </c>
      <c r="E31" s="8">
        <v>4.9000000000000004</v>
      </c>
      <c r="F31" s="17">
        <v>4.9000000000000004</v>
      </c>
      <c r="G31" s="17">
        <v>4.9000000000000004</v>
      </c>
      <c r="H31" s="8">
        <v>4.72</v>
      </c>
      <c r="I31" s="8">
        <v>4.72</v>
      </c>
      <c r="J31" s="8">
        <v>4.72</v>
      </c>
      <c r="K31" s="8">
        <v>4.72</v>
      </c>
      <c r="L31" s="8">
        <v>5.24</v>
      </c>
      <c r="M31" s="8">
        <v>5.24</v>
      </c>
      <c r="N31" s="8">
        <v>5.24</v>
      </c>
      <c r="O31" s="8">
        <v>5.0999999999999996</v>
      </c>
      <c r="P31" s="8">
        <v>5.0999999999999996</v>
      </c>
      <c r="Q31" s="76">
        <v>5.0999999999999996</v>
      </c>
      <c r="R31" s="8">
        <v>5.0999999999999996</v>
      </c>
      <c r="S31" s="8">
        <v>5.0999999999999996</v>
      </c>
      <c r="T31" s="8">
        <v>5.0999999999999996</v>
      </c>
      <c r="U31" s="76">
        <v>5.0999999999999996</v>
      </c>
      <c r="V31" s="8">
        <v>5.0999999999999996</v>
      </c>
      <c r="W31" s="8">
        <v>5.0999999999999996</v>
      </c>
      <c r="X31" s="76">
        <v>4.91</v>
      </c>
      <c r="Y31" s="76">
        <v>4.91</v>
      </c>
      <c r="Z31" s="76">
        <v>4.91</v>
      </c>
      <c r="AA31" s="76">
        <v>4.91</v>
      </c>
      <c r="AB31" s="76">
        <v>4.91</v>
      </c>
      <c r="AC31" s="76">
        <v>4.91</v>
      </c>
      <c r="AD31" s="8">
        <v>5.49</v>
      </c>
      <c r="AE31" s="8">
        <v>5.49</v>
      </c>
      <c r="AF31" s="76">
        <v>5.49</v>
      </c>
      <c r="AG31" s="76">
        <v>5.49</v>
      </c>
      <c r="AH31" s="76">
        <v>4.8</v>
      </c>
      <c r="AI31" s="76">
        <v>4.8</v>
      </c>
      <c r="AJ31" s="76">
        <v>4.8</v>
      </c>
      <c r="AK31" s="76">
        <v>4.8</v>
      </c>
      <c r="AL31" s="76">
        <v>4.8</v>
      </c>
      <c r="AM31" s="76">
        <v>4.8</v>
      </c>
      <c r="AN31" s="76">
        <v>4.8</v>
      </c>
      <c r="AO31" s="62">
        <v>4.8</v>
      </c>
      <c r="AP31" s="17">
        <v>4.5199999999999996</v>
      </c>
      <c r="AQ31" s="17">
        <v>4.5199999999999996</v>
      </c>
      <c r="AR31" s="17">
        <v>4.5199999999999996</v>
      </c>
      <c r="AS31" s="76">
        <v>4.5199999999999996</v>
      </c>
      <c r="AT31" s="17">
        <v>4.5199999999999996</v>
      </c>
      <c r="AU31" s="76">
        <v>4.5199999999999996</v>
      </c>
      <c r="AV31" s="76">
        <v>4.42</v>
      </c>
      <c r="AW31" s="17">
        <v>4.42</v>
      </c>
      <c r="AX31" s="76">
        <v>4.42</v>
      </c>
      <c r="AY31" s="17">
        <v>4.05</v>
      </c>
      <c r="AZ31" s="76">
        <v>4.05</v>
      </c>
      <c r="BA31" s="76">
        <v>4.05</v>
      </c>
      <c r="BB31" s="76">
        <v>4.05</v>
      </c>
      <c r="BC31" s="76">
        <v>4.05</v>
      </c>
      <c r="BD31" s="76">
        <v>3.48</v>
      </c>
      <c r="BE31" s="17"/>
    </row>
    <row r="32" spans="3:57" x14ac:dyDescent="0.2">
      <c r="C32" s="5" t="s">
        <v>73</v>
      </c>
      <c r="D32" s="6" t="s">
        <v>58</v>
      </c>
      <c r="E32" s="8">
        <v>4.3499999999999996</v>
      </c>
      <c r="F32" s="17">
        <v>4.25</v>
      </c>
      <c r="G32" s="17">
        <v>4</v>
      </c>
      <c r="H32" s="8">
        <v>3.7</v>
      </c>
      <c r="I32" s="8">
        <v>4</v>
      </c>
      <c r="J32" s="8" t="s">
        <v>110</v>
      </c>
      <c r="K32" s="8" t="s">
        <v>111</v>
      </c>
      <c r="L32" s="8" t="s">
        <v>111</v>
      </c>
      <c r="M32" s="8" t="s">
        <v>111</v>
      </c>
      <c r="N32" s="8" t="s">
        <v>111</v>
      </c>
      <c r="O32" s="8" t="s">
        <v>111</v>
      </c>
      <c r="P32" s="8" t="s">
        <v>111</v>
      </c>
      <c r="Q32" s="76" t="s">
        <v>111</v>
      </c>
      <c r="R32" s="8" t="s">
        <v>111</v>
      </c>
      <c r="S32" s="8" t="s">
        <v>111</v>
      </c>
      <c r="T32" s="8" t="s">
        <v>111</v>
      </c>
      <c r="U32" s="8" t="s">
        <v>111</v>
      </c>
      <c r="V32" s="8" t="s">
        <v>111</v>
      </c>
      <c r="W32" s="8" t="s">
        <v>111</v>
      </c>
      <c r="X32" s="76" t="s">
        <v>111</v>
      </c>
      <c r="Y32" s="76" t="s">
        <v>111</v>
      </c>
      <c r="Z32" s="76" t="s">
        <v>111</v>
      </c>
      <c r="AA32" s="76" t="s">
        <v>111</v>
      </c>
      <c r="AB32" s="76" t="s">
        <v>111</v>
      </c>
      <c r="AC32" s="76" t="s">
        <v>111</v>
      </c>
      <c r="AD32" s="8" t="s">
        <v>111</v>
      </c>
      <c r="AE32" s="8" t="s">
        <v>111</v>
      </c>
      <c r="AF32" s="76" t="s">
        <v>111</v>
      </c>
      <c r="AG32" s="76" t="s">
        <v>111</v>
      </c>
      <c r="AH32" s="76" t="s">
        <v>111</v>
      </c>
      <c r="AI32" s="76" t="s">
        <v>111</v>
      </c>
      <c r="AJ32" s="76" t="s">
        <v>111</v>
      </c>
      <c r="AK32" s="76" t="s">
        <v>111</v>
      </c>
      <c r="AL32" s="76" t="s">
        <v>111</v>
      </c>
      <c r="AM32" s="76" t="s">
        <v>111</v>
      </c>
      <c r="AN32" s="76" t="s">
        <v>111</v>
      </c>
      <c r="AO32" s="40" t="s">
        <v>111</v>
      </c>
      <c r="AP32" s="17" t="s">
        <v>111</v>
      </c>
      <c r="AQ32" s="17" t="s">
        <v>111</v>
      </c>
      <c r="AR32" s="17" t="s">
        <v>111</v>
      </c>
      <c r="AS32" s="76" t="s">
        <v>111</v>
      </c>
      <c r="AT32" s="17" t="s">
        <v>111</v>
      </c>
      <c r="AU32" s="76" t="s">
        <v>111</v>
      </c>
      <c r="AV32" s="76" t="s">
        <v>111</v>
      </c>
      <c r="AW32" s="17">
        <v>2.5</v>
      </c>
      <c r="AX32" s="76">
        <v>2.4500000000000002</v>
      </c>
      <c r="AY32" s="17">
        <v>1.67</v>
      </c>
      <c r="AZ32" s="76">
        <v>2.16</v>
      </c>
      <c r="BA32" s="76">
        <v>1.84</v>
      </c>
      <c r="BB32" s="76">
        <v>1.84</v>
      </c>
      <c r="BC32" s="76">
        <v>1.84</v>
      </c>
      <c r="BD32" s="76">
        <v>2.2400000000000002</v>
      </c>
      <c r="BE32" s="17"/>
    </row>
    <row r="33" spans="3:57" x14ac:dyDescent="0.2">
      <c r="C33" s="5" t="s">
        <v>74</v>
      </c>
      <c r="D33" s="6" t="s">
        <v>58</v>
      </c>
      <c r="E33" s="8">
        <v>0.85</v>
      </c>
      <c r="F33" s="17">
        <v>0.85</v>
      </c>
      <c r="G33" s="17">
        <v>0.85</v>
      </c>
      <c r="H33" s="8">
        <v>0.85</v>
      </c>
      <c r="I33" s="8">
        <v>0.85</v>
      </c>
      <c r="J33" s="8">
        <v>0.85</v>
      </c>
      <c r="K33" s="8">
        <v>0.85</v>
      </c>
      <c r="L33" s="8">
        <v>0.85</v>
      </c>
      <c r="M33" s="8">
        <v>0.85</v>
      </c>
      <c r="N33" s="8">
        <v>0.85</v>
      </c>
      <c r="O33" s="8">
        <v>0.9</v>
      </c>
      <c r="P33" s="8">
        <v>0.9</v>
      </c>
      <c r="Q33" s="76">
        <v>0.9</v>
      </c>
      <c r="R33" s="8">
        <v>0.9</v>
      </c>
      <c r="S33" s="8">
        <v>0.9</v>
      </c>
      <c r="T33" s="8">
        <v>0.9</v>
      </c>
      <c r="U33" s="8">
        <v>0.9</v>
      </c>
      <c r="V33" s="8">
        <v>0.9</v>
      </c>
      <c r="W33" s="8">
        <v>0.9</v>
      </c>
      <c r="X33" s="8">
        <v>0.9</v>
      </c>
      <c r="Y33" s="8">
        <v>0.9</v>
      </c>
      <c r="Z33" s="76">
        <v>0.9</v>
      </c>
      <c r="AA33" s="76">
        <v>0.9</v>
      </c>
      <c r="AB33" s="76">
        <v>0.9</v>
      </c>
      <c r="AC33" s="76">
        <v>0.9</v>
      </c>
      <c r="AD33" s="76">
        <v>0.9</v>
      </c>
      <c r="AE33" s="76">
        <v>0.9</v>
      </c>
      <c r="AF33" s="76">
        <v>0.9</v>
      </c>
      <c r="AG33" s="76">
        <v>0.9</v>
      </c>
      <c r="AH33" s="76">
        <v>0.9</v>
      </c>
      <c r="AI33" s="76">
        <v>0.9</v>
      </c>
      <c r="AJ33" s="76">
        <v>0.9</v>
      </c>
      <c r="AK33" s="76">
        <v>0.9</v>
      </c>
      <c r="AL33" s="76">
        <v>0.9</v>
      </c>
      <c r="AM33" s="76">
        <v>0.9</v>
      </c>
      <c r="AN33" s="76">
        <v>0.9</v>
      </c>
      <c r="AO33" s="76">
        <v>0.9</v>
      </c>
      <c r="AP33" s="17">
        <v>0.9</v>
      </c>
      <c r="AQ33" s="17">
        <v>0.9</v>
      </c>
      <c r="AR33" s="17">
        <v>0.9</v>
      </c>
      <c r="AS33" s="8">
        <v>0.9</v>
      </c>
      <c r="AT33" s="17">
        <v>0.9</v>
      </c>
      <c r="AU33" s="8">
        <v>0.9</v>
      </c>
      <c r="AV33" s="8">
        <v>0.9</v>
      </c>
      <c r="AW33" s="17">
        <v>0.9</v>
      </c>
      <c r="AX33" s="8">
        <v>0.9</v>
      </c>
      <c r="AY33" s="17">
        <v>0.9</v>
      </c>
      <c r="AZ33" s="76">
        <v>0.9</v>
      </c>
      <c r="BA33" s="76">
        <v>0.9</v>
      </c>
      <c r="BB33" s="76">
        <v>0.9</v>
      </c>
      <c r="BC33" s="76">
        <v>0.9</v>
      </c>
      <c r="BD33" s="76">
        <v>0.9</v>
      </c>
      <c r="BE33" s="17"/>
    </row>
    <row r="34" spans="3:57" x14ac:dyDescent="0.2">
      <c r="C34" s="16" t="s">
        <v>78</v>
      </c>
      <c r="D34" s="6" t="s">
        <v>58</v>
      </c>
      <c r="E34" s="8">
        <v>0.2</v>
      </c>
      <c r="F34" s="17">
        <v>0.22</v>
      </c>
      <c r="G34" s="17">
        <v>0.23</v>
      </c>
      <c r="H34" s="8">
        <v>0.26</v>
      </c>
      <c r="I34" s="8">
        <v>0.28000000000000003</v>
      </c>
      <c r="J34" s="8">
        <v>0.28999999999999998</v>
      </c>
      <c r="K34" s="8">
        <v>0.28999999999999998</v>
      </c>
      <c r="L34" s="8">
        <v>0.28000000000000003</v>
      </c>
      <c r="M34" s="8">
        <v>0.38</v>
      </c>
      <c r="N34" s="8">
        <v>0.49</v>
      </c>
      <c r="O34" s="8">
        <v>0.49</v>
      </c>
      <c r="P34" s="8">
        <v>0.47</v>
      </c>
      <c r="Q34" s="76">
        <v>0.45</v>
      </c>
      <c r="R34" s="8">
        <v>0.67</v>
      </c>
      <c r="S34" s="8">
        <v>0.64</v>
      </c>
      <c r="T34" s="8">
        <v>0.56000000000000005</v>
      </c>
      <c r="U34" s="8">
        <v>0.56999999999999995</v>
      </c>
      <c r="V34" s="8">
        <v>0.48</v>
      </c>
      <c r="W34" s="8">
        <v>0.42</v>
      </c>
      <c r="X34" s="8">
        <v>0.35</v>
      </c>
      <c r="Y34" s="8">
        <v>0.33</v>
      </c>
      <c r="Z34" s="76">
        <v>0.28000000000000003</v>
      </c>
      <c r="AA34" s="76">
        <v>0.25</v>
      </c>
      <c r="AB34" s="76">
        <v>0.21</v>
      </c>
      <c r="AC34" s="76">
        <v>0.19</v>
      </c>
      <c r="AD34" s="76">
        <v>0.19</v>
      </c>
      <c r="AE34" s="76">
        <v>0.27</v>
      </c>
      <c r="AF34" s="76">
        <v>0.28000000000000003</v>
      </c>
      <c r="AG34" s="76">
        <v>0.28000000000000003</v>
      </c>
      <c r="AH34" s="76">
        <v>0.28000000000000003</v>
      </c>
      <c r="AI34" s="76">
        <v>0.21</v>
      </c>
      <c r="AJ34" s="76">
        <v>0.21</v>
      </c>
      <c r="AK34" s="76">
        <v>0.19</v>
      </c>
      <c r="AL34" s="76">
        <v>0.17</v>
      </c>
      <c r="AM34" s="76">
        <v>0.16</v>
      </c>
      <c r="AN34" s="76">
        <v>0.14000000000000001</v>
      </c>
      <c r="AO34" s="76">
        <v>0.14000000000000001</v>
      </c>
      <c r="AP34" s="17">
        <v>0.14000000000000001</v>
      </c>
      <c r="AQ34" s="17">
        <v>0.13</v>
      </c>
      <c r="AR34" s="17">
        <v>0.11</v>
      </c>
      <c r="AS34" s="8">
        <v>0.11</v>
      </c>
      <c r="AT34" s="17">
        <v>0.11</v>
      </c>
      <c r="AU34" s="8">
        <v>0.11</v>
      </c>
      <c r="AV34" s="8">
        <v>0.1</v>
      </c>
      <c r="AW34" s="17">
        <v>0.09</v>
      </c>
      <c r="AX34" s="8">
        <v>0.1</v>
      </c>
      <c r="AY34" s="17">
        <v>0.1</v>
      </c>
      <c r="AZ34" s="8">
        <v>0.13</v>
      </c>
      <c r="BA34" s="8">
        <v>0.12</v>
      </c>
      <c r="BB34" s="8">
        <v>0.12</v>
      </c>
      <c r="BC34" s="8">
        <v>0.12</v>
      </c>
      <c r="BD34" s="8">
        <v>0.12</v>
      </c>
      <c r="BE34" s="17"/>
    </row>
    <row r="35" spans="3:57" x14ac:dyDescent="0.2">
      <c r="C35" s="16" t="s">
        <v>79</v>
      </c>
      <c r="D35" s="6" t="s">
        <v>58</v>
      </c>
      <c r="E35" s="8">
        <v>0.52</v>
      </c>
      <c r="F35" s="17">
        <v>0.52</v>
      </c>
      <c r="G35" s="17">
        <v>0.48</v>
      </c>
      <c r="H35" s="8">
        <v>0.55000000000000004</v>
      </c>
      <c r="I35" s="8">
        <v>0.56999999999999995</v>
      </c>
      <c r="J35" s="8">
        <v>0.54</v>
      </c>
      <c r="K35" s="8">
        <v>0.59</v>
      </c>
      <c r="L35" s="8">
        <v>0.53</v>
      </c>
      <c r="M35" s="8">
        <v>0.5</v>
      </c>
      <c r="N35" s="8">
        <v>0.48</v>
      </c>
      <c r="O35" s="8">
        <v>0.47</v>
      </c>
      <c r="P35" s="8">
        <v>0.45</v>
      </c>
      <c r="Q35" s="76">
        <v>0.45</v>
      </c>
      <c r="R35" s="8">
        <v>0.4</v>
      </c>
      <c r="S35" s="8">
        <v>0.41</v>
      </c>
      <c r="T35" s="8">
        <v>0.42</v>
      </c>
      <c r="U35" s="8">
        <v>0.49</v>
      </c>
      <c r="V35" s="8">
        <v>0.45</v>
      </c>
      <c r="W35" s="8">
        <v>0.49</v>
      </c>
      <c r="X35" s="8">
        <v>0.46</v>
      </c>
      <c r="Y35" s="8">
        <v>0.48</v>
      </c>
      <c r="Z35" s="76">
        <v>0.43</v>
      </c>
      <c r="AA35" s="76">
        <v>0.44</v>
      </c>
      <c r="AB35" s="76">
        <v>0.44</v>
      </c>
      <c r="AC35" s="76">
        <v>0.39</v>
      </c>
      <c r="AD35" s="76">
        <v>0.39</v>
      </c>
      <c r="AE35" s="76">
        <v>0.52</v>
      </c>
      <c r="AF35" s="76">
        <v>0.35</v>
      </c>
      <c r="AG35" s="76">
        <v>0.35</v>
      </c>
      <c r="AH35" s="76">
        <v>0.32</v>
      </c>
      <c r="AI35" s="76">
        <v>0.3</v>
      </c>
      <c r="AJ35" s="76">
        <v>0.3</v>
      </c>
      <c r="AK35" s="76">
        <v>0.27</v>
      </c>
      <c r="AL35" s="76">
        <v>0.27</v>
      </c>
      <c r="AM35" s="76">
        <v>0.27</v>
      </c>
      <c r="AN35" s="76">
        <v>0.31</v>
      </c>
      <c r="AO35" s="76">
        <v>0.3</v>
      </c>
      <c r="AP35" s="17">
        <v>0.47</v>
      </c>
      <c r="AQ35" s="17">
        <v>0.47</v>
      </c>
      <c r="AR35" s="17">
        <v>0.49</v>
      </c>
      <c r="AS35" s="8">
        <v>0.47</v>
      </c>
      <c r="AT35" s="17">
        <v>0.45</v>
      </c>
      <c r="AU35" s="8">
        <v>0.44</v>
      </c>
      <c r="AV35" s="8">
        <v>0.47</v>
      </c>
      <c r="AW35" s="17">
        <v>0.49</v>
      </c>
      <c r="AX35" s="8">
        <v>0.5</v>
      </c>
      <c r="AY35" s="17">
        <v>0.5</v>
      </c>
      <c r="AZ35" s="8">
        <v>0.47</v>
      </c>
      <c r="BA35" s="8">
        <v>0.48</v>
      </c>
      <c r="BB35" s="8">
        <v>0.48</v>
      </c>
      <c r="BC35" s="8">
        <v>0.46</v>
      </c>
      <c r="BD35" s="8">
        <v>0.43</v>
      </c>
      <c r="BE35" s="17"/>
    </row>
    <row r="36" spans="3:57" x14ac:dyDescent="0.2">
      <c r="C36" s="16" t="s">
        <v>80</v>
      </c>
      <c r="D36" s="6" t="s">
        <v>58</v>
      </c>
      <c r="E36" s="8">
        <v>0.23</v>
      </c>
      <c r="F36" s="17">
        <v>0.28999999999999998</v>
      </c>
      <c r="G36" s="17">
        <v>0.38</v>
      </c>
      <c r="H36" s="8">
        <v>0.68</v>
      </c>
      <c r="I36" s="8">
        <v>0.48</v>
      </c>
      <c r="J36" s="8">
        <v>0.32</v>
      </c>
      <c r="K36" s="8">
        <v>0.33</v>
      </c>
      <c r="L36" s="8">
        <v>0.33</v>
      </c>
      <c r="M36" s="8">
        <v>0.23</v>
      </c>
      <c r="N36" s="8">
        <v>0.34</v>
      </c>
      <c r="O36" s="8">
        <v>0.25</v>
      </c>
      <c r="P36" s="8">
        <v>0.22</v>
      </c>
      <c r="Q36" s="76">
        <v>0.2</v>
      </c>
      <c r="R36" s="8">
        <v>0.21</v>
      </c>
      <c r="S36" s="8">
        <v>0.37</v>
      </c>
      <c r="T36" s="8">
        <v>0.22</v>
      </c>
      <c r="U36" s="8">
        <v>0.22</v>
      </c>
      <c r="V36" s="8">
        <v>0.21</v>
      </c>
      <c r="W36" s="8">
        <v>0.24</v>
      </c>
      <c r="X36" s="8">
        <v>0.3</v>
      </c>
      <c r="Y36" s="8">
        <v>0.16</v>
      </c>
      <c r="Z36" s="76">
        <v>0.13</v>
      </c>
      <c r="AA36" s="76">
        <v>0.18</v>
      </c>
      <c r="AB36" s="76">
        <v>0.23</v>
      </c>
      <c r="AC36" s="76">
        <v>0.17</v>
      </c>
      <c r="AD36" s="76">
        <v>0.2</v>
      </c>
      <c r="AE36" s="76">
        <v>0.26</v>
      </c>
      <c r="AF36" s="76">
        <v>0.31</v>
      </c>
      <c r="AG36" s="76">
        <v>0.37</v>
      </c>
      <c r="AH36" s="76">
        <v>0.38</v>
      </c>
      <c r="AI36" s="76">
        <v>0.39</v>
      </c>
      <c r="AJ36" s="76">
        <v>0.37</v>
      </c>
      <c r="AK36" s="76">
        <v>0.32</v>
      </c>
      <c r="AL36" s="76">
        <v>0.3</v>
      </c>
      <c r="AM36" s="76">
        <v>0.34</v>
      </c>
      <c r="AN36" s="76">
        <v>0.27</v>
      </c>
      <c r="AO36" s="76">
        <v>0.34</v>
      </c>
      <c r="AP36" s="17">
        <v>0.25</v>
      </c>
      <c r="AQ36" s="17">
        <v>0.19</v>
      </c>
      <c r="AR36" s="17">
        <v>0.18</v>
      </c>
      <c r="AS36" s="8">
        <v>0.2</v>
      </c>
      <c r="AT36" s="17">
        <v>0.2</v>
      </c>
      <c r="AU36" s="8">
        <v>0.62</v>
      </c>
      <c r="AV36" s="8">
        <v>0.52</v>
      </c>
      <c r="AW36" s="17">
        <v>0.56000000000000005</v>
      </c>
      <c r="AX36" s="8">
        <v>0.37</v>
      </c>
      <c r="AY36" s="17">
        <v>0.3</v>
      </c>
      <c r="AZ36" s="8">
        <v>0.25</v>
      </c>
      <c r="BA36" s="8">
        <v>0.25</v>
      </c>
      <c r="BB36" s="8">
        <v>0.3</v>
      </c>
      <c r="BC36" s="8">
        <v>0.27</v>
      </c>
      <c r="BD36" s="8">
        <v>0.21</v>
      </c>
      <c r="BE36" s="17"/>
    </row>
    <row r="37" spans="3:57" x14ac:dyDescent="0.2">
      <c r="C37" s="16" t="s">
        <v>81</v>
      </c>
      <c r="D37" s="6" t="s">
        <v>58</v>
      </c>
      <c r="E37" s="8">
        <v>0.22</v>
      </c>
      <c r="F37" s="17">
        <v>0.22</v>
      </c>
      <c r="G37" s="17">
        <v>0.22</v>
      </c>
      <c r="H37" s="8">
        <v>0.22</v>
      </c>
      <c r="I37" s="8">
        <v>0.23</v>
      </c>
      <c r="J37" s="8">
        <v>0.28000000000000003</v>
      </c>
      <c r="K37" s="8">
        <v>0.28000000000000003</v>
      </c>
      <c r="L37" s="8">
        <v>0.28000000000000003</v>
      </c>
      <c r="M37" s="8">
        <v>0.19</v>
      </c>
      <c r="N37" s="8">
        <v>0.17</v>
      </c>
      <c r="O37" s="8">
        <v>0.16</v>
      </c>
      <c r="P37" s="8">
        <v>0.16</v>
      </c>
      <c r="Q37" s="76">
        <v>0.16</v>
      </c>
      <c r="R37" s="8">
        <v>0.16</v>
      </c>
      <c r="S37" s="8">
        <v>0.16</v>
      </c>
      <c r="T37" s="8">
        <v>0.16</v>
      </c>
      <c r="U37" s="8">
        <v>0.16</v>
      </c>
      <c r="V37" s="8" t="s">
        <v>90</v>
      </c>
      <c r="W37" s="8" t="s">
        <v>90</v>
      </c>
      <c r="X37" s="8" t="s">
        <v>90</v>
      </c>
      <c r="Y37" s="76" t="s">
        <v>90</v>
      </c>
      <c r="Z37" s="76" t="s">
        <v>90</v>
      </c>
      <c r="AA37" s="76" t="s">
        <v>90</v>
      </c>
      <c r="AB37" s="76" t="s">
        <v>90</v>
      </c>
      <c r="AC37" s="76" t="s">
        <v>90</v>
      </c>
      <c r="AD37" s="76" t="s">
        <v>90</v>
      </c>
      <c r="AE37" s="76" t="s">
        <v>90</v>
      </c>
      <c r="AF37" s="76" t="s">
        <v>90</v>
      </c>
      <c r="AG37" s="76">
        <v>0.12</v>
      </c>
      <c r="AH37" s="76">
        <v>0.11</v>
      </c>
      <c r="AI37" s="76">
        <v>0.16</v>
      </c>
      <c r="AJ37" s="76">
        <v>0.16</v>
      </c>
      <c r="AK37" s="76">
        <v>0.16</v>
      </c>
      <c r="AL37" s="76">
        <v>0.14000000000000001</v>
      </c>
      <c r="AM37" s="76">
        <v>0.14000000000000001</v>
      </c>
      <c r="AN37" s="76">
        <v>0.13</v>
      </c>
      <c r="AO37" s="76">
        <v>0.13</v>
      </c>
      <c r="AP37" s="17">
        <v>0.13</v>
      </c>
      <c r="AQ37" s="17">
        <v>0.1</v>
      </c>
      <c r="AR37" s="17">
        <v>0.08</v>
      </c>
      <c r="AS37" s="76">
        <v>0.08</v>
      </c>
      <c r="AT37" s="17">
        <v>7.0000000000000007E-2</v>
      </c>
      <c r="AU37" s="76">
        <v>7.0000000000000007E-2</v>
      </c>
      <c r="AV37" s="76">
        <v>7.0000000000000007E-2</v>
      </c>
      <c r="AW37" s="17">
        <v>7.0000000000000007E-2</v>
      </c>
      <c r="AX37" s="76">
        <v>7.0000000000000007E-2</v>
      </c>
      <c r="AY37" s="17">
        <v>7.0000000000000007E-2</v>
      </c>
      <c r="AZ37" s="76">
        <v>0.06</v>
      </c>
      <c r="BA37" s="76">
        <v>0.06</v>
      </c>
      <c r="BB37" s="76">
        <v>0.06</v>
      </c>
      <c r="BC37" s="76">
        <v>0.06</v>
      </c>
      <c r="BD37" s="76">
        <v>0.06</v>
      </c>
      <c r="BE37" s="17"/>
    </row>
    <row r="38" spans="3:57" x14ac:dyDescent="0.2">
      <c r="C38" s="16" t="s">
        <v>82</v>
      </c>
      <c r="D38" s="6" t="s">
        <v>58</v>
      </c>
      <c r="E38" s="8">
        <v>1.79</v>
      </c>
      <c r="F38" s="17">
        <v>1.8</v>
      </c>
      <c r="G38" s="17">
        <v>2.08</v>
      </c>
      <c r="H38" s="8">
        <v>2.13</v>
      </c>
      <c r="I38" s="8">
        <v>2.21</v>
      </c>
      <c r="J38" s="8">
        <v>2.2999999999999998</v>
      </c>
      <c r="K38" s="8">
        <v>2.39</v>
      </c>
      <c r="L38" s="8">
        <v>2.33</v>
      </c>
      <c r="M38" s="8">
        <v>2.72</v>
      </c>
      <c r="N38" s="8">
        <v>2.38</v>
      </c>
      <c r="O38" s="8">
        <v>2.7</v>
      </c>
      <c r="P38" s="8">
        <v>2.73</v>
      </c>
      <c r="Q38" s="76">
        <v>2.52</v>
      </c>
      <c r="R38" s="8">
        <v>1.78</v>
      </c>
      <c r="S38" s="8">
        <v>1.65</v>
      </c>
      <c r="T38" s="8">
        <v>1.38</v>
      </c>
      <c r="U38" s="8">
        <v>1.36</v>
      </c>
      <c r="V38" s="8">
        <v>1.34</v>
      </c>
      <c r="W38" s="8">
        <v>1.31</v>
      </c>
      <c r="X38" s="8">
        <v>1.1299999999999999</v>
      </c>
      <c r="Y38" s="8">
        <v>0.95</v>
      </c>
      <c r="Z38" s="76">
        <v>0.81</v>
      </c>
      <c r="AA38" s="76">
        <v>0.99</v>
      </c>
      <c r="AB38" s="76">
        <v>1.0900000000000001</v>
      </c>
      <c r="AC38" s="76">
        <v>1.03</v>
      </c>
      <c r="AD38" s="76">
        <v>0.99</v>
      </c>
      <c r="AE38" s="76">
        <v>0.98</v>
      </c>
      <c r="AF38" s="76">
        <v>1.17</v>
      </c>
      <c r="AG38" s="76">
        <v>1.35</v>
      </c>
      <c r="AH38" s="76">
        <v>1.54</v>
      </c>
      <c r="AI38" s="76">
        <v>1.43</v>
      </c>
      <c r="AJ38" s="76">
        <v>1</v>
      </c>
      <c r="AK38" s="76">
        <v>1.0900000000000001</v>
      </c>
      <c r="AL38" s="76">
        <v>1.1100000000000001</v>
      </c>
      <c r="AM38" s="76">
        <v>1.38</v>
      </c>
      <c r="AN38" s="76">
        <v>1.96</v>
      </c>
      <c r="AO38" s="76">
        <v>2.09</v>
      </c>
      <c r="AP38" s="17">
        <v>1.4</v>
      </c>
      <c r="AQ38" s="17">
        <v>1.04</v>
      </c>
      <c r="AR38" s="17">
        <v>0.87</v>
      </c>
      <c r="AS38" s="8">
        <v>1.03</v>
      </c>
      <c r="AT38" s="17">
        <v>1.06</v>
      </c>
      <c r="AU38" s="8">
        <v>1.62</v>
      </c>
      <c r="AV38" s="8">
        <v>1.84</v>
      </c>
      <c r="AW38" s="17">
        <v>2.1800000000000002</v>
      </c>
      <c r="AX38" s="8">
        <v>2.13</v>
      </c>
      <c r="AY38" s="17">
        <v>1.67</v>
      </c>
      <c r="AZ38" s="8">
        <v>1.42</v>
      </c>
      <c r="BA38" s="8">
        <v>1.46</v>
      </c>
      <c r="BB38" s="8">
        <v>1.72</v>
      </c>
      <c r="BC38" s="8">
        <v>1.62</v>
      </c>
      <c r="BD38" s="8">
        <v>1.4</v>
      </c>
      <c r="BE38" s="17"/>
    </row>
    <row r="39" spans="3:57" x14ac:dyDescent="0.2">
      <c r="C39" s="16" t="s">
        <v>84</v>
      </c>
      <c r="D39" s="6" t="s">
        <v>85</v>
      </c>
      <c r="E39" s="8">
        <v>0.24</v>
      </c>
      <c r="F39" s="17">
        <v>0.21</v>
      </c>
      <c r="G39" s="17">
        <v>0.2</v>
      </c>
      <c r="H39" s="8">
        <v>0.19</v>
      </c>
      <c r="I39" s="8">
        <v>0.23</v>
      </c>
      <c r="J39" s="8">
        <v>0.24</v>
      </c>
      <c r="K39" s="8">
        <v>0.26</v>
      </c>
      <c r="L39" s="8">
        <v>0.23</v>
      </c>
      <c r="M39" s="8">
        <v>0.33</v>
      </c>
      <c r="N39" s="8">
        <v>0.35</v>
      </c>
      <c r="O39" s="8">
        <v>0.36</v>
      </c>
      <c r="P39" s="8">
        <v>0.35</v>
      </c>
      <c r="Q39" s="76">
        <v>0.33</v>
      </c>
      <c r="R39" s="8">
        <v>0.31</v>
      </c>
      <c r="S39" s="8">
        <v>0.32</v>
      </c>
      <c r="T39" s="8">
        <v>0.31</v>
      </c>
      <c r="U39" s="8">
        <v>0.31</v>
      </c>
      <c r="V39" s="8">
        <v>0.34</v>
      </c>
      <c r="W39" s="8">
        <v>0.35</v>
      </c>
      <c r="X39" s="8">
        <v>0.34</v>
      </c>
      <c r="Y39" s="8">
        <v>0.32</v>
      </c>
      <c r="Z39" s="76">
        <v>0.28999999999999998</v>
      </c>
      <c r="AA39" s="76">
        <v>0.3</v>
      </c>
      <c r="AB39" s="76">
        <v>0.32</v>
      </c>
      <c r="AC39" s="76">
        <v>0.32</v>
      </c>
      <c r="AD39" s="76">
        <v>0.33</v>
      </c>
      <c r="AE39" s="76">
        <v>0.33</v>
      </c>
      <c r="AF39" s="76">
        <v>0.33</v>
      </c>
      <c r="AG39" s="76">
        <v>0.32</v>
      </c>
      <c r="AH39" s="76">
        <v>0.37</v>
      </c>
      <c r="AI39" s="76">
        <v>0.36</v>
      </c>
      <c r="AJ39" s="76">
        <v>0.36</v>
      </c>
      <c r="AK39" s="76">
        <v>0.36</v>
      </c>
      <c r="AL39" s="76">
        <v>0.33</v>
      </c>
      <c r="AM39" s="76">
        <v>0.33</v>
      </c>
      <c r="AN39" s="76">
        <v>0.45</v>
      </c>
      <c r="AO39" s="76">
        <v>0.21</v>
      </c>
      <c r="AP39" s="17">
        <v>0.23</v>
      </c>
      <c r="AQ39" s="17">
        <v>0.25</v>
      </c>
      <c r="AR39" s="17">
        <v>0.28999999999999998</v>
      </c>
      <c r="AS39" s="8">
        <v>0.31</v>
      </c>
      <c r="AT39" s="17">
        <v>0.3</v>
      </c>
      <c r="AU39" s="8">
        <v>0.31</v>
      </c>
      <c r="AV39" s="8">
        <v>0.25</v>
      </c>
      <c r="AW39" s="17">
        <v>0.24</v>
      </c>
      <c r="AX39" s="8">
        <v>0.25</v>
      </c>
      <c r="AY39" s="17">
        <v>0.26</v>
      </c>
      <c r="AZ39" s="8">
        <v>0.22</v>
      </c>
      <c r="BA39" s="8">
        <v>0.24</v>
      </c>
      <c r="BB39" s="8">
        <v>0.3</v>
      </c>
      <c r="BC39" s="8">
        <v>0.31</v>
      </c>
      <c r="BD39" s="8">
        <v>0.35</v>
      </c>
      <c r="BE39" s="17"/>
    </row>
    <row r="40" spans="3:57" x14ac:dyDescent="0.2">
      <c r="C40" s="16" t="s">
        <v>86</v>
      </c>
      <c r="D40" s="6" t="s">
        <v>58</v>
      </c>
      <c r="E40" s="8">
        <v>0.84</v>
      </c>
      <c r="F40" s="17">
        <v>0.85</v>
      </c>
      <c r="G40" s="17">
        <v>0.65</v>
      </c>
      <c r="H40" s="8">
        <v>0.75</v>
      </c>
      <c r="I40" s="8">
        <v>1.17</v>
      </c>
      <c r="J40" s="8">
        <v>1.31</v>
      </c>
      <c r="K40" s="8">
        <v>1.54</v>
      </c>
      <c r="L40" s="8">
        <v>1.44</v>
      </c>
      <c r="M40" s="8">
        <v>1.59</v>
      </c>
      <c r="N40" s="8">
        <v>1.49</v>
      </c>
      <c r="O40" s="8">
        <v>1.7</v>
      </c>
      <c r="P40" s="8">
        <v>1.31</v>
      </c>
      <c r="Q40" s="76">
        <v>0.88</v>
      </c>
      <c r="R40" s="8">
        <v>0.67</v>
      </c>
      <c r="S40" s="8">
        <v>0.7</v>
      </c>
      <c r="T40" s="8">
        <v>0.6</v>
      </c>
      <c r="U40" s="8">
        <v>0.57999999999999996</v>
      </c>
      <c r="V40" s="8">
        <v>0.56000000000000005</v>
      </c>
      <c r="W40" s="8">
        <v>0.45</v>
      </c>
      <c r="X40" s="76">
        <v>0.37</v>
      </c>
      <c r="Y40" s="76">
        <v>0.32</v>
      </c>
      <c r="Z40" s="76">
        <v>0.31</v>
      </c>
      <c r="AA40" s="76">
        <v>0.3</v>
      </c>
      <c r="AB40" s="76">
        <v>0.34</v>
      </c>
      <c r="AC40" s="76">
        <v>0.44</v>
      </c>
      <c r="AD40" s="76">
        <v>0.39</v>
      </c>
      <c r="AE40" s="76">
        <v>0.43</v>
      </c>
      <c r="AF40" s="76">
        <v>0.38</v>
      </c>
      <c r="AG40" s="76">
        <v>0.34</v>
      </c>
      <c r="AH40" s="76">
        <v>0.33</v>
      </c>
      <c r="AI40" s="76">
        <v>0.36</v>
      </c>
      <c r="AJ40" s="76">
        <v>0.36</v>
      </c>
      <c r="AK40" s="76">
        <v>0.37</v>
      </c>
      <c r="AL40" s="76">
        <v>0.36</v>
      </c>
      <c r="AM40" s="76">
        <v>0.36</v>
      </c>
      <c r="AN40" s="76">
        <v>0.4</v>
      </c>
      <c r="AO40" s="76">
        <v>0.41</v>
      </c>
      <c r="AP40" s="17">
        <v>0.49</v>
      </c>
      <c r="AQ40" s="17">
        <v>0.46</v>
      </c>
      <c r="AR40" s="17">
        <v>0.42</v>
      </c>
      <c r="AS40" s="76">
        <v>0.45</v>
      </c>
      <c r="AT40" s="17">
        <v>0.45</v>
      </c>
      <c r="AU40" s="76">
        <v>0.49</v>
      </c>
      <c r="AV40" s="76">
        <v>0.6</v>
      </c>
      <c r="AW40" s="17">
        <v>0.49</v>
      </c>
      <c r="AX40" s="76">
        <v>0.39</v>
      </c>
      <c r="AY40" s="17">
        <v>0.41</v>
      </c>
      <c r="AZ40" s="76">
        <v>0.5</v>
      </c>
      <c r="BA40" s="76">
        <v>0.55000000000000004</v>
      </c>
      <c r="BB40" s="76">
        <v>0.69</v>
      </c>
      <c r="BC40" s="76">
        <v>0.6</v>
      </c>
      <c r="BD40" s="76">
        <v>0.56999999999999995</v>
      </c>
      <c r="BE40" s="17"/>
    </row>
    <row r="41" spans="3:57" x14ac:dyDescent="0.2">
      <c r="C41" s="16" t="s">
        <v>104</v>
      </c>
      <c r="D41" s="6" t="s">
        <v>58</v>
      </c>
      <c r="E41" s="8">
        <v>0.41</v>
      </c>
      <c r="F41" s="17">
        <v>0.44</v>
      </c>
      <c r="G41" s="17">
        <v>0.46</v>
      </c>
      <c r="H41" s="8">
        <v>0.47</v>
      </c>
      <c r="I41" s="8">
        <v>0.47</v>
      </c>
      <c r="J41" s="8">
        <v>0.52</v>
      </c>
      <c r="K41" s="8">
        <v>0.48</v>
      </c>
      <c r="L41" s="8">
        <v>0.39</v>
      </c>
      <c r="M41" s="8">
        <v>0.34</v>
      </c>
      <c r="N41" s="8">
        <v>0.28999999999999998</v>
      </c>
      <c r="O41" s="8">
        <v>0.35</v>
      </c>
      <c r="P41" s="8">
        <v>0.36</v>
      </c>
      <c r="Q41" s="76">
        <v>0.35</v>
      </c>
      <c r="R41" s="8">
        <v>0.39</v>
      </c>
      <c r="S41" s="8">
        <v>0.37</v>
      </c>
      <c r="T41" s="8">
        <v>0.31</v>
      </c>
      <c r="U41" s="8">
        <v>0.35</v>
      </c>
      <c r="V41" s="8">
        <v>0.45</v>
      </c>
      <c r="W41" s="8">
        <v>0.3</v>
      </c>
      <c r="X41" s="76">
        <v>0.24</v>
      </c>
      <c r="Y41" s="76">
        <v>0.25</v>
      </c>
      <c r="Z41" s="76">
        <v>0.23</v>
      </c>
      <c r="AA41" s="76">
        <v>0.25</v>
      </c>
      <c r="AB41" s="76">
        <v>0.25</v>
      </c>
      <c r="AC41" s="76">
        <v>0.26</v>
      </c>
      <c r="AD41" s="76">
        <v>0.23</v>
      </c>
      <c r="AE41" s="76">
        <v>0.27</v>
      </c>
      <c r="AF41" s="76">
        <v>0.39</v>
      </c>
      <c r="AG41" s="76">
        <v>0.37</v>
      </c>
      <c r="AH41" s="76">
        <v>0.36</v>
      </c>
      <c r="AI41" s="76">
        <v>0.43</v>
      </c>
      <c r="AJ41" s="76">
        <v>0.45</v>
      </c>
      <c r="AK41" s="76">
        <v>0.4</v>
      </c>
      <c r="AL41" s="76">
        <v>0.33</v>
      </c>
      <c r="AM41" s="76">
        <v>0.33</v>
      </c>
      <c r="AN41" s="76">
        <v>0.34</v>
      </c>
      <c r="AO41" s="76">
        <v>0.38</v>
      </c>
      <c r="AP41" s="17">
        <v>0.41</v>
      </c>
      <c r="AQ41" s="17">
        <v>0.38</v>
      </c>
      <c r="AR41" s="17">
        <v>0.47</v>
      </c>
      <c r="AS41" s="76">
        <v>0.51</v>
      </c>
      <c r="AT41" s="17">
        <v>0.47</v>
      </c>
      <c r="AU41" s="76">
        <v>0.4</v>
      </c>
      <c r="AV41" s="76">
        <v>0.45</v>
      </c>
      <c r="AW41" s="17">
        <v>0.45</v>
      </c>
      <c r="AX41" s="76">
        <v>0.41</v>
      </c>
      <c r="AY41" s="17">
        <v>0.43</v>
      </c>
      <c r="AZ41" s="76">
        <v>0.42</v>
      </c>
      <c r="BA41" s="76">
        <v>0.47</v>
      </c>
      <c r="BB41" s="76">
        <v>0.56000000000000005</v>
      </c>
      <c r="BC41" s="76">
        <v>0.56000000000000005</v>
      </c>
      <c r="BD41" s="76">
        <v>0.51</v>
      </c>
      <c r="BE41" s="17"/>
    </row>
    <row r="42" spans="3:57" x14ac:dyDescent="0.2">
      <c r="C42" s="16" t="s">
        <v>87</v>
      </c>
      <c r="D42" s="6" t="s">
        <v>58</v>
      </c>
      <c r="E42" s="8">
        <v>0.14000000000000001</v>
      </c>
      <c r="F42" s="17">
        <v>0.17</v>
      </c>
      <c r="G42" s="17">
        <v>0.17</v>
      </c>
      <c r="H42" s="8">
        <v>0.17</v>
      </c>
      <c r="I42" s="8">
        <v>0.17</v>
      </c>
      <c r="J42" s="8">
        <v>0.17</v>
      </c>
      <c r="K42" s="8">
        <v>0.17</v>
      </c>
      <c r="L42" s="8">
        <v>0.13</v>
      </c>
      <c r="M42" s="8">
        <v>0.35</v>
      </c>
      <c r="N42" s="8">
        <v>0.42</v>
      </c>
      <c r="O42" s="8">
        <v>0.36</v>
      </c>
      <c r="P42" s="8">
        <v>0.33</v>
      </c>
      <c r="Q42" s="76">
        <v>0.33</v>
      </c>
      <c r="R42" s="8">
        <v>0.43</v>
      </c>
      <c r="S42" s="8">
        <v>0.34</v>
      </c>
      <c r="T42" s="8">
        <v>0.42</v>
      </c>
      <c r="U42" s="8">
        <v>0.35</v>
      </c>
      <c r="V42" s="8">
        <v>0.33</v>
      </c>
      <c r="W42" s="8">
        <v>0.36</v>
      </c>
      <c r="X42" s="76">
        <v>0.37</v>
      </c>
      <c r="Y42" s="76">
        <v>0.35</v>
      </c>
      <c r="Z42" s="76">
        <v>0.33</v>
      </c>
      <c r="AA42" s="76">
        <v>0.36</v>
      </c>
      <c r="AB42" s="76">
        <v>0.37</v>
      </c>
      <c r="AC42" s="76">
        <v>0.39</v>
      </c>
      <c r="AD42" s="76">
        <v>0.25</v>
      </c>
      <c r="AE42" s="76">
        <v>0.23</v>
      </c>
      <c r="AF42" s="76">
        <v>0.12</v>
      </c>
      <c r="AG42" s="76">
        <v>0.11</v>
      </c>
      <c r="AH42" s="76">
        <v>0.14000000000000001</v>
      </c>
      <c r="AI42" s="76">
        <v>0.11</v>
      </c>
      <c r="AJ42" s="76">
        <v>0.11</v>
      </c>
      <c r="AK42" s="76">
        <v>0.11</v>
      </c>
      <c r="AL42" s="76">
        <v>0.11</v>
      </c>
      <c r="AM42" s="76">
        <v>0.12</v>
      </c>
      <c r="AN42" s="76">
        <v>0.13</v>
      </c>
      <c r="AO42" s="76">
        <v>0.11</v>
      </c>
      <c r="AP42" s="17">
        <v>0.11</v>
      </c>
      <c r="AQ42" s="17">
        <v>0.11</v>
      </c>
      <c r="AR42" s="17">
        <v>0.11</v>
      </c>
      <c r="AS42" s="76">
        <v>0.11</v>
      </c>
      <c r="AT42" s="17">
        <v>0.1</v>
      </c>
      <c r="AU42" s="76">
        <v>0.1</v>
      </c>
      <c r="AV42" s="76">
        <v>0.11</v>
      </c>
      <c r="AW42" s="17">
        <v>0.12</v>
      </c>
      <c r="AX42" s="76">
        <v>0.12</v>
      </c>
      <c r="AY42" s="17">
        <v>0.12</v>
      </c>
      <c r="AZ42" s="76">
        <v>0.11</v>
      </c>
      <c r="BA42" s="76">
        <v>0.11</v>
      </c>
      <c r="BB42" s="76">
        <v>0.11</v>
      </c>
      <c r="BC42" s="76">
        <v>0.12</v>
      </c>
      <c r="BD42" s="76">
        <v>0.12</v>
      </c>
      <c r="BE42" s="17"/>
    </row>
    <row r="43" spans="3:57" x14ac:dyDescent="0.2">
      <c r="C43" s="16" t="s">
        <v>88</v>
      </c>
      <c r="D43" s="6" t="s">
        <v>58</v>
      </c>
      <c r="E43" s="8">
        <v>0.12</v>
      </c>
      <c r="F43" s="17">
        <v>0.11</v>
      </c>
      <c r="G43" s="17">
        <v>0.1</v>
      </c>
      <c r="H43" s="8">
        <v>0.11</v>
      </c>
      <c r="I43" s="8">
        <v>0.1</v>
      </c>
      <c r="J43" s="8">
        <v>0.1</v>
      </c>
      <c r="K43" s="8">
        <v>0.1</v>
      </c>
      <c r="L43" s="8">
        <v>0.1</v>
      </c>
      <c r="M43" s="8">
        <v>0.1</v>
      </c>
      <c r="N43" s="8">
        <v>0.1</v>
      </c>
      <c r="O43" s="8">
        <v>0.11</v>
      </c>
      <c r="P43" s="8">
        <v>0.12</v>
      </c>
      <c r="Q43" s="76">
        <v>0.12</v>
      </c>
      <c r="R43" s="8">
        <v>0.13</v>
      </c>
      <c r="S43" s="8">
        <v>0.11</v>
      </c>
      <c r="T43" s="8">
        <v>0.19</v>
      </c>
      <c r="U43" s="8">
        <v>0.17</v>
      </c>
      <c r="V43" s="8">
        <v>0.19</v>
      </c>
      <c r="W43" s="8">
        <v>0.2</v>
      </c>
      <c r="X43" s="76">
        <v>0.2</v>
      </c>
      <c r="Y43" s="76">
        <v>0.2</v>
      </c>
      <c r="Z43" s="76">
        <v>0.2</v>
      </c>
      <c r="AA43" s="76">
        <v>0.22</v>
      </c>
      <c r="AB43" s="76">
        <v>0.22</v>
      </c>
      <c r="AC43" s="76">
        <v>0.22</v>
      </c>
      <c r="AD43" s="76">
        <v>0.22</v>
      </c>
      <c r="AE43" s="76">
        <v>0.22</v>
      </c>
      <c r="AF43" s="76">
        <v>0.21</v>
      </c>
      <c r="AG43" s="76">
        <v>0.21</v>
      </c>
      <c r="AH43" s="76">
        <v>0.21</v>
      </c>
      <c r="AI43" s="76">
        <v>0.22</v>
      </c>
      <c r="AJ43" s="76">
        <v>0.23</v>
      </c>
      <c r="AK43" s="76">
        <v>0.24</v>
      </c>
      <c r="AL43" s="76">
        <v>0.23</v>
      </c>
      <c r="AM43" s="76">
        <v>0.23</v>
      </c>
      <c r="AN43" s="76">
        <v>0.18</v>
      </c>
      <c r="AO43" s="76">
        <v>0.18</v>
      </c>
      <c r="AP43" s="17">
        <v>0.33</v>
      </c>
      <c r="AQ43" s="17">
        <v>0.33</v>
      </c>
      <c r="AR43" s="17">
        <v>0.28999999999999998</v>
      </c>
      <c r="AS43" s="76">
        <v>0.26</v>
      </c>
      <c r="AT43" s="17">
        <v>0.23</v>
      </c>
      <c r="AU43" s="76">
        <v>0.2</v>
      </c>
      <c r="AV43" s="76">
        <v>0.19</v>
      </c>
      <c r="AW43" s="17">
        <v>0.17</v>
      </c>
      <c r="AX43" s="76">
        <v>0.15</v>
      </c>
      <c r="AY43" s="17">
        <v>0.13</v>
      </c>
      <c r="AZ43" s="76">
        <v>0.11</v>
      </c>
      <c r="BA43" s="76">
        <v>0.1</v>
      </c>
      <c r="BB43" s="76">
        <v>0.1</v>
      </c>
      <c r="BC43" s="76">
        <v>0.09</v>
      </c>
      <c r="BD43" s="76">
        <v>0.08</v>
      </c>
      <c r="BE43" s="17"/>
    </row>
    <row r="44" spans="3:57" x14ac:dyDescent="0.2">
      <c r="C44" s="18" t="s">
        <v>91</v>
      </c>
      <c r="D44" s="6" t="s">
        <v>58</v>
      </c>
      <c r="E44" s="8">
        <v>0.26</v>
      </c>
      <c r="F44" s="17">
        <v>0.26</v>
      </c>
      <c r="G44" s="17">
        <v>0.26</v>
      </c>
      <c r="H44" s="8">
        <v>0.24</v>
      </c>
      <c r="I44" s="8">
        <v>0.28000000000000003</v>
      </c>
      <c r="J44" s="8">
        <v>0.32</v>
      </c>
      <c r="K44" s="8">
        <v>0.32</v>
      </c>
      <c r="L44" s="8">
        <v>0.27</v>
      </c>
      <c r="M44" s="8">
        <v>0.52</v>
      </c>
      <c r="N44" s="8">
        <v>0.52</v>
      </c>
      <c r="O44" s="8">
        <v>0.52</v>
      </c>
      <c r="P44" s="8">
        <v>0.52</v>
      </c>
      <c r="Q44" s="76">
        <v>0.52</v>
      </c>
      <c r="R44" s="8" t="s">
        <v>90</v>
      </c>
      <c r="S44" s="8" t="s">
        <v>90</v>
      </c>
      <c r="T44" s="8" t="s">
        <v>90</v>
      </c>
      <c r="U44" s="8" t="s">
        <v>90</v>
      </c>
      <c r="V44" s="8" t="s">
        <v>90</v>
      </c>
      <c r="W44" s="8" t="s">
        <v>90</v>
      </c>
      <c r="X44" s="76" t="s">
        <v>90</v>
      </c>
      <c r="Y44" s="76" t="s">
        <v>90</v>
      </c>
      <c r="Z44" s="76" t="s">
        <v>90</v>
      </c>
      <c r="AA44" s="76" t="s">
        <v>90</v>
      </c>
      <c r="AB44" s="76" t="s">
        <v>90</v>
      </c>
      <c r="AC44" s="76" t="s">
        <v>90</v>
      </c>
      <c r="AD44" s="76" t="s">
        <v>90</v>
      </c>
      <c r="AE44" s="76" t="s">
        <v>90</v>
      </c>
      <c r="AF44" s="76" t="s">
        <v>90</v>
      </c>
      <c r="AG44" s="76" t="s">
        <v>90</v>
      </c>
      <c r="AH44" s="76" t="s">
        <v>90</v>
      </c>
      <c r="AI44" s="76">
        <v>0.3</v>
      </c>
      <c r="AJ44" s="76">
        <v>0.3</v>
      </c>
      <c r="AK44" s="76">
        <v>0.3</v>
      </c>
      <c r="AL44" s="76">
        <v>0.33</v>
      </c>
      <c r="AM44" s="76">
        <v>0.33</v>
      </c>
      <c r="AN44" s="76">
        <v>0.28000000000000003</v>
      </c>
      <c r="AO44" s="76">
        <v>0.26</v>
      </c>
      <c r="AP44" s="17">
        <v>0.25</v>
      </c>
      <c r="AQ44" s="17">
        <v>0.25</v>
      </c>
      <c r="AR44" s="17">
        <v>0.23</v>
      </c>
      <c r="AS44" s="76">
        <v>0.23</v>
      </c>
      <c r="AT44" s="17">
        <v>0.24</v>
      </c>
      <c r="AU44" s="76">
        <v>0.26</v>
      </c>
      <c r="AV44" s="76">
        <v>0.22</v>
      </c>
      <c r="AW44" s="17">
        <v>0.23</v>
      </c>
      <c r="AX44" s="76">
        <v>0.2</v>
      </c>
      <c r="AY44" s="17">
        <v>0.2</v>
      </c>
      <c r="AZ44" s="76">
        <v>0.16</v>
      </c>
      <c r="BA44" s="76">
        <v>0.15</v>
      </c>
      <c r="BB44" s="76">
        <v>0.12</v>
      </c>
      <c r="BC44" s="76">
        <v>0.12</v>
      </c>
      <c r="BD44" s="76">
        <v>0.12</v>
      </c>
      <c r="BE44" s="17"/>
    </row>
    <row r="45" spans="3:57" x14ac:dyDescent="0.2">
      <c r="C45" s="18" t="s">
        <v>100</v>
      </c>
      <c r="D45" s="6" t="s">
        <v>58</v>
      </c>
      <c r="E45" s="8">
        <v>0.13</v>
      </c>
      <c r="F45" s="17">
        <v>0.16</v>
      </c>
      <c r="G45" s="17">
        <v>0.16</v>
      </c>
      <c r="H45" s="8">
        <v>0.17</v>
      </c>
      <c r="I45" s="8">
        <v>0.2</v>
      </c>
      <c r="J45" s="8">
        <v>0.19</v>
      </c>
      <c r="K45" s="8">
        <v>0.2</v>
      </c>
      <c r="L45" s="8">
        <v>0.19</v>
      </c>
      <c r="M45" s="8">
        <v>0.23</v>
      </c>
      <c r="N45" s="8">
        <v>0.24</v>
      </c>
      <c r="O45" s="8">
        <v>0.26</v>
      </c>
      <c r="P45" s="8">
        <v>0.24</v>
      </c>
      <c r="Q45" s="76">
        <v>0.23</v>
      </c>
      <c r="R45" s="8">
        <v>0.22</v>
      </c>
      <c r="S45" s="8">
        <v>0.22</v>
      </c>
      <c r="T45" s="8">
        <v>0.21</v>
      </c>
      <c r="U45" s="8">
        <v>0.2</v>
      </c>
      <c r="V45" s="8">
        <v>0.21</v>
      </c>
      <c r="W45" s="8">
        <v>0.2</v>
      </c>
      <c r="X45" s="76">
        <v>0.2</v>
      </c>
      <c r="Y45" s="76">
        <v>0.2</v>
      </c>
      <c r="Z45" s="76">
        <v>0.18</v>
      </c>
      <c r="AA45" s="76">
        <v>0.18</v>
      </c>
      <c r="AB45" s="76">
        <v>0.18</v>
      </c>
      <c r="AC45" s="76">
        <v>0.18</v>
      </c>
      <c r="AD45" s="76">
        <v>0.18</v>
      </c>
      <c r="AE45" s="76">
        <v>0.2</v>
      </c>
      <c r="AF45" s="76">
        <v>0.19</v>
      </c>
      <c r="AG45" s="76">
        <v>0.18</v>
      </c>
      <c r="AH45" s="76">
        <v>0.18</v>
      </c>
      <c r="AI45" s="76">
        <v>0.2</v>
      </c>
      <c r="AJ45" s="76">
        <v>0.23</v>
      </c>
      <c r="AK45" s="76">
        <v>0.23</v>
      </c>
      <c r="AL45" s="76">
        <v>0.19</v>
      </c>
      <c r="AM45" s="76">
        <v>0.19</v>
      </c>
      <c r="AN45" s="76">
        <v>0.23</v>
      </c>
      <c r="AO45" s="76">
        <v>0.21</v>
      </c>
      <c r="AP45" s="17">
        <v>0.2</v>
      </c>
      <c r="AQ45" s="17">
        <v>0.21</v>
      </c>
      <c r="AR45" s="17">
        <v>0.21</v>
      </c>
      <c r="AS45" s="76">
        <v>0.2</v>
      </c>
      <c r="AT45" s="17">
        <v>0.2</v>
      </c>
      <c r="AU45" s="76">
        <v>0.19</v>
      </c>
      <c r="AV45" s="76">
        <v>0.18</v>
      </c>
      <c r="AW45" s="17">
        <v>0.18</v>
      </c>
      <c r="AX45" s="76">
        <v>0.16</v>
      </c>
      <c r="AY45" s="17">
        <v>0.15</v>
      </c>
      <c r="AZ45" s="76">
        <v>0.15</v>
      </c>
      <c r="BA45" s="76">
        <v>0.15</v>
      </c>
      <c r="BB45" s="76">
        <v>0.13</v>
      </c>
      <c r="BC45" s="76">
        <v>0.14000000000000001</v>
      </c>
      <c r="BD45" s="76">
        <v>0.12</v>
      </c>
      <c r="BE45" s="17"/>
    </row>
    <row r="46" spans="3:57" x14ac:dyDescent="0.2">
      <c r="C46" s="16" t="s">
        <v>89</v>
      </c>
      <c r="D46" s="6" t="s">
        <v>58</v>
      </c>
      <c r="E46" s="8">
        <v>0.26</v>
      </c>
      <c r="F46" s="17">
        <v>0.32</v>
      </c>
      <c r="G46" s="17">
        <v>0.32</v>
      </c>
      <c r="H46" s="8">
        <v>0.32</v>
      </c>
      <c r="I46" s="8">
        <v>0.32</v>
      </c>
      <c r="J46" s="8">
        <v>0.32</v>
      </c>
      <c r="K46" s="8">
        <v>0.32</v>
      </c>
      <c r="L46" s="8">
        <v>0.32</v>
      </c>
      <c r="M46" s="8">
        <v>0.32</v>
      </c>
      <c r="N46" s="8">
        <v>0.32</v>
      </c>
      <c r="O46" s="8">
        <v>0.32</v>
      </c>
      <c r="P46" s="8">
        <v>0.32</v>
      </c>
      <c r="Q46" s="76">
        <v>0.32</v>
      </c>
      <c r="R46" s="8">
        <v>0.32</v>
      </c>
      <c r="S46" s="8">
        <v>0.32</v>
      </c>
      <c r="T46" s="8">
        <v>0.35</v>
      </c>
      <c r="U46" s="8">
        <v>0.35</v>
      </c>
      <c r="V46" s="8">
        <v>0.35</v>
      </c>
      <c r="W46" s="8">
        <v>0.37</v>
      </c>
      <c r="X46" s="76">
        <v>0.37</v>
      </c>
      <c r="Y46" s="76">
        <v>0.39</v>
      </c>
      <c r="Z46" s="76">
        <v>0.41</v>
      </c>
      <c r="AA46" s="76">
        <v>0.41</v>
      </c>
      <c r="AB46" s="76">
        <v>0.41</v>
      </c>
      <c r="AC46" s="76">
        <v>0.41</v>
      </c>
      <c r="AD46" s="76">
        <v>0.43</v>
      </c>
      <c r="AE46" s="76">
        <v>0.43</v>
      </c>
      <c r="AF46" s="76">
        <v>0.46</v>
      </c>
      <c r="AG46" s="76">
        <v>0.46</v>
      </c>
      <c r="AH46" s="76">
        <v>0.46</v>
      </c>
      <c r="AI46" s="76">
        <v>0.39</v>
      </c>
      <c r="AJ46" s="76">
        <v>0.39</v>
      </c>
      <c r="AK46" s="76">
        <v>0.36</v>
      </c>
      <c r="AL46" s="76">
        <v>0.33</v>
      </c>
      <c r="AM46" s="76">
        <v>0.38</v>
      </c>
      <c r="AN46" s="76">
        <v>0.34</v>
      </c>
      <c r="AO46" s="76">
        <v>0.32</v>
      </c>
      <c r="AP46" s="17">
        <v>0.32</v>
      </c>
      <c r="AQ46" s="17">
        <v>0.31</v>
      </c>
      <c r="AR46" s="17">
        <v>0.28999999999999998</v>
      </c>
      <c r="AS46" s="76">
        <v>0.3</v>
      </c>
      <c r="AT46" s="17">
        <v>0.3</v>
      </c>
      <c r="AU46" s="76">
        <v>0.31</v>
      </c>
      <c r="AV46" s="76">
        <v>0.31</v>
      </c>
      <c r="AW46" s="17">
        <v>0.33</v>
      </c>
      <c r="AX46" s="76">
        <v>0.33</v>
      </c>
      <c r="AY46" s="17">
        <v>0.33</v>
      </c>
      <c r="AZ46" s="76">
        <v>0.33</v>
      </c>
      <c r="BA46" s="76">
        <v>0.33</v>
      </c>
      <c r="BB46" s="76">
        <v>0.33</v>
      </c>
      <c r="BC46" s="76">
        <v>0.33</v>
      </c>
      <c r="BD46" s="76">
        <v>0.33</v>
      </c>
      <c r="BE46" s="17"/>
    </row>
    <row r="47" spans="3:57" x14ac:dyDescent="0.2">
      <c r="C47" s="16" t="s">
        <v>95</v>
      </c>
      <c r="D47" s="6" t="s">
        <v>58</v>
      </c>
      <c r="E47" s="8">
        <v>0.47</v>
      </c>
      <c r="F47" s="17">
        <v>0.47</v>
      </c>
      <c r="G47" s="17">
        <v>0.47</v>
      </c>
      <c r="H47" s="8">
        <v>0.46</v>
      </c>
      <c r="I47" s="8">
        <v>0.42</v>
      </c>
      <c r="J47" s="8">
        <v>0.42</v>
      </c>
      <c r="K47" s="8">
        <v>0.42</v>
      </c>
      <c r="L47" s="8">
        <v>0.42</v>
      </c>
      <c r="M47" s="8">
        <v>0.42</v>
      </c>
      <c r="N47" s="8">
        <v>0.42</v>
      </c>
      <c r="O47" s="8">
        <v>0.42</v>
      </c>
      <c r="P47" s="8">
        <v>0.42</v>
      </c>
      <c r="Q47" s="76">
        <v>0.4</v>
      </c>
      <c r="R47" s="8">
        <v>0.38</v>
      </c>
      <c r="S47" s="8">
        <v>0.38</v>
      </c>
      <c r="T47" s="8">
        <v>0.38</v>
      </c>
      <c r="U47" s="8">
        <v>0.38</v>
      </c>
      <c r="V47" s="8" t="s">
        <v>90</v>
      </c>
      <c r="W47" s="8" t="s">
        <v>90</v>
      </c>
      <c r="X47" s="76" t="s">
        <v>90</v>
      </c>
      <c r="Y47" s="76" t="s">
        <v>90</v>
      </c>
      <c r="Z47" s="76" t="s">
        <v>90</v>
      </c>
      <c r="AA47" s="76" t="s">
        <v>90</v>
      </c>
      <c r="AB47" s="76" t="s">
        <v>90</v>
      </c>
      <c r="AC47" s="76" t="s">
        <v>90</v>
      </c>
      <c r="AD47" s="76" t="s">
        <v>90</v>
      </c>
      <c r="AE47" s="76" t="s">
        <v>90</v>
      </c>
      <c r="AF47" s="76" t="s">
        <v>90</v>
      </c>
      <c r="AG47" s="76" t="s">
        <v>90</v>
      </c>
      <c r="AH47" s="76">
        <v>0.45</v>
      </c>
      <c r="AI47" s="76" t="s">
        <v>90</v>
      </c>
      <c r="AJ47" s="76" t="s">
        <v>90</v>
      </c>
      <c r="AK47" s="76">
        <v>0.34</v>
      </c>
      <c r="AL47" s="76">
        <v>0.37</v>
      </c>
      <c r="AM47" s="76">
        <v>0.39</v>
      </c>
      <c r="AN47" s="76">
        <v>0.41</v>
      </c>
      <c r="AO47" s="76">
        <v>0.41</v>
      </c>
      <c r="AP47" s="17">
        <v>0.36</v>
      </c>
      <c r="AQ47" s="17">
        <v>0.4</v>
      </c>
      <c r="AR47" s="17">
        <v>0.42</v>
      </c>
      <c r="AS47" s="76">
        <v>0.41</v>
      </c>
      <c r="AT47" s="17">
        <v>0.42</v>
      </c>
      <c r="AU47" s="76">
        <v>0.42</v>
      </c>
      <c r="AV47" s="76">
        <v>0.42</v>
      </c>
      <c r="AW47" s="17">
        <v>0.42</v>
      </c>
      <c r="AX47" s="76">
        <v>0.42</v>
      </c>
      <c r="AY47" s="17">
        <v>0.42</v>
      </c>
      <c r="AZ47" s="76">
        <v>0.42</v>
      </c>
      <c r="BA47" s="76">
        <v>0.42</v>
      </c>
      <c r="BB47" s="76">
        <v>0.42</v>
      </c>
      <c r="BC47" s="76">
        <v>0.42</v>
      </c>
      <c r="BD47" s="76">
        <v>0.42</v>
      </c>
      <c r="BE47" s="17"/>
    </row>
    <row r="48" spans="3:57" x14ac:dyDescent="0.2">
      <c r="C48" s="23" t="s">
        <v>96</v>
      </c>
      <c r="D48" s="6" t="s">
        <v>58</v>
      </c>
      <c r="E48" s="8">
        <v>0.39</v>
      </c>
      <c r="F48" s="17">
        <v>0.42</v>
      </c>
      <c r="G48" s="17">
        <v>0.49</v>
      </c>
      <c r="H48" s="8">
        <v>0.53</v>
      </c>
      <c r="I48" s="8">
        <v>0.57999999999999996</v>
      </c>
      <c r="J48" s="8">
        <v>0.63</v>
      </c>
      <c r="K48" s="8">
        <v>0.73</v>
      </c>
      <c r="L48" s="8">
        <v>0.83</v>
      </c>
      <c r="M48" s="8">
        <v>0.85</v>
      </c>
      <c r="N48" s="8">
        <v>0.83</v>
      </c>
      <c r="O48" s="8">
        <v>0.81</v>
      </c>
      <c r="P48" s="8">
        <v>0.81</v>
      </c>
      <c r="Q48" s="76">
        <v>0.81</v>
      </c>
      <c r="R48" s="8">
        <v>0.81</v>
      </c>
      <c r="S48" s="8">
        <v>0.85</v>
      </c>
      <c r="T48" s="8">
        <v>0.85</v>
      </c>
      <c r="U48" s="8">
        <v>0.97</v>
      </c>
      <c r="V48" s="8">
        <v>0.95</v>
      </c>
      <c r="W48" s="8">
        <v>1</v>
      </c>
      <c r="X48" s="76">
        <v>1</v>
      </c>
      <c r="Y48" s="76">
        <v>1</v>
      </c>
      <c r="Z48" s="76">
        <v>1</v>
      </c>
      <c r="AA48" s="76">
        <v>0.9</v>
      </c>
      <c r="AB48" s="76">
        <v>0.77</v>
      </c>
      <c r="AC48" s="76">
        <v>0.8</v>
      </c>
      <c r="AD48" s="76">
        <v>0.7</v>
      </c>
      <c r="AE48" s="76">
        <v>0.41</v>
      </c>
      <c r="AF48" s="76">
        <v>0.19</v>
      </c>
      <c r="AG48" s="76">
        <v>0.28999999999999998</v>
      </c>
      <c r="AH48" s="76">
        <v>0.21</v>
      </c>
      <c r="AI48" s="76">
        <v>0.21</v>
      </c>
      <c r="AJ48" s="76">
        <v>0.21</v>
      </c>
      <c r="AK48" s="76">
        <v>0.21</v>
      </c>
      <c r="AL48" s="76">
        <v>0.22</v>
      </c>
      <c r="AM48" s="76">
        <v>0.22</v>
      </c>
      <c r="AN48" s="76">
        <v>0.22</v>
      </c>
      <c r="AO48" s="76">
        <v>0.27</v>
      </c>
      <c r="AP48" s="17">
        <v>0.32</v>
      </c>
      <c r="AQ48" s="17">
        <v>0.41</v>
      </c>
      <c r="AR48" s="17">
        <v>0.51</v>
      </c>
      <c r="AS48" s="76">
        <v>0.51</v>
      </c>
      <c r="AT48" s="17">
        <v>0.51</v>
      </c>
      <c r="AU48" s="76">
        <v>0.56000000000000005</v>
      </c>
      <c r="AV48" s="76">
        <v>0.56999999999999995</v>
      </c>
      <c r="AW48" s="17">
        <v>0.47</v>
      </c>
      <c r="AX48" s="76">
        <v>0.32</v>
      </c>
      <c r="AY48" s="17">
        <v>0.23</v>
      </c>
      <c r="AZ48" s="76">
        <v>0.12</v>
      </c>
      <c r="BA48" s="76">
        <v>0.18</v>
      </c>
      <c r="BB48" s="76">
        <v>0.28000000000000003</v>
      </c>
      <c r="BC48" s="76">
        <v>0.32</v>
      </c>
      <c r="BD48" s="76">
        <v>0.33</v>
      </c>
      <c r="BE48" s="23"/>
    </row>
    <row r="49" spans="3:57" x14ac:dyDescent="0.2">
      <c r="C49" s="78"/>
      <c r="D49" s="64"/>
      <c r="E49" s="65"/>
      <c r="F49" s="65"/>
      <c r="G49" s="65"/>
      <c r="H49" s="65"/>
      <c r="I49" s="65"/>
      <c r="J49" s="65"/>
      <c r="K49" s="65"/>
      <c r="L49" s="65"/>
      <c r="M49" s="65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I49" s="65"/>
      <c r="AJ49" s="65"/>
      <c r="AK49" s="65"/>
      <c r="AL49" s="65"/>
      <c r="AM49" s="65"/>
      <c r="AN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1" spans="3:57" x14ac:dyDescent="0.2">
      <c r="C51" s="23" t="s">
        <v>105</v>
      </c>
      <c r="D51" s="6" t="s">
        <v>58</v>
      </c>
      <c r="E51" s="17" t="s">
        <v>107</v>
      </c>
      <c r="F51" s="17">
        <v>5.93</v>
      </c>
      <c r="G51" s="17">
        <v>5.9</v>
      </c>
      <c r="H51" s="17">
        <v>5.75</v>
      </c>
      <c r="I51" s="17">
        <v>5.64</v>
      </c>
      <c r="J51" s="17">
        <v>5.24</v>
      </c>
      <c r="K51" s="17">
        <v>5.82</v>
      </c>
      <c r="L51" s="17">
        <v>5.15</v>
      </c>
      <c r="M51" s="17">
        <v>5.59</v>
      </c>
      <c r="N51" s="20">
        <v>5.78</v>
      </c>
      <c r="O51" s="20">
        <v>5.72</v>
      </c>
      <c r="P51" s="20">
        <v>5.16</v>
      </c>
      <c r="Q51" s="20">
        <v>5.46</v>
      </c>
      <c r="R51" s="20">
        <v>5.46</v>
      </c>
      <c r="S51" s="20">
        <v>5.61</v>
      </c>
      <c r="T51" s="20">
        <v>5.76</v>
      </c>
      <c r="U51" s="20">
        <v>5.45</v>
      </c>
      <c r="V51" s="20">
        <v>5.76</v>
      </c>
      <c r="W51" s="17">
        <v>5</v>
      </c>
      <c r="X51" s="20">
        <v>5.73</v>
      </c>
      <c r="Y51" s="20">
        <v>5.74</v>
      </c>
      <c r="Z51" s="17">
        <v>5.86</v>
      </c>
      <c r="AA51" s="17">
        <v>5.99</v>
      </c>
      <c r="AB51" s="17">
        <v>5.9</v>
      </c>
      <c r="AC51" s="62">
        <v>5.83</v>
      </c>
      <c r="AD51" s="62">
        <v>6.04</v>
      </c>
      <c r="AE51" s="62">
        <v>5.89</v>
      </c>
      <c r="AF51" s="81">
        <v>6.13</v>
      </c>
      <c r="AG51" s="62">
        <v>6.14</v>
      </c>
      <c r="AH51" s="62">
        <v>6.27</v>
      </c>
      <c r="AI51" s="17">
        <v>6.16</v>
      </c>
      <c r="AJ51" s="17">
        <v>6.14</v>
      </c>
      <c r="AK51" s="17">
        <v>6.57</v>
      </c>
      <c r="AL51" s="17">
        <v>6.38</v>
      </c>
      <c r="AM51" s="17">
        <v>6.43</v>
      </c>
      <c r="AN51" s="17">
        <v>6.24</v>
      </c>
      <c r="AO51" s="17">
        <v>6.5</v>
      </c>
      <c r="AP51" s="17">
        <v>6.42</v>
      </c>
      <c r="AQ51" s="17">
        <v>6.49</v>
      </c>
      <c r="AR51" s="17">
        <v>6.82</v>
      </c>
      <c r="AS51" s="17">
        <v>6.86</v>
      </c>
      <c r="AT51" s="17">
        <v>6.74</v>
      </c>
      <c r="AU51" s="17">
        <v>6.69</v>
      </c>
      <c r="AV51" s="17">
        <v>6.75</v>
      </c>
      <c r="AW51" s="17">
        <v>6.71</v>
      </c>
      <c r="AX51" s="17">
        <v>6.61</v>
      </c>
      <c r="AY51" s="17">
        <v>6.65</v>
      </c>
      <c r="AZ51" s="17">
        <v>6.27</v>
      </c>
      <c r="BA51" s="17">
        <v>6.43</v>
      </c>
      <c r="BB51" s="17">
        <v>5.7</v>
      </c>
      <c r="BC51" s="17">
        <v>5.68</v>
      </c>
      <c r="BD51" s="17">
        <v>5.85</v>
      </c>
      <c r="BE51" s="17"/>
    </row>
    <row r="53" spans="3:57" x14ac:dyDescent="0.2">
      <c r="C53" s="218" t="s">
        <v>109</v>
      </c>
      <c r="D53" s="216"/>
    </row>
    <row r="54" spans="3:57" x14ac:dyDescent="0.2">
      <c r="C54" s="216"/>
      <c r="D54" s="216"/>
    </row>
    <row r="55" spans="3:57" x14ac:dyDescent="0.2">
      <c r="C55" s="217"/>
      <c r="D55" s="217"/>
    </row>
    <row r="56" spans="3:57" x14ac:dyDescent="0.2">
      <c r="C56" s="1" t="s">
        <v>1</v>
      </c>
      <c r="E56" s="2">
        <v>2011</v>
      </c>
      <c r="F56" s="2"/>
      <c r="G56" s="2"/>
      <c r="H56" s="2"/>
      <c r="I56" s="2"/>
      <c r="J56" s="2"/>
      <c r="K56" s="2"/>
      <c r="L56" s="2"/>
      <c r="M56" s="2"/>
    </row>
    <row r="57" spans="3:57" x14ac:dyDescent="0.2">
      <c r="C57" s="3" t="s">
        <v>2</v>
      </c>
      <c r="D57" s="3" t="s">
        <v>3</v>
      </c>
      <c r="E57" s="4" t="s">
        <v>15</v>
      </c>
      <c r="F57" s="4" t="s">
        <v>16</v>
      </c>
      <c r="G57" s="4" t="s">
        <v>17</v>
      </c>
      <c r="H57" s="4" t="s">
        <v>18</v>
      </c>
      <c r="I57" s="4" t="s">
        <v>19</v>
      </c>
      <c r="J57" s="4" t="s">
        <v>20</v>
      </c>
      <c r="K57" s="4" t="s">
        <v>21</v>
      </c>
      <c r="L57" s="4" t="s">
        <v>22</v>
      </c>
      <c r="M57" s="4" t="s">
        <v>23</v>
      </c>
      <c r="N57" s="4" t="s">
        <v>24</v>
      </c>
      <c r="O57" s="4" t="s">
        <v>25</v>
      </c>
      <c r="P57" s="4" t="s">
        <v>26</v>
      </c>
      <c r="Q57" s="4" t="s">
        <v>27</v>
      </c>
      <c r="R57" s="4" t="s">
        <v>28</v>
      </c>
      <c r="S57" s="4" t="s">
        <v>29</v>
      </c>
      <c r="T57" s="4" t="s">
        <v>30</v>
      </c>
      <c r="U57" s="4" t="s">
        <v>31</v>
      </c>
      <c r="V57" s="4" t="s">
        <v>32</v>
      </c>
      <c r="W57" s="4" t="s">
        <v>33</v>
      </c>
      <c r="X57" s="4" t="s">
        <v>34</v>
      </c>
      <c r="Y57" s="4" t="s">
        <v>35</v>
      </c>
      <c r="Z57" s="4" t="s">
        <v>36</v>
      </c>
      <c r="AA57" s="4" t="s">
        <v>37</v>
      </c>
      <c r="AB57" s="4" t="s">
        <v>38</v>
      </c>
      <c r="AC57" s="4" t="s">
        <v>39</v>
      </c>
      <c r="AD57" s="4" t="s">
        <v>40</v>
      </c>
      <c r="AE57" s="4" t="s">
        <v>41</v>
      </c>
      <c r="AF57" s="4" t="s">
        <v>42</v>
      </c>
      <c r="AG57" s="4" t="s">
        <v>43</v>
      </c>
      <c r="AH57" s="4" t="s">
        <v>44</v>
      </c>
      <c r="AI57" s="4" t="s">
        <v>45</v>
      </c>
      <c r="AJ57" s="4" t="s">
        <v>46</v>
      </c>
      <c r="AK57" s="4" t="s">
        <v>47</v>
      </c>
      <c r="AL57" s="4" t="s">
        <v>48</v>
      </c>
      <c r="AM57" s="4" t="s">
        <v>49</v>
      </c>
      <c r="AN57" s="4" t="s">
        <v>50</v>
      </c>
      <c r="AO57" s="4" t="s">
        <v>51</v>
      </c>
      <c r="AP57" s="4" t="s">
        <v>52</v>
      </c>
      <c r="AQ57" s="4" t="s">
        <v>53</v>
      </c>
      <c r="AR57" s="4" t="s">
        <v>54</v>
      </c>
      <c r="AS57" s="4" t="s">
        <v>55</v>
      </c>
      <c r="AT57" s="4" t="s">
        <v>4</v>
      </c>
      <c r="AU57" s="4" t="s">
        <v>5</v>
      </c>
      <c r="AV57" s="4" t="s">
        <v>6</v>
      </c>
      <c r="AW57" s="4" t="s">
        <v>7</v>
      </c>
      <c r="AX57" s="4" t="s">
        <v>8</v>
      </c>
      <c r="AY57" s="4" t="s">
        <v>9</v>
      </c>
      <c r="AZ57" s="4" t="s">
        <v>10</v>
      </c>
      <c r="BA57" s="4" t="s">
        <v>11</v>
      </c>
      <c r="BB57" s="4" t="s">
        <v>12</v>
      </c>
      <c r="BC57" s="4" t="s">
        <v>13</v>
      </c>
      <c r="BD57" s="4" t="s">
        <v>14</v>
      </c>
      <c r="BE57" s="4" t="s">
        <v>56</v>
      </c>
    </row>
    <row r="58" spans="3:57" x14ac:dyDescent="0.2">
      <c r="C58" s="5" t="s">
        <v>57</v>
      </c>
      <c r="D58" s="6" t="s">
        <v>58</v>
      </c>
      <c r="E58" s="17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39"/>
      <c r="U58" s="39"/>
      <c r="V58" s="39"/>
      <c r="W58" s="23"/>
      <c r="X58" s="39"/>
      <c r="Y58" s="39"/>
      <c r="Z58" s="39"/>
      <c r="AA58" s="17"/>
      <c r="AB58" s="17"/>
      <c r="AC58" s="17"/>
      <c r="AD58" s="17"/>
      <c r="AE58" s="17"/>
      <c r="AF58" s="82"/>
      <c r="AG58" s="8"/>
      <c r="AH58" s="8"/>
      <c r="AI58" s="17"/>
      <c r="AJ58" s="17"/>
      <c r="AK58" s="17"/>
      <c r="AL58" s="17"/>
      <c r="AM58" s="17"/>
      <c r="AN58" s="17"/>
      <c r="AO58" s="17"/>
      <c r="AP58" s="17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  <c r="BE58" s="17"/>
    </row>
    <row r="59" spans="3:57" x14ac:dyDescent="0.2">
      <c r="C59" s="5" t="s">
        <v>59</v>
      </c>
      <c r="D59" s="6" t="s">
        <v>58</v>
      </c>
      <c r="E59" s="17"/>
      <c r="F59" s="17"/>
      <c r="G59" s="17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23"/>
      <c r="X59" s="39"/>
      <c r="Y59" s="39"/>
      <c r="Z59" s="39"/>
      <c r="AA59" s="17"/>
      <c r="AB59" s="17"/>
      <c r="AC59" s="17"/>
      <c r="AD59" s="17"/>
      <c r="AE59" s="17"/>
      <c r="AF59" s="82"/>
      <c r="AG59" s="8"/>
      <c r="AH59" s="8"/>
      <c r="AI59" s="17"/>
      <c r="AJ59" s="17"/>
      <c r="AK59" s="17"/>
      <c r="AL59" s="17"/>
      <c r="AM59" s="17"/>
      <c r="AN59" s="17"/>
      <c r="AO59" s="17"/>
      <c r="AP59" s="17"/>
      <c r="AQ59" s="17"/>
      <c r="AR59" s="17"/>
      <c r="AS59" s="17"/>
      <c r="AT59" s="17"/>
      <c r="AU59" s="17"/>
      <c r="AV59" s="17"/>
      <c r="AW59" s="17"/>
      <c r="AX59" s="17"/>
      <c r="AY59" s="17"/>
      <c r="AZ59" s="54"/>
      <c r="BA59" s="17"/>
      <c r="BB59" s="17"/>
      <c r="BC59" s="17"/>
      <c r="BD59" s="17"/>
      <c r="BE59" s="17"/>
    </row>
    <row r="60" spans="3:57" x14ac:dyDescent="0.2">
      <c r="C60" s="5" t="s">
        <v>60</v>
      </c>
      <c r="D60" s="6" t="s">
        <v>58</v>
      </c>
      <c r="E60" s="17"/>
      <c r="F60" s="17"/>
      <c r="G60" s="17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23"/>
      <c r="X60" s="39"/>
      <c r="Y60" s="39"/>
      <c r="Z60" s="39"/>
      <c r="AA60" s="17"/>
      <c r="AB60" s="17"/>
      <c r="AC60" s="17"/>
      <c r="AD60" s="17"/>
      <c r="AE60" s="17"/>
      <c r="AF60" s="82"/>
      <c r="AG60" s="8"/>
      <c r="AH60" s="8"/>
      <c r="AI60" s="17"/>
      <c r="AJ60" s="17"/>
      <c r="AK60" s="17"/>
      <c r="AL60" s="17"/>
      <c r="AM60" s="17"/>
      <c r="AN60" s="17"/>
      <c r="AO60" s="17"/>
      <c r="AP60" s="17"/>
      <c r="AQ60" s="17"/>
      <c r="AR60" s="17"/>
      <c r="AS60" s="17"/>
      <c r="AT60" s="17"/>
      <c r="AU60" s="17"/>
      <c r="AV60" s="17"/>
      <c r="AW60" s="17"/>
      <c r="AX60" s="17"/>
      <c r="AY60" s="17"/>
      <c r="AZ60" s="54"/>
      <c r="BA60" s="17"/>
      <c r="BB60" s="17"/>
      <c r="BC60" s="17"/>
      <c r="BD60" s="17"/>
      <c r="BE60" s="17"/>
    </row>
    <row r="61" spans="3:57" x14ac:dyDescent="0.2">
      <c r="C61" s="5" t="s">
        <v>61</v>
      </c>
      <c r="D61" s="6" t="s">
        <v>58</v>
      </c>
      <c r="E61" s="17"/>
      <c r="F61" s="17"/>
      <c r="G61" s="17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23"/>
      <c r="X61" s="39"/>
      <c r="Y61" s="39"/>
      <c r="Z61" s="39"/>
      <c r="AA61" s="17"/>
      <c r="AB61" s="17"/>
      <c r="AC61" s="17"/>
      <c r="AD61" s="17"/>
      <c r="AE61" s="17"/>
      <c r="AF61" s="82"/>
      <c r="AG61" s="8"/>
      <c r="AH61" s="8"/>
      <c r="AI61" s="17"/>
      <c r="AJ61" s="17"/>
      <c r="AK61" s="17"/>
      <c r="AL61" s="17"/>
      <c r="AM61" s="17"/>
      <c r="AN61" s="17"/>
      <c r="AO61" s="17"/>
      <c r="AP61" s="17"/>
      <c r="AQ61" s="17"/>
      <c r="AR61" s="17"/>
      <c r="AS61" s="17"/>
      <c r="AT61" s="17"/>
      <c r="AU61" s="17"/>
      <c r="AV61" s="17"/>
      <c r="AW61" s="17"/>
      <c r="AX61" s="17"/>
      <c r="AY61" s="17"/>
      <c r="AZ61" s="54"/>
      <c r="BA61" s="17"/>
      <c r="BB61" s="17"/>
      <c r="BC61" s="17"/>
      <c r="BD61" s="17"/>
      <c r="BE61" s="17"/>
    </row>
    <row r="62" spans="3:57" x14ac:dyDescent="0.2">
      <c r="C62" s="5" t="s">
        <v>62</v>
      </c>
      <c r="D62" s="6" t="s">
        <v>58</v>
      </c>
      <c r="E62" s="17"/>
      <c r="F62" s="17"/>
      <c r="G62" s="17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23"/>
      <c r="X62" s="39"/>
      <c r="Y62" s="39"/>
      <c r="Z62" s="39"/>
      <c r="AA62" s="17"/>
      <c r="AB62" s="17"/>
      <c r="AC62" s="17"/>
      <c r="AD62" s="17"/>
      <c r="AE62" s="17"/>
      <c r="AF62" s="82"/>
      <c r="AG62" s="8"/>
      <c r="AH62" s="8"/>
      <c r="AI62" s="17"/>
      <c r="AJ62" s="17"/>
      <c r="AK62" s="17"/>
      <c r="AL62" s="17"/>
      <c r="AM62" s="17"/>
      <c r="AN62" s="17"/>
      <c r="AO62" s="17"/>
      <c r="AP62" s="17"/>
      <c r="AQ62" s="17"/>
      <c r="AR62" s="17"/>
      <c r="AS62" s="17"/>
      <c r="AT62" s="17"/>
      <c r="AU62" s="17"/>
      <c r="AV62" s="17"/>
      <c r="AW62" s="17"/>
      <c r="AX62" s="17"/>
      <c r="AY62" s="17"/>
      <c r="AZ62" s="54"/>
      <c r="BA62" s="17"/>
      <c r="BB62" s="17"/>
      <c r="BC62" s="17"/>
      <c r="BD62" s="17"/>
      <c r="BE62" s="17"/>
    </row>
    <row r="63" spans="3:57" x14ac:dyDescent="0.2">
      <c r="C63" s="5" t="s">
        <v>75</v>
      </c>
      <c r="D63" s="20" t="s">
        <v>76</v>
      </c>
      <c r="E63" s="17"/>
      <c r="F63" s="17"/>
      <c r="G63" s="17"/>
      <c r="H63" s="8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39"/>
      <c r="T63" s="39"/>
      <c r="U63" s="39"/>
      <c r="V63" s="39"/>
      <c r="W63" s="23"/>
      <c r="X63" s="39"/>
      <c r="Y63" s="39"/>
      <c r="Z63" s="39"/>
      <c r="AA63" s="17"/>
      <c r="AB63" s="17"/>
      <c r="AC63" s="17"/>
      <c r="AD63" s="17"/>
      <c r="AE63" s="17"/>
      <c r="AF63" s="82"/>
      <c r="AG63" s="8"/>
      <c r="AH63" s="8"/>
      <c r="AI63" s="17"/>
      <c r="AJ63" s="17"/>
      <c r="AK63" s="17"/>
      <c r="AL63" s="17"/>
      <c r="AM63" s="17"/>
      <c r="AN63" s="17"/>
      <c r="AO63" s="17"/>
      <c r="AP63" s="17"/>
      <c r="AQ63" s="17"/>
      <c r="AR63" s="17"/>
      <c r="AS63" s="17"/>
      <c r="AT63" s="17"/>
      <c r="AU63" s="17"/>
      <c r="AV63" s="17"/>
      <c r="AW63" s="17"/>
      <c r="AX63" s="17"/>
      <c r="AY63" s="17"/>
      <c r="AZ63" s="17"/>
      <c r="BA63" s="17"/>
      <c r="BB63" s="17"/>
      <c r="BC63" s="17"/>
      <c r="BD63" s="17"/>
      <c r="BE63" s="17"/>
    </row>
    <row r="64" spans="3:57" x14ac:dyDescent="0.2">
      <c r="C64" s="5" t="s">
        <v>63</v>
      </c>
      <c r="D64" s="6" t="s">
        <v>58</v>
      </c>
      <c r="E64" s="8">
        <v>7.300822557266283</v>
      </c>
      <c r="F64" s="17">
        <v>5.7580134639537812</v>
      </c>
      <c r="G64" s="8">
        <v>4.8354007123398919</v>
      </c>
      <c r="H64" s="8">
        <v>4.0235080894455812</v>
      </c>
      <c r="I64" s="8">
        <v>4.1692551868716654</v>
      </c>
      <c r="J64" s="8">
        <v>3.899082983489734</v>
      </c>
      <c r="K64" s="8">
        <v>4.9990981443890483</v>
      </c>
      <c r="L64" s="8">
        <v>5.2792262207862901</v>
      </c>
      <c r="M64" s="8">
        <v>6.46</v>
      </c>
      <c r="N64" s="8">
        <v>5.72</v>
      </c>
      <c r="O64" s="8">
        <v>6.06</v>
      </c>
      <c r="P64" s="8">
        <v>5.87</v>
      </c>
      <c r="Q64" s="8">
        <v>6.1144058656225759</v>
      </c>
      <c r="R64" s="8">
        <v>5.6219132266967398</v>
      </c>
      <c r="S64" s="8">
        <v>5.7976734338747109</v>
      </c>
      <c r="T64" s="8">
        <v>5.39</v>
      </c>
      <c r="U64" s="8">
        <v>5.24</v>
      </c>
      <c r="V64" s="8">
        <v>6.6532868092334958</v>
      </c>
      <c r="W64" s="8">
        <v>6.0328903665775515</v>
      </c>
      <c r="X64" s="8">
        <v>5.95</v>
      </c>
      <c r="Y64" s="8">
        <v>4.7977389910520616</v>
      </c>
      <c r="Z64" s="39">
        <v>6.0191523536727578</v>
      </c>
      <c r="AA64" s="8">
        <v>5.65</v>
      </c>
      <c r="AB64" s="8">
        <v>5.5765135127005205</v>
      </c>
      <c r="AC64" s="8">
        <v>5.35</v>
      </c>
      <c r="AD64" s="8">
        <v>5.61</v>
      </c>
      <c r="AE64" s="8">
        <v>5.6682115936947994</v>
      </c>
      <c r="AF64" s="82">
        <v>5.2</v>
      </c>
      <c r="AG64" s="8">
        <v>5.41</v>
      </c>
      <c r="AH64" s="8">
        <v>5.4169291218258016</v>
      </c>
      <c r="AI64" s="8">
        <v>4.62</v>
      </c>
      <c r="AJ64" s="8">
        <v>4.53</v>
      </c>
      <c r="AK64" s="76">
        <v>5.37</v>
      </c>
      <c r="AL64" s="76">
        <v>5.16</v>
      </c>
      <c r="AM64" s="8">
        <v>6.84</v>
      </c>
      <c r="AN64" s="8">
        <v>7.29</v>
      </c>
      <c r="AO64" s="17">
        <v>7.3808973870465424</v>
      </c>
      <c r="AP64" s="17">
        <v>5.63</v>
      </c>
      <c r="AQ64" s="17">
        <v>5.5970633153753973</v>
      </c>
      <c r="AR64" s="17">
        <v>5.5</v>
      </c>
      <c r="AS64" s="8">
        <v>4.72</v>
      </c>
      <c r="AT64" s="8">
        <v>4.8184875288511657</v>
      </c>
      <c r="AU64" s="8">
        <v>5.4</v>
      </c>
      <c r="AV64" s="8">
        <v>5.52</v>
      </c>
      <c r="AW64" s="8">
        <v>5.2866418799752122</v>
      </c>
      <c r="AX64" s="8">
        <v>5.35</v>
      </c>
      <c r="AY64" s="8">
        <v>4.6082702451365174</v>
      </c>
      <c r="AZ64" s="8">
        <v>4.5</v>
      </c>
      <c r="BA64" s="8">
        <v>6.3</v>
      </c>
      <c r="BB64" s="8">
        <v>7.35</v>
      </c>
      <c r="BC64" s="8">
        <v>9.7899999999999991</v>
      </c>
      <c r="BD64" s="8">
        <v>5.7952744417563231</v>
      </c>
      <c r="BE64" s="17"/>
    </row>
    <row r="65" spans="3:57" x14ac:dyDescent="0.2">
      <c r="C65" s="5" t="s">
        <v>64</v>
      </c>
      <c r="D65" s="6" t="s">
        <v>58</v>
      </c>
      <c r="E65" s="8">
        <v>4.9246748743927258</v>
      </c>
      <c r="F65" s="17">
        <v>4.8365947583741749</v>
      </c>
      <c r="G65" s="8">
        <v>3.912959481801916</v>
      </c>
      <c r="H65" s="8">
        <v>2.9369357208314546</v>
      </c>
      <c r="I65" s="8">
        <v>3.1075233891528242</v>
      </c>
      <c r="J65" s="8">
        <v>2.949551841778796</v>
      </c>
      <c r="K65" s="8">
        <v>2.9642989440721008</v>
      </c>
      <c r="L65" s="8">
        <v>3.3868366300366302</v>
      </c>
      <c r="M65" s="8">
        <v>3.08</v>
      </c>
      <c r="N65" s="8">
        <v>3.32</v>
      </c>
      <c r="O65" s="8">
        <v>3.58</v>
      </c>
      <c r="P65" s="8">
        <v>3.46</v>
      </c>
      <c r="Q65" s="8">
        <v>3.3266520333291876</v>
      </c>
      <c r="R65" s="8">
        <v>3.4938177757239677</v>
      </c>
      <c r="S65" s="8">
        <v>3.0866692569652368</v>
      </c>
      <c r="T65" s="8">
        <v>3.2</v>
      </c>
      <c r="U65" s="8">
        <v>3.31</v>
      </c>
      <c r="V65" s="8">
        <v>3.7681792090395478</v>
      </c>
      <c r="W65" s="8">
        <v>3.6772472852793827</v>
      </c>
      <c r="X65" s="8">
        <v>3.15</v>
      </c>
      <c r="Y65" s="8">
        <v>2.9547792719098736</v>
      </c>
      <c r="Z65" s="39">
        <v>3.1080125996653214</v>
      </c>
      <c r="AA65" s="8">
        <v>3.5</v>
      </c>
      <c r="AB65" s="8">
        <v>3.5727886494371512</v>
      </c>
      <c r="AC65" s="8">
        <v>3.51</v>
      </c>
      <c r="AD65" s="8">
        <v>3.15</v>
      </c>
      <c r="AE65" s="8">
        <v>3.1162363898727534</v>
      </c>
      <c r="AF65" s="82">
        <v>3.03</v>
      </c>
      <c r="AG65" s="8">
        <v>3.13</v>
      </c>
      <c r="AH65" s="8">
        <v>3.1692279598255046</v>
      </c>
      <c r="AI65" s="8">
        <v>3.24</v>
      </c>
      <c r="AJ65" s="8">
        <v>2.92</v>
      </c>
      <c r="AK65" s="8">
        <v>3.02</v>
      </c>
      <c r="AL65" s="8">
        <v>2.94</v>
      </c>
      <c r="AM65" s="8">
        <v>3.25</v>
      </c>
      <c r="AN65" s="8">
        <v>4.08</v>
      </c>
      <c r="AO65" s="17">
        <v>4.3782044927111725</v>
      </c>
      <c r="AP65" s="17">
        <v>4.59</v>
      </c>
      <c r="AQ65" s="17">
        <v>4.4858752257237722</v>
      </c>
      <c r="AR65" s="17">
        <v>4.5</v>
      </c>
      <c r="AS65" s="8">
        <v>4.28</v>
      </c>
      <c r="AT65" s="8">
        <v>3.545157226440931</v>
      </c>
      <c r="AU65" s="8">
        <v>3.58</v>
      </c>
      <c r="AV65" s="8">
        <v>4.6500000000000004</v>
      </c>
      <c r="AW65" s="8">
        <v>4.478574231096192</v>
      </c>
      <c r="AX65" s="8">
        <v>3.85</v>
      </c>
      <c r="AY65" s="8">
        <v>3.6141489091662105</v>
      </c>
      <c r="AZ65" s="8">
        <v>3.72</v>
      </c>
      <c r="BA65" s="8">
        <v>4.79</v>
      </c>
      <c r="BB65" s="8">
        <v>5.15</v>
      </c>
      <c r="BC65" s="8">
        <v>6.12</v>
      </c>
      <c r="BD65" s="8">
        <v>3.7687141347982251</v>
      </c>
      <c r="BE65" s="17"/>
    </row>
    <row r="66" spans="3:57" x14ac:dyDescent="0.2">
      <c r="C66" s="5" t="s">
        <v>65</v>
      </c>
      <c r="D66" s="6" t="s">
        <v>58</v>
      </c>
      <c r="E66" s="8">
        <v>2.5194648252886029</v>
      </c>
      <c r="F66" s="17">
        <v>2.7411653135020808</v>
      </c>
      <c r="G66" s="8">
        <v>2.5320663534306518</v>
      </c>
      <c r="H66" s="8">
        <v>3.0931882940565183</v>
      </c>
      <c r="I66" s="8">
        <v>2.0269112424323521</v>
      </c>
      <c r="J66" s="8">
        <v>1.9511742841879127</v>
      </c>
      <c r="K66" s="8">
        <v>2.7250115709636002</v>
      </c>
      <c r="L66" s="8">
        <v>2.462652537511699</v>
      </c>
      <c r="M66" s="8">
        <v>2.61</v>
      </c>
      <c r="N66" s="8">
        <v>2.48</v>
      </c>
      <c r="O66" s="8">
        <v>2.02</v>
      </c>
      <c r="P66" s="8">
        <v>2.09</v>
      </c>
      <c r="Q66" s="8">
        <v>1.9383464885766106</v>
      </c>
      <c r="R66" s="8">
        <v>1.7470515631258303</v>
      </c>
      <c r="S66" s="8">
        <v>2.1189010482045338</v>
      </c>
      <c r="T66" s="8">
        <v>2</v>
      </c>
      <c r="U66" s="8">
        <v>1.96</v>
      </c>
      <c r="V66" s="8">
        <v>1.7481455568652799</v>
      </c>
      <c r="W66" s="8">
        <v>1.8327863255618759</v>
      </c>
      <c r="X66" s="8">
        <v>2.63</v>
      </c>
      <c r="Y66" s="8">
        <v>1.9069062863795112</v>
      </c>
      <c r="Z66" s="39">
        <v>1.9622122224268641</v>
      </c>
      <c r="AA66" s="8">
        <v>2.2000000000000002</v>
      </c>
      <c r="AB66" s="8">
        <v>2.4230577295862834</v>
      </c>
      <c r="AC66" s="8">
        <v>2.4900000000000002</v>
      </c>
      <c r="AD66" s="8">
        <v>2.66</v>
      </c>
      <c r="AE66" s="8">
        <v>2.5711484532222588</v>
      </c>
      <c r="AF66" s="82">
        <v>3.07</v>
      </c>
      <c r="AG66" s="8">
        <v>3</v>
      </c>
      <c r="AH66" s="8">
        <v>2.5437183390499682</v>
      </c>
      <c r="AI66" s="8">
        <v>2.69</v>
      </c>
      <c r="AJ66" s="8">
        <v>3.2</v>
      </c>
      <c r="AK66" s="8">
        <v>2.81</v>
      </c>
      <c r="AL66" s="8">
        <v>2.57</v>
      </c>
      <c r="AM66" s="8">
        <v>2.39</v>
      </c>
      <c r="AN66" s="8">
        <v>2.36</v>
      </c>
      <c r="AO66" s="17">
        <v>2.1966192660756167</v>
      </c>
      <c r="AP66" s="17">
        <v>2.41</v>
      </c>
      <c r="AQ66" s="17">
        <v>2.1882136132491916</v>
      </c>
      <c r="AR66" s="17">
        <v>2.36</v>
      </c>
      <c r="AS66" s="8">
        <v>2.58</v>
      </c>
      <c r="AT66" s="8">
        <v>2.3015489812642813</v>
      </c>
      <c r="AU66" s="8">
        <v>2.4900000000000002</v>
      </c>
      <c r="AV66" s="8">
        <v>2.4900000000000002</v>
      </c>
      <c r="AW66" s="8">
        <v>2.3347092606537894</v>
      </c>
      <c r="AX66" s="8">
        <v>2.4</v>
      </c>
      <c r="AY66" s="8">
        <v>2.2574794394504094</v>
      </c>
      <c r="AZ66" s="8">
        <v>2.27</v>
      </c>
      <c r="BA66" s="8">
        <v>2.46</v>
      </c>
      <c r="BB66" s="8">
        <v>2.78</v>
      </c>
      <c r="BC66" s="8">
        <v>2.72</v>
      </c>
      <c r="BD66" s="8">
        <v>2.9798830831980361</v>
      </c>
      <c r="BE66" s="17"/>
    </row>
    <row r="67" spans="3:57" x14ac:dyDescent="0.2">
      <c r="C67" s="5" t="s">
        <v>66</v>
      </c>
      <c r="D67" s="6" t="s">
        <v>58</v>
      </c>
      <c r="E67" s="8">
        <v>3.3973583847144893</v>
      </c>
      <c r="F67" s="17">
        <v>3.1973438848628368</v>
      </c>
      <c r="G67" s="8">
        <v>2.6108779309290377</v>
      </c>
      <c r="H67" s="8">
        <v>2.7869752391827669</v>
      </c>
      <c r="I67" s="8">
        <v>2.99617857198841</v>
      </c>
      <c r="J67" s="8">
        <v>2.3456867255258254</v>
      </c>
      <c r="K67" s="8">
        <v>3.0612782700878887</v>
      </c>
      <c r="L67" s="8">
        <v>2.8333643743717443</v>
      </c>
      <c r="M67" s="8">
        <v>3.16</v>
      </c>
      <c r="N67" s="8">
        <v>2.72</v>
      </c>
      <c r="O67" s="8">
        <v>3.33</v>
      </c>
      <c r="P67" s="8">
        <v>2.86</v>
      </c>
      <c r="Q67" s="8">
        <v>2.2646162312999074</v>
      </c>
      <c r="R67" s="8">
        <v>2.2677302978630789</v>
      </c>
      <c r="S67" s="8">
        <v>2.6797903933353577</v>
      </c>
      <c r="T67" s="8">
        <v>2.71</v>
      </c>
      <c r="U67" s="8">
        <v>2.62</v>
      </c>
      <c r="V67" s="8">
        <v>2.4514855232535808</v>
      </c>
      <c r="W67" s="8">
        <v>2.1264244410561708</v>
      </c>
      <c r="X67" s="8">
        <v>2.09</v>
      </c>
      <c r="Y67" s="8">
        <v>1.9508544340370435</v>
      </c>
      <c r="Z67" s="39">
        <v>2.4750894207456127</v>
      </c>
      <c r="AA67" s="8">
        <v>2.69</v>
      </c>
      <c r="AB67" s="8">
        <v>3.0752622024319236</v>
      </c>
      <c r="AC67" s="8">
        <v>2.73</v>
      </c>
      <c r="AD67" s="8">
        <v>2.57</v>
      </c>
      <c r="AE67" s="8">
        <v>3.0081153459375738</v>
      </c>
      <c r="AF67" s="82">
        <v>3.21</v>
      </c>
      <c r="AG67" s="8">
        <v>3.86</v>
      </c>
      <c r="AH67" s="8">
        <v>2.9191106761271373</v>
      </c>
      <c r="AI67" s="8">
        <v>4.26</v>
      </c>
      <c r="AJ67" s="8">
        <v>5.52</v>
      </c>
      <c r="AK67" s="8">
        <v>5.0199999999999996</v>
      </c>
      <c r="AL67" s="8">
        <v>3.6</v>
      </c>
      <c r="AM67" s="8">
        <v>3.49</v>
      </c>
      <c r="AN67" s="8">
        <v>3.8</v>
      </c>
      <c r="AO67" s="17">
        <v>3.6189118692620972</v>
      </c>
      <c r="AP67" s="17">
        <v>3.95</v>
      </c>
      <c r="AQ67" s="17">
        <v>3.3835780611909332</v>
      </c>
      <c r="AR67" s="17">
        <v>3.17</v>
      </c>
      <c r="AS67" s="8">
        <v>2.63</v>
      </c>
      <c r="AT67" s="8">
        <v>3.0266628535297859</v>
      </c>
      <c r="AU67" s="8">
        <v>3.71</v>
      </c>
      <c r="AV67" s="8">
        <v>3.7</v>
      </c>
      <c r="AW67" s="8">
        <v>3.0389813192849511</v>
      </c>
      <c r="AX67" s="8">
        <v>2.73</v>
      </c>
      <c r="AY67" s="8">
        <v>2.47320211831524</v>
      </c>
      <c r="AZ67" s="8">
        <v>2.78</v>
      </c>
      <c r="BA67" s="8">
        <v>2.93</v>
      </c>
      <c r="BB67" s="8">
        <v>2.87</v>
      </c>
      <c r="BC67" s="8">
        <v>3.02</v>
      </c>
      <c r="BD67" s="8">
        <v>2.8937029940754213</v>
      </c>
      <c r="BE67" s="17"/>
    </row>
    <row r="68" spans="3:57" x14ac:dyDescent="0.2">
      <c r="C68" s="5" t="s">
        <v>67</v>
      </c>
      <c r="D68" s="6" t="s">
        <v>58</v>
      </c>
      <c r="E68" s="8">
        <v>7.2581001484390848</v>
      </c>
      <c r="F68" s="17">
        <v>7.786650404926724</v>
      </c>
      <c r="G68" s="8">
        <v>7.8952585379536346</v>
      </c>
      <c r="H68" s="8">
        <v>7.4299872263665083</v>
      </c>
      <c r="I68" s="8">
        <v>6.0841286776185335</v>
      </c>
      <c r="J68" s="8">
        <v>5.6992990639733927</v>
      </c>
      <c r="K68" s="8">
        <v>7.1948772757775528</v>
      </c>
      <c r="L68" s="8">
        <v>7.2658921789312165</v>
      </c>
      <c r="M68" s="8">
        <v>7.24</v>
      </c>
      <c r="N68" s="8">
        <v>6.53</v>
      </c>
      <c r="O68" s="8">
        <v>6.17</v>
      </c>
      <c r="P68" s="8">
        <v>5.98</v>
      </c>
      <c r="Q68" s="8">
        <v>5.7590256091298233</v>
      </c>
      <c r="R68" s="8">
        <v>4.9539601570060139</v>
      </c>
      <c r="S68" s="8">
        <v>5.7694582733923294</v>
      </c>
      <c r="T68" s="8">
        <v>5.33</v>
      </c>
      <c r="U68" s="8">
        <v>5.47</v>
      </c>
      <c r="V68" s="8">
        <v>5.7754388618271246</v>
      </c>
      <c r="W68" s="8">
        <v>5.6777350559496176</v>
      </c>
      <c r="X68" s="8">
        <v>5.87</v>
      </c>
      <c r="Y68" s="8">
        <v>5.5710723215504432</v>
      </c>
      <c r="Z68" s="39">
        <v>6.8335321216280658</v>
      </c>
      <c r="AA68" s="8">
        <v>6.58</v>
      </c>
      <c r="AB68" s="8">
        <v>5.5037219988287038</v>
      </c>
      <c r="AC68" s="8">
        <v>4.9800000000000004</v>
      </c>
      <c r="AD68" s="8">
        <v>4.8600000000000003</v>
      </c>
      <c r="AE68" s="8">
        <v>5.6972407938511997</v>
      </c>
      <c r="AF68" s="82">
        <v>5.87</v>
      </c>
      <c r="AG68" s="8">
        <v>6.22</v>
      </c>
      <c r="AH68" s="8">
        <v>6.1736546247794015</v>
      </c>
      <c r="AI68" s="8">
        <v>5.73</v>
      </c>
      <c r="AJ68" s="8">
        <v>5.58</v>
      </c>
      <c r="AK68" s="8">
        <v>5.51</v>
      </c>
      <c r="AL68" s="8">
        <v>6.04</v>
      </c>
      <c r="AM68" s="8">
        <v>6.35</v>
      </c>
      <c r="AN68" s="8">
        <v>6.52</v>
      </c>
      <c r="AO68" s="17">
        <v>6.5650748199820548</v>
      </c>
      <c r="AP68" s="17">
        <v>7.12</v>
      </c>
      <c r="AQ68" s="17">
        <v>6.7301438845010093</v>
      </c>
      <c r="AR68" s="17">
        <v>7.17</v>
      </c>
      <c r="AS68" s="8">
        <v>6.42</v>
      </c>
      <c r="AT68" s="8">
        <v>6.5372280808628718</v>
      </c>
      <c r="AU68" s="8">
        <v>6.7</v>
      </c>
      <c r="AV68" s="8">
        <v>7.15</v>
      </c>
      <c r="AW68" s="8">
        <v>7.2631380603437385</v>
      </c>
      <c r="AX68" s="8">
        <v>7.37</v>
      </c>
      <c r="AY68" s="8">
        <v>6.9109498306109858</v>
      </c>
      <c r="AZ68" s="8">
        <v>6.86</v>
      </c>
      <c r="BA68" s="8">
        <v>7.68</v>
      </c>
      <c r="BB68" s="8">
        <v>8.2899999999999991</v>
      </c>
      <c r="BC68" s="8">
        <v>7.61</v>
      </c>
      <c r="BD68" s="8">
        <v>6.6832319632983701</v>
      </c>
      <c r="BE68" s="17"/>
    </row>
    <row r="69" spans="3:57" x14ac:dyDescent="0.2">
      <c r="C69" s="5" t="s">
        <v>68</v>
      </c>
      <c r="D69" s="6" t="s">
        <v>58</v>
      </c>
      <c r="E69" s="8">
        <v>3.4578866312358691</v>
      </c>
      <c r="F69" s="17">
        <v>2.8222506018013469</v>
      </c>
      <c r="G69" s="8">
        <v>3.1093536077705823</v>
      </c>
      <c r="H69" s="8">
        <v>3.4748287800859443</v>
      </c>
      <c r="I69" s="8">
        <v>3.5494663200473759</v>
      </c>
      <c r="J69" s="8">
        <v>3.2570830056239166</v>
      </c>
      <c r="K69" s="8">
        <v>3.3950688546137071</v>
      </c>
      <c r="L69" s="8">
        <v>3.3889486321057798</v>
      </c>
      <c r="M69" s="8">
        <v>3.12</v>
      </c>
      <c r="N69" s="8">
        <v>2.75</v>
      </c>
      <c r="O69" s="8">
        <v>2.68</v>
      </c>
      <c r="P69" s="8">
        <v>2.72</v>
      </c>
      <c r="Q69" s="8">
        <v>2.9665864800026287</v>
      </c>
      <c r="R69" s="8">
        <v>2.7099617541837078</v>
      </c>
      <c r="S69" s="8">
        <v>2.8383828753576434</v>
      </c>
      <c r="T69" s="8">
        <v>2.77</v>
      </c>
      <c r="U69" s="8">
        <v>3</v>
      </c>
      <c r="V69" s="8">
        <v>2.8043261168579128</v>
      </c>
      <c r="W69" s="8">
        <v>2.5104398901407681</v>
      </c>
      <c r="X69" s="8">
        <v>2.68</v>
      </c>
      <c r="Y69" s="8">
        <v>2.3961226061781189</v>
      </c>
      <c r="Z69" s="39">
        <v>2.6831403459821423</v>
      </c>
      <c r="AA69" s="8">
        <v>2.5299999999999998</v>
      </c>
      <c r="AB69" s="8">
        <v>2.6820065931603962</v>
      </c>
      <c r="AC69" s="8">
        <v>2.64</v>
      </c>
      <c r="AD69" s="8">
        <v>2.94</v>
      </c>
      <c r="AE69" s="8">
        <v>2.8140773109899437</v>
      </c>
      <c r="AF69" s="82">
        <v>2.79</v>
      </c>
      <c r="AG69" s="8">
        <v>2.77</v>
      </c>
      <c r="AH69" s="8">
        <v>2.8217755071305279</v>
      </c>
      <c r="AI69" s="8">
        <v>2.74</v>
      </c>
      <c r="AJ69" s="8">
        <v>2.74</v>
      </c>
      <c r="AK69" s="8">
        <v>2.87</v>
      </c>
      <c r="AL69" s="8">
        <v>2.5099999999999998</v>
      </c>
      <c r="AM69" s="8">
        <v>2.46</v>
      </c>
      <c r="AN69" s="8">
        <v>2.36</v>
      </c>
      <c r="AO69" s="17">
        <v>2.4653253370323025</v>
      </c>
      <c r="AP69" s="17">
        <v>2.44</v>
      </c>
      <c r="AQ69" s="17">
        <v>2.1910013850094008</v>
      </c>
      <c r="AR69" s="17">
        <v>2.2999999999999998</v>
      </c>
      <c r="AS69" s="8">
        <v>2.37</v>
      </c>
      <c r="AT69" s="8">
        <v>2.2406665986191205</v>
      </c>
      <c r="AU69" s="8">
        <v>2.35</v>
      </c>
      <c r="AV69" s="8">
        <v>2.57</v>
      </c>
      <c r="AW69" s="8">
        <v>2.5569901906115748</v>
      </c>
      <c r="AX69" s="8">
        <v>2.57</v>
      </c>
      <c r="AY69" s="8">
        <v>2.4623690189619492</v>
      </c>
      <c r="AZ69" s="8">
        <v>2.5499999999999998</v>
      </c>
      <c r="BA69" s="8">
        <v>2.8</v>
      </c>
      <c r="BB69" s="8">
        <v>3.44</v>
      </c>
      <c r="BC69" s="8">
        <v>3.47</v>
      </c>
      <c r="BD69" s="8">
        <v>3.2214827508115045</v>
      </c>
      <c r="BE69" s="17"/>
    </row>
    <row r="70" spans="3:57" x14ac:dyDescent="0.2">
      <c r="C70" s="5" t="s">
        <v>69</v>
      </c>
      <c r="D70" s="6" t="s">
        <v>58</v>
      </c>
      <c r="E70" s="8">
        <v>2.1836522522995598</v>
      </c>
      <c r="F70" s="17">
        <v>1.9633470494417864</v>
      </c>
      <c r="G70" s="8">
        <v>1.8612268363247082</v>
      </c>
      <c r="H70" s="8">
        <v>2.2279146175648896</v>
      </c>
      <c r="I70" s="8">
        <v>1.7529655516724911</v>
      </c>
      <c r="J70" s="8">
        <v>1.8140147216593159</v>
      </c>
      <c r="K70" s="8">
        <v>2.0857998236550594</v>
      </c>
      <c r="L70" s="8">
        <v>2.3451336065963795</v>
      </c>
      <c r="M70" s="8">
        <v>2.33</v>
      </c>
      <c r="N70" s="8">
        <v>2.1</v>
      </c>
      <c r="O70" s="8">
        <v>2.0099999999999998</v>
      </c>
      <c r="P70" s="8">
        <v>1.66</v>
      </c>
      <c r="Q70" s="8">
        <v>1.8621092085040252</v>
      </c>
      <c r="R70" s="8">
        <v>1.7398927497373093</v>
      </c>
      <c r="S70" s="8">
        <v>1.5622183696014125</v>
      </c>
      <c r="T70" s="8">
        <v>1.93</v>
      </c>
      <c r="U70" s="8">
        <v>1.83</v>
      </c>
      <c r="V70" s="8">
        <v>1.7232245264736292</v>
      </c>
      <c r="W70" s="8">
        <v>1.7385457291550805</v>
      </c>
      <c r="X70" s="8">
        <v>2.37</v>
      </c>
      <c r="Y70" s="8">
        <v>2.5613821674360406</v>
      </c>
      <c r="Z70" s="39">
        <v>2.5114448053182832</v>
      </c>
      <c r="AA70" s="8">
        <v>2.0099999999999998</v>
      </c>
      <c r="AB70" s="8">
        <v>1.8774785853846516</v>
      </c>
      <c r="AC70" s="8">
        <v>1.94</v>
      </c>
      <c r="AD70" s="8">
        <v>2.0699999999999998</v>
      </c>
      <c r="AE70" s="8">
        <v>1.8983945730247405</v>
      </c>
      <c r="AF70" s="82">
        <v>1.95</v>
      </c>
      <c r="AG70" s="8">
        <v>2.11</v>
      </c>
      <c r="AH70" s="8">
        <v>2.3470259683046182</v>
      </c>
      <c r="AI70" s="8">
        <v>2.02</v>
      </c>
      <c r="AJ70" s="8">
        <v>2.29</v>
      </c>
      <c r="AK70" s="8">
        <v>2.41</v>
      </c>
      <c r="AL70" s="8">
        <v>1.88</v>
      </c>
      <c r="AM70" s="8">
        <v>2.0099999999999998</v>
      </c>
      <c r="AN70" s="8">
        <v>2.1</v>
      </c>
      <c r="AO70" s="17">
        <v>2.5455688592671981</v>
      </c>
      <c r="AP70" s="17">
        <v>2.4900000000000002</v>
      </c>
      <c r="AQ70" s="17">
        <v>2.0232885715472944</v>
      </c>
      <c r="AR70" s="17">
        <v>2.42</v>
      </c>
      <c r="AS70" s="8">
        <v>2.3199999999999998</v>
      </c>
      <c r="AT70" s="8">
        <v>2.1173070230862696</v>
      </c>
      <c r="AU70" s="8">
        <v>2.71</v>
      </c>
      <c r="AV70" s="8">
        <v>2.88</v>
      </c>
      <c r="AW70" s="8">
        <v>2.8053269606778186</v>
      </c>
      <c r="AX70" s="8">
        <v>2.4900000000000002</v>
      </c>
      <c r="AY70" s="8">
        <v>2.2634798626619874</v>
      </c>
      <c r="AZ70" s="8">
        <v>2.11</v>
      </c>
      <c r="BA70" s="8">
        <v>2.3199999999999998</v>
      </c>
      <c r="BB70" s="8">
        <v>2.5099999999999998</v>
      </c>
      <c r="BC70" s="8">
        <v>2.91</v>
      </c>
      <c r="BD70" s="8">
        <v>2.8501834116550668</v>
      </c>
      <c r="BE70" s="17"/>
    </row>
    <row r="71" spans="3:57" x14ac:dyDescent="0.2">
      <c r="C71" s="5" t="s">
        <v>70</v>
      </c>
      <c r="D71" s="6" t="s">
        <v>58</v>
      </c>
      <c r="E71" s="8">
        <v>2.2546528732121951</v>
      </c>
      <c r="F71" s="17">
        <v>2.319760661560073</v>
      </c>
      <c r="G71" s="8">
        <v>2.5610667517782231</v>
      </c>
      <c r="H71" s="8">
        <v>3.1228571428571428</v>
      </c>
      <c r="I71" s="8">
        <v>3.1482799944261228</v>
      </c>
      <c r="J71" s="8">
        <v>2.4207046301923363</v>
      </c>
      <c r="K71" s="8">
        <v>2.7115736464303599</v>
      </c>
      <c r="L71" s="8">
        <v>2.4042224893454267</v>
      </c>
      <c r="M71" s="8">
        <v>2.4700000000000002</v>
      </c>
      <c r="N71" s="8">
        <v>2.4300000000000002</v>
      </c>
      <c r="O71" s="8">
        <v>2.31</v>
      </c>
      <c r="P71" s="8">
        <v>2.56</v>
      </c>
      <c r="Q71" s="8">
        <v>2.5943301526160667</v>
      </c>
      <c r="R71" s="8">
        <v>2.3454608094171201</v>
      </c>
      <c r="S71" s="8">
        <v>2.5105387372229973</v>
      </c>
      <c r="T71" s="8">
        <v>2.38</v>
      </c>
      <c r="U71" s="8">
        <v>2.59</v>
      </c>
      <c r="V71" s="8">
        <v>2.8246201317222424</v>
      </c>
      <c r="W71" s="8">
        <v>2.8388270740280679</v>
      </c>
      <c r="X71" s="8">
        <v>3.04</v>
      </c>
      <c r="Y71" s="8">
        <v>2.6788453733766233</v>
      </c>
      <c r="Z71" s="39">
        <v>3.1309304802320055</v>
      </c>
      <c r="AA71" s="8">
        <v>2.84</v>
      </c>
      <c r="AB71" s="8">
        <v>2.6915060293527389</v>
      </c>
      <c r="AC71" s="8">
        <v>2.34</v>
      </c>
      <c r="AD71" s="8">
        <v>2.79</v>
      </c>
      <c r="AE71" s="8">
        <v>2.9393030183704565</v>
      </c>
      <c r="AF71" s="82">
        <v>2.78</v>
      </c>
      <c r="AG71" s="8">
        <v>3.05</v>
      </c>
      <c r="AH71" s="8">
        <v>3.0462378393087963</v>
      </c>
      <c r="AI71" s="8">
        <v>2.75</v>
      </c>
      <c r="AJ71" s="8">
        <v>2.98</v>
      </c>
      <c r="AK71" s="8">
        <v>2.81</v>
      </c>
      <c r="AL71" s="8">
        <v>2.62</v>
      </c>
      <c r="AM71" s="8">
        <v>2.63</v>
      </c>
      <c r="AN71" s="8">
        <v>2.68</v>
      </c>
      <c r="AO71" s="17">
        <v>2.8387297785381618</v>
      </c>
      <c r="AP71" s="17">
        <v>2.96</v>
      </c>
      <c r="AQ71" s="17">
        <v>2.0778331205658915</v>
      </c>
      <c r="AR71" s="17">
        <v>2.5</v>
      </c>
      <c r="AS71" s="8">
        <v>2.66</v>
      </c>
      <c r="AT71" s="8">
        <v>2.8132094651170578</v>
      </c>
      <c r="AU71" s="8">
        <v>2.58</v>
      </c>
      <c r="AV71" s="8">
        <v>2.31</v>
      </c>
      <c r="AW71" s="8">
        <v>2.2481506849315065</v>
      </c>
      <c r="AX71" s="8">
        <v>2.4</v>
      </c>
      <c r="AY71" s="8">
        <v>2.3243591992981898</v>
      </c>
      <c r="AZ71" s="8">
        <v>2.4700000000000002</v>
      </c>
      <c r="BA71" s="8">
        <v>2.84</v>
      </c>
      <c r="BB71" s="8">
        <v>2.75</v>
      </c>
      <c r="BC71" s="8">
        <v>2.86</v>
      </c>
      <c r="BD71" s="8">
        <v>2.9906775022106196</v>
      </c>
      <c r="BE71" s="17"/>
    </row>
    <row r="72" spans="3:57" x14ac:dyDescent="0.2">
      <c r="C72" s="5" t="s">
        <v>101</v>
      </c>
      <c r="D72" s="6" t="s">
        <v>58</v>
      </c>
      <c r="E72" s="8">
        <v>6.5001900006934328</v>
      </c>
      <c r="F72" s="17">
        <v>6.603591517350873</v>
      </c>
      <c r="G72" s="8">
        <v>6.6784625198128893</v>
      </c>
      <c r="H72" s="8">
        <v>6.6530616724977696</v>
      </c>
      <c r="I72" s="8">
        <v>7.315529293666728</v>
      </c>
      <c r="J72" s="8">
        <v>6.7792041578168236</v>
      </c>
      <c r="K72" s="8">
        <v>6.8972179829581579</v>
      </c>
      <c r="L72" s="8">
        <v>6.8722380828791421</v>
      </c>
      <c r="M72" s="8">
        <v>7.15</v>
      </c>
      <c r="N72" s="8">
        <v>7.24</v>
      </c>
      <c r="O72" s="8">
        <v>7.03</v>
      </c>
      <c r="P72" s="8">
        <v>7.15</v>
      </c>
      <c r="Q72" s="8">
        <v>7.2994134921282319</v>
      </c>
      <c r="R72" s="8">
        <v>7.388662685849396</v>
      </c>
      <c r="S72" s="8">
        <v>6.5983364320121698</v>
      </c>
      <c r="T72" s="8">
        <v>6.94</v>
      </c>
      <c r="U72" s="8">
        <v>7.36</v>
      </c>
      <c r="V72" s="8">
        <v>6.3596301218879665</v>
      </c>
      <c r="W72" s="8">
        <v>7.4851046047959793</v>
      </c>
      <c r="X72" s="8">
        <v>7.4</v>
      </c>
      <c r="Y72" s="8">
        <v>6.4973200911755136</v>
      </c>
      <c r="Z72" s="39">
        <v>6.4624511538461533</v>
      </c>
      <c r="AA72" s="8">
        <v>6.34</v>
      </c>
      <c r="AB72" s="8">
        <v>7.4491944746532353</v>
      </c>
      <c r="AC72" s="8">
        <v>7.63</v>
      </c>
      <c r="AD72" s="8">
        <v>8.01</v>
      </c>
      <c r="AE72" s="8">
        <v>6.8700272952420818</v>
      </c>
      <c r="AF72" s="82">
        <v>5.33</v>
      </c>
      <c r="AG72" s="8">
        <v>5.05</v>
      </c>
      <c r="AH72" s="8">
        <v>5.6691479753914011</v>
      </c>
      <c r="AI72" s="8">
        <v>5.36</v>
      </c>
      <c r="AJ72" s="8">
        <v>5.76</v>
      </c>
      <c r="AK72" s="8">
        <v>6.31</v>
      </c>
      <c r="AL72" s="8">
        <v>5.76</v>
      </c>
      <c r="AM72" s="8">
        <v>5.55</v>
      </c>
      <c r="AN72" s="8">
        <v>5.83</v>
      </c>
      <c r="AO72" s="17">
        <v>6.0600859152710456</v>
      </c>
      <c r="AP72" s="17">
        <v>6.59</v>
      </c>
      <c r="AQ72" s="17">
        <v>6.7962921555497324</v>
      </c>
      <c r="AR72" s="17">
        <v>6.93</v>
      </c>
      <c r="AS72" s="8">
        <v>6.44</v>
      </c>
      <c r="AT72" s="8">
        <v>6.3541643558711485</v>
      </c>
      <c r="AU72" s="8">
        <v>6.45</v>
      </c>
      <c r="AV72" s="8">
        <v>6.48</v>
      </c>
      <c r="AW72" s="8">
        <v>5.9123342831649532</v>
      </c>
      <c r="AX72" s="8">
        <v>7.1</v>
      </c>
      <c r="AY72" s="8">
        <v>6.6623352890844645</v>
      </c>
      <c r="AZ72" s="8">
        <v>6.88</v>
      </c>
      <c r="BA72" s="8">
        <v>6.95</v>
      </c>
      <c r="BB72" s="8">
        <v>8.1300000000000008</v>
      </c>
      <c r="BC72" s="8">
        <v>7.53</v>
      </c>
      <c r="BD72" s="8">
        <v>7.4679591912861829</v>
      </c>
      <c r="BE72" s="17"/>
    </row>
    <row r="73" spans="3:57" x14ac:dyDescent="0.2">
      <c r="C73" s="5" t="s">
        <v>71</v>
      </c>
      <c r="D73" s="6" t="s">
        <v>58</v>
      </c>
      <c r="E73" s="8">
        <v>2.5049276672694396</v>
      </c>
      <c r="F73" s="17">
        <v>2.6942815754983789</v>
      </c>
      <c r="G73" s="8">
        <v>2.6898592450415868</v>
      </c>
      <c r="H73" s="8">
        <v>2.7444498451789445</v>
      </c>
      <c r="I73" s="8">
        <v>2.7574089123662469</v>
      </c>
      <c r="J73" s="8">
        <v>2.7532146642786652</v>
      </c>
      <c r="K73" s="8">
        <v>2.694141257202046</v>
      </c>
      <c r="L73" s="8">
        <v>3.0888459145863196</v>
      </c>
      <c r="M73" s="8">
        <v>2.95</v>
      </c>
      <c r="N73" s="8">
        <v>2.81</v>
      </c>
      <c r="O73" s="8">
        <v>3.09</v>
      </c>
      <c r="P73" s="8">
        <v>2.76</v>
      </c>
      <c r="Q73" s="8">
        <v>3.1253787665446353</v>
      </c>
      <c r="R73" s="8">
        <v>3.0460520430981903</v>
      </c>
      <c r="S73" s="8">
        <v>3.0722425979451553</v>
      </c>
      <c r="T73" s="8">
        <v>3.25</v>
      </c>
      <c r="U73" s="8">
        <v>3</v>
      </c>
      <c r="V73" s="8">
        <v>3.041231770833333</v>
      </c>
      <c r="W73" s="8">
        <v>3.2474405377456046</v>
      </c>
      <c r="X73" s="8">
        <v>3.1</v>
      </c>
      <c r="Y73" s="8">
        <v>3.1585769208477426</v>
      </c>
      <c r="Z73" s="39">
        <v>3.0638211650699261</v>
      </c>
      <c r="AA73" s="8">
        <v>2.76</v>
      </c>
      <c r="AB73" s="8">
        <v>3.0656535995693242</v>
      </c>
      <c r="AC73" s="8">
        <v>3.12</v>
      </c>
      <c r="AD73" s="8">
        <v>3.12</v>
      </c>
      <c r="AE73" s="8">
        <v>2.9542934043353686</v>
      </c>
      <c r="AF73" s="82">
        <v>2.73</v>
      </c>
      <c r="AG73" s="8">
        <v>2.74</v>
      </c>
      <c r="AH73" s="8">
        <v>2.9048553502962702</v>
      </c>
      <c r="AI73" s="8">
        <v>3.1</v>
      </c>
      <c r="AJ73" s="8">
        <v>2.88</v>
      </c>
      <c r="AK73" s="8">
        <v>2.99</v>
      </c>
      <c r="AL73" s="8">
        <v>3.09</v>
      </c>
      <c r="AM73" s="8">
        <v>3.13</v>
      </c>
      <c r="AN73" s="8">
        <v>3.32</v>
      </c>
      <c r="AO73" s="17">
        <v>3.232674256824283</v>
      </c>
      <c r="AP73" s="17">
        <v>3.33</v>
      </c>
      <c r="AQ73" s="17">
        <v>3.3230710655066726</v>
      </c>
      <c r="AR73" s="17">
        <v>3.25</v>
      </c>
      <c r="AS73" s="8">
        <v>2.99</v>
      </c>
      <c r="AT73" s="8">
        <v>3.1995518207282911</v>
      </c>
      <c r="AU73" s="8">
        <v>3.16</v>
      </c>
      <c r="AV73" s="8">
        <v>3.14</v>
      </c>
      <c r="AW73" s="8">
        <v>3.0487723752697731</v>
      </c>
      <c r="AX73" s="8">
        <v>3.16</v>
      </c>
      <c r="AY73" s="8">
        <v>3.2018234975636171</v>
      </c>
      <c r="AZ73" s="8">
        <v>3.25</v>
      </c>
      <c r="BA73" s="8">
        <v>3.05</v>
      </c>
      <c r="BB73" s="8">
        <v>3.18</v>
      </c>
      <c r="BC73" s="8">
        <v>3.01</v>
      </c>
      <c r="BD73" s="8">
        <v>3.0741753892162897</v>
      </c>
      <c r="BE73" s="17"/>
    </row>
    <row r="74" spans="3:57" x14ac:dyDescent="0.2">
      <c r="C74" s="5" t="s">
        <v>102</v>
      </c>
      <c r="D74" s="6" t="s">
        <v>58</v>
      </c>
      <c r="E74" s="8">
        <v>4.8131046822170482</v>
      </c>
      <c r="F74" s="17">
        <v>4.9232366933218588</v>
      </c>
      <c r="G74" s="8">
        <v>4.9930296125625961</v>
      </c>
      <c r="H74" s="8">
        <v>5.0872164397201045</v>
      </c>
      <c r="I74" s="8">
        <v>5.0836530563475</v>
      </c>
      <c r="J74" s="8">
        <v>5.217885717041697</v>
      </c>
      <c r="K74" s="8">
        <v>5.329385431428121</v>
      </c>
      <c r="L74" s="8">
        <v>5.3887456547554793</v>
      </c>
      <c r="M74" s="8">
        <v>5.62</v>
      </c>
      <c r="N74" s="8">
        <v>5.62</v>
      </c>
      <c r="O74" s="8">
        <v>5.93</v>
      </c>
      <c r="P74" s="8">
        <v>6.03</v>
      </c>
      <c r="Q74" s="8">
        <v>6.133970200477127</v>
      </c>
      <c r="R74" s="8">
        <v>6.2047475780252928</v>
      </c>
      <c r="S74" s="8">
        <v>6.3627130740653417</v>
      </c>
      <c r="T74" s="8">
        <v>6.3</v>
      </c>
      <c r="U74" s="8">
        <v>6.52</v>
      </c>
      <c r="V74" s="8">
        <v>6.646182900025269</v>
      </c>
      <c r="W74" s="8">
        <v>6.3533361799451296</v>
      </c>
      <c r="X74" s="8">
        <v>6.48</v>
      </c>
      <c r="Y74" s="8">
        <v>6.7501523078669212</v>
      </c>
      <c r="Z74" s="39">
        <v>6.5482740143780358</v>
      </c>
      <c r="AA74" s="8">
        <v>6.73</v>
      </c>
      <c r="AB74" s="8">
        <v>6.9213934678326332</v>
      </c>
      <c r="AC74" s="8">
        <v>6.96</v>
      </c>
      <c r="AD74" s="8">
        <v>7.19</v>
      </c>
      <c r="AE74" s="8">
        <v>6.9939706491544422</v>
      </c>
      <c r="AF74" s="82">
        <v>6.88</v>
      </c>
      <c r="AG74" s="8">
        <v>6.98</v>
      </c>
      <c r="AH74" s="8">
        <v>6.9156962654765879</v>
      </c>
      <c r="AI74" s="8">
        <v>6.98</v>
      </c>
      <c r="AJ74" s="8">
        <v>6.29</v>
      </c>
      <c r="AK74" s="8">
        <v>6.51</v>
      </c>
      <c r="AL74" s="8">
        <v>6.58</v>
      </c>
      <c r="AM74" s="8">
        <v>6.59</v>
      </c>
      <c r="AN74" s="8">
        <v>6.44</v>
      </c>
      <c r="AO74" s="17">
        <v>7.036070500490256</v>
      </c>
      <c r="AP74" s="17">
        <v>5.85</v>
      </c>
      <c r="AQ74" s="17">
        <v>5.6619231272860597</v>
      </c>
      <c r="AR74" s="17">
        <v>5.96</v>
      </c>
      <c r="AS74" s="8">
        <v>6.17</v>
      </c>
      <c r="AT74" s="8">
        <v>5.6384193507721392</v>
      </c>
      <c r="AU74" s="8">
        <v>5.36</v>
      </c>
      <c r="AV74" s="8">
        <v>5.36</v>
      </c>
      <c r="AW74" s="8">
        <v>5.3336850282721002</v>
      </c>
      <c r="AX74" s="8">
        <v>5.31</v>
      </c>
      <c r="AY74" s="8">
        <v>5.2055694791556668</v>
      </c>
      <c r="AZ74" s="8">
        <v>5.13</v>
      </c>
      <c r="BA74" s="8">
        <v>5.42</v>
      </c>
      <c r="BB74" s="8">
        <v>5.44</v>
      </c>
      <c r="BC74" s="8">
        <v>5.36</v>
      </c>
      <c r="BD74" s="8">
        <v>5.3368716983945816</v>
      </c>
      <c r="BE74" s="17"/>
    </row>
    <row r="75" spans="3:57" x14ac:dyDescent="0.2">
      <c r="C75" s="5" t="s">
        <v>72</v>
      </c>
      <c r="D75" s="6" t="s">
        <v>58</v>
      </c>
      <c r="E75" s="8">
        <v>5.5738893482788194</v>
      </c>
      <c r="F75" s="17">
        <v>5.6429001590230872</v>
      </c>
      <c r="G75" s="8">
        <v>6.0207447622777197</v>
      </c>
      <c r="H75" s="8">
        <v>6.3929261805951869</v>
      </c>
      <c r="I75" s="8">
        <v>5.8738561566710601</v>
      </c>
      <c r="J75" s="8">
        <v>5.9879462396041365</v>
      </c>
      <c r="K75" s="8">
        <v>5.7887074070107261</v>
      </c>
      <c r="L75" s="8">
        <v>6.0575218517594767</v>
      </c>
      <c r="M75" s="8">
        <v>6.25</v>
      </c>
      <c r="N75" s="8">
        <v>6.24</v>
      </c>
      <c r="O75" s="8">
        <v>6.2</v>
      </c>
      <c r="P75" s="8">
        <v>6.11</v>
      </c>
      <c r="Q75" s="8">
        <v>6.1372282945812362</v>
      </c>
      <c r="R75" s="8">
        <v>6.1100543392422075</v>
      </c>
      <c r="S75" s="8">
        <v>6.4156057747344768</v>
      </c>
      <c r="T75" s="8">
        <v>6.68</v>
      </c>
      <c r="U75" s="8">
        <v>6.38</v>
      </c>
      <c r="V75" s="8">
        <v>6.639100722443886</v>
      </c>
      <c r="W75" s="8">
        <v>6.6936508358284028</v>
      </c>
      <c r="X75" s="8">
        <v>6.44</v>
      </c>
      <c r="Y75" s="8">
        <v>5.8428725000184754</v>
      </c>
      <c r="Z75" s="39">
        <v>5.5688079803069943</v>
      </c>
      <c r="AA75" s="8">
        <v>5.41</v>
      </c>
      <c r="AB75" s="8">
        <v>5.1543578741461715</v>
      </c>
      <c r="AC75" s="8">
        <v>4.97</v>
      </c>
      <c r="AD75" s="8">
        <v>4.5599999999999996</v>
      </c>
      <c r="AE75" s="8">
        <v>4.4531403217265879</v>
      </c>
      <c r="AF75" s="82">
        <v>4.46</v>
      </c>
      <c r="AG75" s="8">
        <v>5.04</v>
      </c>
      <c r="AH75" s="8">
        <v>4.5409178583002046</v>
      </c>
      <c r="AI75" s="8">
        <v>4.5999999999999996</v>
      </c>
      <c r="AJ75" s="8">
        <v>4.43</v>
      </c>
      <c r="AK75" s="8">
        <v>4.5599999999999996</v>
      </c>
      <c r="AL75" s="8">
        <v>4.75</v>
      </c>
      <c r="AM75" s="8">
        <v>4.58</v>
      </c>
      <c r="AN75" s="8">
        <v>4.66</v>
      </c>
      <c r="AO75" s="17">
        <v>4.8678763821056075</v>
      </c>
      <c r="AP75" s="17">
        <v>4.49</v>
      </c>
      <c r="AQ75" s="17">
        <v>4.5332655608267505</v>
      </c>
      <c r="AR75" s="17">
        <v>4.0599999999999996</v>
      </c>
      <c r="AS75" s="8">
        <v>4.03</v>
      </c>
      <c r="AT75" s="8">
        <v>3.7750307503904947</v>
      </c>
      <c r="AU75" s="8">
        <v>3.53</v>
      </c>
      <c r="AV75" s="8">
        <v>3.53</v>
      </c>
      <c r="AW75" s="8">
        <v>3.8764772906989147</v>
      </c>
      <c r="AX75" s="8">
        <v>4.0999999999999996</v>
      </c>
      <c r="AY75" s="8">
        <v>3.7054876760617916</v>
      </c>
      <c r="AZ75" s="8">
        <v>3.76</v>
      </c>
      <c r="BA75" s="8">
        <v>4.0999999999999996</v>
      </c>
      <c r="BB75" s="8">
        <v>4.17</v>
      </c>
      <c r="BC75" s="8">
        <v>4.5199999999999996</v>
      </c>
      <c r="BD75" s="8">
        <v>4.1722993217740614</v>
      </c>
      <c r="BE75" s="17"/>
    </row>
    <row r="76" spans="3:57" x14ac:dyDescent="0.2">
      <c r="C76" s="5" t="s">
        <v>73</v>
      </c>
      <c r="D76" s="6" t="s">
        <v>58</v>
      </c>
      <c r="E76" s="8">
        <v>5.1308756398675088</v>
      </c>
      <c r="F76" s="17">
        <v>5.0393284103185687</v>
      </c>
      <c r="G76" s="8">
        <v>4.5169207584058002</v>
      </c>
      <c r="H76" s="8">
        <v>4.1051841150528992</v>
      </c>
      <c r="I76" s="8">
        <v>4.5214748618596081</v>
      </c>
      <c r="J76" s="8">
        <v>5.4470813852039104</v>
      </c>
      <c r="K76" s="8">
        <v>5.1512772380119758</v>
      </c>
      <c r="L76" s="8">
        <v>5.2121660674939116</v>
      </c>
      <c r="M76" s="8">
        <v>5.9</v>
      </c>
      <c r="N76" s="8">
        <v>5.58</v>
      </c>
      <c r="O76" s="8">
        <v>5.82</v>
      </c>
      <c r="P76" s="8">
        <v>6.61</v>
      </c>
      <c r="Q76" s="8">
        <v>5.0146979264789682</v>
      </c>
      <c r="R76" s="8">
        <v>5.4442554644056598</v>
      </c>
      <c r="S76" s="8">
        <v>6.0383033157745185</v>
      </c>
      <c r="T76" s="8">
        <v>5.88</v>
      </c>
      <c r="U76" s="8">
        <v>5.57</v>
      </c>
      <c r="V76" s="8">
        <v>5.7043802704043349</v>
      </c>
      <c r="W76" s="8">
        <v>6.4962407099583759</v>
      </c>
      <c r="X76" s="8">
        <v>6.56</v>
      </c>
      <c r="Y76" s="8">
        <v>5.6929634199448396</v>
      </c>
      <c r="Z76" s="39">
        <v>5.3097886015003919</v>
      </c>
      <c r="AA76" s="8">
        <v>5.0199999999999996</v>
      </c>
      <c r="AB76" s="8">
        <v>4.5588189399475567</v>
      </c>
      <c r="AC76" s="8">
        <v>4.59</v>
      </c>
      <c r="AD76" s="8">
        <v>4.1399999999999997</v>
      </c>
      <c r="AE76" s="8">
        <v>4.500425425117804</v>
      </c>
      <c r="AF76" s="82">
        <v>4.09</v>
      </c>
      <c r="AG76" s="8">
        <v>3.97</v>
      </c>
      <c r="AH76" s="8">
        <v>4.3579521366954772</v>
      </c>
      <c r="AI76" s="8">
        <v>3.66</v>
      </c>
      <c r="AJ76" s="8">
        <v>4.12</v>
      </c>
      <c r="AK76" s="8">
        <v>4.79</v>
      </c>
      <c r="AL76" s="8">
        <v>3.96</v>
      </c>
      <c r="AM76" s="8">
        <v>4.5</v>
      </c>
      <c r="AN76" s="8">
        <v>4.1100000000000003</v>
      </c>
      <c r="AO76" s="17">
        <v>3.731200844742208</v>
      </c>
      <c r="AP76" s="17">
        <v>4.29</v>
      </c>
      <c r="AQ76" s="17">
        <v>3.7437510925104203</v>
      </c>
      <c r="AR76" s="17">
        <v>3.71</v>
      </c>
      <c r="AS76" s="8">
        <v>4.16</v>
      </c>
      <c r="AT76" s="8">
        <v>3.9511104097571419</v>
      </c>
      <c r="AU76" s="8">
        <v>4.1500000000000004</v>
      </c>
      <c r="AV76" s="8">
        <v>4.22</v>
      </c>
      <c r="AW76" s="8">
        <v>4.0946585189042386</v>
      </c>
      <c r="AX76" s="8">
        <v>3.55</v>
      </c>
      <c r="AY76" s="8">
        <v>3.5252055036994205</v>
      </c>
      <c r="AZ76" s="8">
        <v>4.08</v>
      </c>
      <c r="BA76" s="8">
        <v>4.0599999999999996</v>
      </c>
      <c r="BB76" s="8">
        <v>4.28</v>
      </c>
      <c r="BC76" s="8">
        <v>4.0199999999999996</v>
      </c>
      <c r="BD76" s="8">
        <v>4.1021008706094273</v>
      </c>
      <c r="BE76" s="17"/>
    </row>
    <row r="77" spans="3:57" x14ac:dyDescent="0.2">
      <c r="C77" s="5" t="s">
        <v>74</v>
      </c>
      <c r="D77" s="6" t="s">
        <v>58</v>
      </c>
      <c r="E77" s="8">
        <v>1.6614506123593602</v>
      </c>
      <c r="F77" s="17">
        <v>1.6120933473648282</v>
      </c>
      <c r="G77" s="8">
        <v>1.6434139895346647</v>
      </c>
      <c r="H77" s="8">
        <v>1.6155198446937016</v>
      </c>
      <c r="I77" s="8">
        <v>1.6228887741030953</v>
      </c>
      <c r="J77" s="8">
        <v>1.62</v>
      </c>
      <c r="K77" s="8">
        <v>1.6192514970059879</v>
      </c>
      <c r="L77" s="8">
        <v>1.6119064242934467</v>
      </c>
      <c r="M77" s="8">
        <v>1.6</v>
      </c>
      <c r="N77" s="8">
        <v>1.62</v>
      </c>
      <c r="O77" s="8">
        <v>1.62</v>
      </c>
      <c r="P77" s="8">
        <v>1.6</v>
      </c>
      <c r="Q77" s="8">
        <v>1.6121912596871866</v>
      </c>
      <c r="R77" s="8">
        <v>1.5938402641960152</v>
      </c>
      <c r="S77" s="8">
        <v>1.6177613685222492</v>
      </c>
      <c r="T77" s="8">
        <v>1.57</v>
      </c>
      <c r="U77" s="8">
        <v>1.62</v>
      </c>
      <c r="V77" s="8">
        <v>1.6014801328980663</v>
      </c>
      <c r="W77" s="8">
        <v>1.5903489485882745</v>
      </c>
      <c r="X77" s="8">
        <v>1.57</v>
      </c>
      <c r="Y77" s="8">
        <v>1.6085125483387264</v>
      </c>
      <c r="Z77" s="39">
        <v>1.5951123890461774</v>
      </c>
      <c r="AA77" s="8">
        <v>1.59</v>
      </c>
      <c r="AB77" s="8">
        <v>1.5904254860439042</v>
      </c>
      <c r="AC77" s="8">
        <v>1.57</v>
      </c>
      <c r="AD77" s="8">
        <v>1.58</v>
      </c>
      <c r="AE77" s="8">
        <v>1.6357283113989023</v>
      </c>
      <c r="AF77" s="82">
        <v>1.56</v>
      </c>
      <c r="AG77" s="8">
        <v>1.55</v>
      </c>
      <c r="AH77" s="8">
        <v>1.700999296302812</v>
      </c>
      <c r="AI77" s="8">
        <v>1.58</v>
      </c>
      <c r="AJ77" s="8">
        <v>1.58</v>
      </c>
      <c r="AK77" s="8">
        <v>1.58</v>
      </c>
      <c r="AL77" s="8">
        <v>1.58</v>
      </c>
      <c r="AM77" s="8">
        <v>1.61</v>
      </c>
      <c r="AN77" s="8">
        <v>1.59</v>
      </c>
      <c r="AO77" s="17">
        <v>1.6017816863135517</v>
      </c>
      <c r="AP77" s="17">
        <v>1.59</v>
      </c>
      <c r="AQ77" s="17">
        <v>1.5908938631815237</v>
      </c>
      <c r="AR77" s="17">
        <v>1.6</v>
      </c>
      <c r="AS77" s="8">
        <v>1.63</v>
      </c>
      <c r="AT77" s="8">
        <v>1.6274267064838526</v>
      </c>
      <c r="AU77" s="8">
        <v>1.61</v>
      </c>
      <c r="AV77" s="8">
        <v>1.61</v>
      </c>
      <c r="AW77" s="8">
        <v>1.6275388395352879</v>
      </c>
      <c r="AX77" s="8">
        <v>1.62</v>
      </c>
      <c r="AY77" s="8">
        <v>1.6156696870331206</v>
      </c>
      <c r="AZ77" s="8">
        <v>1.61</v>
      </c>
      <c r="BA77" s="8">
        <v>1.63</v>
      </c>
      <c r="BB77" s="8">
        <v>1.62</v>
      </c>
      <c r="BC77" s="8">
        <v>1.7</v>
      </c>
      <c r="BD77" s="8">
        <v>1.7428895209648247</v>
      </c>
      <c r="BE77" s="17"/>
    </row>
    <row r="78" spans="3:57" x14ac:dyDescent="0.2">
      <c r="C78" s="16" t="s">
        <v>78</v>
      </c>
      <c r="D78" s="6" t="s">
        <v>58</v>
      </c>
      <c r="E78" s="8">
        <v>0.35582619341440574</v>
      </c>
      <c r="F78" s="17">
        <v>0.35971618766839308</v>
      </c>
      <c r="G78" s="8">
        <v>0.36767442782092669</v>
      </c>
      <c r="H78" s="8">
        <v>0.37400528327824983</v>
      </c>
      <c r="I78" s="8">
        <v>0.37397612126923996</v>
      </c>
      <c r="J78" s="8">
        <v>0.37493533572309118</v>
      </c>
      <c r="K78" s="8">
        <v>0.37692429963304297</v>
      </c>
      <c r="L78" s="8">
        <v>0.37474622796077567</v>
      </c>
      <c r="M78" s="8">
        <v>0.37</v>
      </c>
      <c r="N78" s="8">
        <v>0.4</v>
      </c>
      <c r="O78" s="39">
        <v>0.41</v>
      </c>
      <c r="P78" s="8">
        <v>0.43</v>
      </c>
      <c r="Q78" s="8">
        <v>0.46779356041526043</v>
      </c>
      <c r="R78" s="8">
        <v>0.49814690943358197</v>
      </c>
      <c r="S78" s="8">
        <v>0.46633105602290792</v>
      </c>
      <c r="T78" s="8">
        <v>0.48</v>
      </c>
      <c r="U78" s="8">
        <v>0.54</v>
      </c>
      <c r="V78" s="8">
        <v>0.49774961592720707</v>
      </c>
      <c r="W78" s="8">
        <v>0.48280252069178675</v>
      </c>
      <c r="X78" s="8">
        <v>0.39</v>
      </c>
      <c r="Y78" s="8">
        <v>0.3708406941288902</v>
      </c>
      <c r="Z78" s="39">
        <v>0.30065558115717989</v>
      </c>
      <c r="AA78" s="8">
        <v>0.3</v>
      </c>
      <c r="AB78" s="8">
        <v>0.31019954981325004</v>
      </c>
      <c r="AC78" s="8">
        <v>0.28999999999999998</v>
      </c>
      <c r="AD78" s="8">
        <v>0.32</v>
      </c>
      <c r="AE78" s="8">
        <v>0.28763082632308873</v>
      </c>
      <c r="AF78" s="82">
        <v>0.28999999999999998</v>
      </c>
      <c r="AG78" s="8">
        <v>0.28000000000000003</v>
      </c>
      <c r="AH78" s="8">
        <v>0.27608386029700605</v>
      </c>
      <c r="AI78" s="8">
        <v>0.31</v>
      </c>
      <c r="AJ78" s="76">
        <v>0.31</v>
      </c>
      <c r="AK78" s="76">
        <v>0.32</v>
      </c>
      <c r="AL78" s="76">
        <v>0.25</v>
      </c>
      <c r="AM78" s="8">
        <v>0.23</v>
      </c>
      <c r="AN78" s="8">
        <v>0.23</v>
      </c>
      <c r="AO78" s="17">
        <v>0.2381640112628286</v>
      </c>
      <c r="AP78" s="17">
        <v>0.26</v>
      </c>
      <c r="AQ78" s="17">
        <v>0.21793924599928324</v>
      </c>
      <c r="AR78" s="17">
        <v>0.21</v>
      </c>
      <c r="AS78" s="8">
        <v>0.21</v>
      </c>
      <c r="AT78" s="8">
        <v>0.20870905350826582</v>
      </c>
      <c r="AU78" s="8">
        <v>0.21</v>
      </c>
      <c r="AV78" s="8">
        <v>0.2</v>
      </c>
      <c r="AW78" s="8">
        <v>0.20366517208445892</v>
      </c>
      <c r="AX78" s="8">
        <v>0.23</v>
      </c>
      <c r="AY78" s="8">
        <v>0.24375212657019413</v>
      </c>
      <c r="AZ78" s="8">
        <v>0.24</v>
      </c>
      <c r="BA78" s="8">
        <v>0.24</v>
      </c>
      <c r="BB78" s="8">
        <v>0.25</v>
      </c>
      <c r="BC78" s="8">
        <v>0.24</v>
      </c>
      <c r="BD78" s="8">
        <v>0.25028389206843904</v>
      </c>
      <c r="BE78" s="17"/>
    </row>
    <row r="79" spans="3:57" x14ac:dyDescent="0.2">
      <c r="C79" s="16" t="s">
        <v>79</v>
      </c>
      <c r="D79" s="6" t="s">
        <v>58</v>
      </c>
      <c r="E79" s="8">
        <v>0.7669853137937005</v>
      </c>
      <c r="F79" s="17">
        <v>0.71354567275277103</v>
      </c>
      <c r="G79" s="8">
        <v>0.71597150763808748</v>
      </c>
      <c r="H79" s="8">
        <v>0.71373585750748547</v>
      </c>
      <c r="I79" s="8">
        <v>0.72656578154047124</v>
      </c>
      <c r="J79" s="8">
        <v>0.73896583515746406</v>
      </c>
      <c r="K79" s="8">
        <v>0.75926830088059338</v>
      </c>
      <c r="L79" s="8">
        <v>0.65170411882830581</v>
      </c>
      <c r="M79" s="8">
        <v>0.61</v>
      </c>
      <c r="N79" s="8">
        <v>0.6</v>
      </c>
      <c r="O79" s="39">
        <v>0.61</v>
      </c>
      <c r="P79" s="8">
        <v>0.57999999999999996</v>
      </c>
      <c r="Q79" s="8">
        <v>0.50611573580939861</v>
      </c>
      <c r="R79" s="8">
        <v>0.51087795313451656</v>
      </c>
      <c r="S79" s="8">
        <v>0.53759365044762963</v>
      </c>
      <c r="T79" s="8">
        <v>0.54</v>
      </c>
      <c r="U79" s="8">
        <v>0.54</v>
      </c>
      <c r="V79" s="8">
        <v>0.52694855129783824</v>
      </c>
      <c r="W79" s="8">
        <v>0.53147665488274509</v>
      </c>
      <c r="X79" s="8">
        <v>0.56000000000000005</v>
      </c>
      <c r="Y79" s="8">
        <v>0.57578801130971602</v>
      </c>
      <c r="Z79" s="39">
        <v>0.52313467533007307</v>
      </c>
      <c r="AA79" s="8">
        <v>0.52</v>
      </c>
      <c r="AB79" s="8">
        <v>0.52967076256995782</v>
      </c>
      <c r="AC79" s="8">
        <v>0.55000000000000004</v>
      </c>
      <c r="AD79" s="8">
        <v>0.52</v>
      </c>
      <c r="AE79" s="8">
        <v>0.63280306202783965</v>
      </c>
      <c r="AF79" s="82">
        <v>0.67</v>
      </c>
      <c r="AG79" s="8">
        <v>0.67</v>
      </c>
      <c r="AH79" s="8">
        <v>0.67092137612272995</v>
      </c>
      <c r="AI79" s="8">
        <v>0.72</v>
      </c>
      <c r="AJ79" s="76">
        <v>0.68</v>
      </c>
      <c r="AK79" s="76">
        <v>0.67</v>
      </c>
      <c r="AL79" s="76">
        <v>0.59</v>
      </c>
      <c r="AM79" s="8">
        <v>0.55000000000000004</v>
      </c>
      <c r="AN79" s="8">
        <v>0.56000000000000005</v>
      </c>
      <c r="AO79" s="17">
        <v>0.57398392408200838</v>
      </c>
      <c r="AP79" s="17">
        <v>0.54</v>
      </c>
      <c r="AQ79" s="17">
        <v>0.55107322562943539</v>
      </c>
      <c r="AR79" s="17">
        <v>0.49</v>
      </c>
      <c r="AS79" s="8">
        <v>0.48</v>
      </c>
      <c r="AT79" s="8">
        <v>0.46924762917471413</v>
      </c>
      <c r="AU79" s="8">
        <v>0.5</v>
      </c>
      <c r="AV79" s="8">
        <v>0.51</v>
      </c>
      <c r="AW79" s="8">
        <v>0.49861029651752042</v>
      </c>
      <c r="AX79" s="8">
        <v>0.5</v>
      </c>
      <c r="AY79" s="8">
        <v>0.51</v>
      </c>
      <c r="AZ79" s="8">
        <v>0.48</v>
      </c>
      <c r="BA79" s="8">
        <v>0.5</v>
      </c>
      <c r="BB79" s="8">
        <v>0.47</v>
      </c>
      <c r="BC79" s="8">
        <v>0.5</v>
      </c>
      <c r="BD79" s="8">
        <v>0.51074387821867595</v>
      </c>
      <c r="BE79" s="17"/>
    </row>
    <row r="80" spans="3:57" x14ac:dyDescent="0.2">
      <c r="C80" s="16" t="s">
        <v>80</v>
      </c>
      <c r="D80" s="6" t="s">
        <v>58</v>
      </c>
      <c r="E80" s="8">
        <v>0.70169007152476026</v>
      </c>
      <c r="F80" s="17">
        <v>0.6716309062746848</v>
      </c>
      <c r="G80" s="8">
        <v>0.66466133025891128</v>
      </c>
      <c r="H80" s="8">
        <v>0.94059076401239006</v>
      </c>
      <c r="I80" s="8">
        <v>0.83034943531827521</v>
      </c>
      <c r="J80" s="8">
        <v>0.65269161023836086</v>
      </c>
      <c r="K80" s="8">
        <v>0.62981018995622018</v>
      </c>
      <c r="L80" s="8">
        <v>0.62991996315326426</v>
      </c>
      <c r="M80" s="8">
        <v>0.7</v>
      </c>
      <c r="N80" s="8">
        <v>0.63</v>
      </c>
      <c r="O80" s="39">
        <v>0.63</v>
      </c>
      <c r="P80" s="8">
        <v>0.57999999999999996</v>
      </c>
      <c r="Q80" s="8">
        <v>0.42717997013262649</v>
      </c>
      <c r="R80" s="8">
        <v>0.41056487031104677</v>
      </c>
      <c r="S80" s="8">
        <v>0.45116272852103445</v>
      </c>
      <c r="T80" s="8">
        <v>0.46</v>
      </c>
      <c r="U80" s="8">
        <v>0.55000000000000004</v>
      </c>
      <c r="V80" s="8">
        <v>0.54650349858769498</v>
      </c>
      <c r="W80" s="8">
        <v>0.52758906208375145</v>
      </c>
      <c r="X80" s="8">
        <v>0.5</v>
      </c>
      <c r="Y80" s="8">
        <v>0.50833902724035052</v>
      </c>
      <c r="Z80" s="39">
        <v>0.47533314779774966</v>
      </c>
      <c r="AA80" s="8">
        <v>0.43</v>
      </c>
      <c r="AB80" s="8">
        <v>0.47832612688489651</v>
      </c>
      <c r="AC80" s="8">
        <v>0.43</v>
      </c>
      <c r="AD80" s="8">
        <v>0.41</v>
      </c>
      <c r="AE80" s="8">
        <v>0.39395075413155362</v>
      </c>
      <c r="AF80" s="82">
        <v>0.39</v>
      </c>
      <c r="AG80" s="8">
        <v>0.5</v>
      </c>
      <c r="AH80" s="8">
        <v>0.583047206103666</v>
      </c>
      <c r="AI80" s="8">
        <v>0.5</v>
      </c>
      <c r="AJ80" s="76">
        <v>0.6</v>
      </c>
      <c r="AK80" s="76">
        <v>0.53</v>
      </c>
      <c r="AL80" s="76">
        <v>0.47</v>
      </c>
      <c r="AM80" s="8">
        <v>0.62</v>
      </c>
      <c r="AN80" s="8">
        <v>0.8</v>
      </c>
      <c r="AO80" s="17">
        <v>0.61185077016024303</v>
      </c>
      <c r="AP80" s="17">
        <v>0.55000000000000004</v>
      </c>
      <c r="AQ80" s="17">
        <v>0.52565444694200414</v>
      </c>
      <c r="AR80" s="17">
        <v>0.48</v>
      </c>
      <c r="AS80" s="8">
        <v>0.47</v>
      </c>
      <c r="AT80" s="8">
        <v>0.51365469577810785</v>
      </c>
      <c r="AU80" s="8">
        <v>0.84</v>
      </c>
      <c r="AV80" s="8">
        <v>0.81</v>
      </c>
      <c r="AW80" s="8">
        <v>0.77851376424430851</v>
      </c>
      <c r="AX80" s="8">
        <v>0.77</v>
      </c>
      <c r="AY80" s="8">
        <v>0.71784460237188197</v>
      </c>
      <c r="AZ80" s="8">
        <v>0.65</v>
      </c>
      <c r="BA80" s="8">
        <v>0.57999999999999996</v>
      </c>
      <c r="BB80" s="8">
        <v>0.65</v>
      </c>
      <c r="BC80" s="8">
        <v>0.69</v>
      </c>
      <c r="BD80" s="8">
        <v>0.63947984629703591</v>
      </c>
      <c r="BE80" s="17"/>
    </row>
    <row r="81" spans="3:57" x14ac:dyDescent="0.2">
      <c r="C81" s="16" t="s">
        <v>81</v>
      </c>
      <c r="D81" s="6" t="s">
        <v>58</v>
      </c>
      <c r="E81" s="8">
        <v>0.40242939643266185</v>
      </c>
      <c r="F81" s="17">
        <v>0.41877343578929549</v>
      </c>
      <c r="G81" s="8">
        <v>0.42168053971795982</v>
      </c>
      <c r="H81" s="8">
        <v>0.42902518650750227</v>
      </c>
      <c r="I81" s="8">
        <v>0.42738926431272395</v>
      </c>
      <c r="J81" s="8">
        <v>0.46282778480941345</v>
      </c>
      <c r="K81" s="8">
        <v>0.44793364427232513</v>
      </c>
      <c r="L81" s="8">
        <v>0.43904293919455573</v>
      </c>
      <c r="M81" s="8">
        <v>0.46</v>
      </c>
      <c r="N81" s="8">
        <v>0.46</v>
      </c>
      <c r="O81" s="39">
        <v>0.46</v>
      </c>
      <c r="P81" s="8">
        <v>0.45</v>
      </c>
      <c r="Q81" s="8">
        <v>0.451831860021983</v>
      </c>
      <c r="R81" s="8">
        <v>0.45251738670080127</v>
      </c>
      <c r="S81" s="8">
        <v>0.45044016851761193</v>
      </c>
      <c r="T81" s="8">
        <v>0.44</v>
      </c>
      <c r="U81" s="8">
        <v>0.45</v>
      </c>
      <c r="V81" s="8">
        <v>0.45228602403545859</v>
      </c>
      <c r="W81" s="8">
        <v>0.4600056902945841</v>
      </c>
      <c r="X81" s="8">
        <v>0.42</v>
      </c>
      <c r="Y81" s="8">
        <v>0.42633267705773048</v>
      </c>
      <c r="Z81" s="39">
        <v>0.35595706612425859</v>
      </c>
      <c r="AA81" s="8">
        <v>0.37</v>
      </c>
      <c r="AB81" s="8">
        <v>0.31888933831161198</v>
      </c>
      <c r="AC81" s="8">
        <v>0.33</v>
      </c>
      <c r="AD81" s="8">
        <v>0.35</v>
      </c>
      <c r="AE81" s="8">
        <v>0.25125028618872758</v>
      </c>
      <c r="AF81" s="82">
        <v>0.27</v>
      </c>
      <c r="AG81" s="8">
        <v>0.26</v>
      </c>
      <c r="AH81" s="8">
        <v>0.26240240531322923</v>
      </c>
      <c r="AI81" s="8">
        <v>0.23</v>
      </c>
      <c r="AJ81" s="76">
        <v>0.23</v>
      </c>
      <c r="AK81" s="76">
        <v>0.22</v>
      </c>
      <c r="AL81" s="76">
        <v>0.22</v>
      </c>
      <c r="AM81" s="8">
        <v>0.22</v>
      </c>
      <c r="AN81" s="8">
        <v>0.22</v>
      </c>
      <c r="AO81" s="17">
        <v>0.22293828178317973</v>
      </c>
      <c r="AP81" s="17">
        <v>0.22</v>
      </c>
      <c r="AQ81" s="17">
        <v>0.23798249932136506</v>
      </c>
      <c r="AR81" s="17">
        <v>0.22</v>
      </c>
      <c r="AS81" s="8">
        <v>0.22</v>
      </c>
      <c r="AT81" s="8">
        <v>0.22249104857157606</v>
      </c>
      <c r="AU81" s="8">
        <v>0.21</v>
      </c>
      <c r="AV81" s="8">
        <v>0.2</v>
      </c>
      <c r="AW81" s="8">
        <v>0.20130316674639825</v>
      </c>
      <c r="AX81" s="8">
        <v>0.2</v>
      </c>
      <c r="AY81" s="8">
        <v>0.19541774838707512</v>
      </c>
      <c r="AZ81" s="8">
        <v>0.2</v>
      </c>
      <c r="BA81" s="8">
        <v>0.2</v>
      </c>
      <c r="BB81" s="8">
        <v>0.2</v>
      </c>
      <c r="BC81" s="8">
        <v>0.2</v>
      </c>
      <c r="BD81" s="8">
        <v>0.18937391194209241</v>
      </c>
      <c r="BE81" s="17"/>
    </row>
    <row r="82" spans="3:57" x14ac:dyDescent="0.2">
      <c r="C82" s="16" t="s">
        <v>82</v>
      </c>
      <c r="D82" s="6" t="s">
        <v>58</v>
      </c>
      <c r="E82" s="8">
        <v>2.1181724211676922</v>
      </c>
      <c r="F82" s="17">
        <v>2.613897104930019</v>
      </c>
      <c r="G82" s="8">
        <v>3.1769631933133757</v>
      </c>
      <c r="H82" s="8">
        <v>2.9461435199106489</v>
      </c>
      <c r="I82" s="8">
        <v>3.0993683854835439</v>
      </c>
      <c r="J82" s="8">
        <v>3.170418544325019</v>
      </c>
      <c r="K82" s="8">
        <v>3.0239035725233108</v>
      </c>
      <c r="L82" s="8">
        <v>2.6099830201278262</v>
      </c>
      <c r="M82" s="8">
        <v>2.38</v>
      </c>
      <c r="N82" s="8">
        <v>2.84</v>
      </c>
      <c r="O82" s="39">
        <v>3.26</v>
      </c>
      <c r="P82" s="8">
        <v>3.15</v>
      </c>
      <c r="Q82" s="8">
        <v>2.8511504077498633</v>
      </c>
      <c r="R82" s="8">
        <v>2.9017636475158457</v>
      </c>
      <c r="S82" s="8">
        <v>2.8110669033643094</v>
      </c>
      <c r="T82" s="8">
        <v>2.04</v>
      </c>
      <c r="U82" s="8">
        <v>1.87</v>
      </c>
      <c r="V82" s="8">
        <v>1.9202087688997971</v>
      </c>
      <c r="W82" s="8">
        <v>1.9254686607443001</v>
      </c>
      <c r="X82" s="8">
        <v>2.12</v>
      </c>
      <c r="Y82" s="8">
        <v>2.264029026005085</v>
      </c>
      <c r="Z82" s="8">
        <v>2.0807223677675544</v>
      </c>
      <c r="AA82" s="8">
        <v>1.94</v>
      </c>
      <c r="AB82" s="8">
        <v>1.9932150395296353</v>
      </c>
      <c r="AC82" s="8">
        <v>2.0099999999999998</v>
      </c>
      <c r="AD82" s="8">
        <v>1.47</v>
      </c>
      <c r="AE82" s="8">
        <v>1.8613581005099775</v>
      </c>
      <c r="AF82" s="82">
        <v>2.09</v>
      </c>
      <c r="AG82" s="8">
        <v>2.2000000000000002</v>
      </c>
      <c r="AH82" s="8">
        <v>2.3505868481409293</v>
      </c>
      <c r="AI82" s="8">
        <v>1.97</v>
      </c>
      <c r="AJ82" s="76">
        <v>1.74</v>
      </c>
      <c r="AK82" s="8">
        <v>1.31</v>
      </c>
      <c r="AL82" s="8">
        <v>1.31</v>
      </c>
      <c r="AM82" s="8">
        <v>1.87</v>
      </c>
      <c r="AN82" s="8">
        <v>2.64</v>
      </c>
      <c r="AO82" s="17">
        <v>2.2745618695015106</v>
      </c>
      <c r="AP82" s="17">
        <v>1.6</v>
      </c>
      <c r="AQ82" s="17">
        <v>1.3303264022777492</v>
      </c>
      <c r="AR82" s="17">
        <v>1.27</v>
      </c>
      <c r="AS82" s="8">
        <v>1.4</v>
      </c>
      <c r="AT82" s="8">
        <v>1.5059195351189716</v>
      </c>
      <c r="AU82" s="8">
        <v>2.06</v>
      </c>
      <c r="AV82" s="8">
        <v>2.33</v>
      </c>
      <c r="AW82" s="8">
        <v>2.6609359353071866</v>
      </c>
      <c r="AX82" s="8">
        <v>2.34</v>
      </c>
      <c r="AY82" s="8">
        <v>2.1719502143617042</v>
      </c>
      <c r="AZ82" s="8">
        <v>2.38</v>
      </c>
      <c r="BA82" s="8">
        <v>2.11</v>
      </c>
      <c r="BB82" s="8">
        <v>2.38</v>
      </c>
      <c r="BC82" s="8">
        <v>2.2999999999999998</v>
      </c>
      <c r="BD82" s="8">
        <v>2.207718770006402</v>
      </c>
      <c r="BE82" s="17"/>
    </row>
    <row r="83" spans="3:57" x14ac:dyDescent="0.2">
      <c r="C83" s="16" t="s">
        <v>84</v>
      </c>
      <c r="D83" s="6" t="s">
        <v>85</v>
      </c>
      <c r="E83" s="8">
        <v>0.43062873649500011</v>
      </c>
      <c r="F83" s="17">
        <v>0.43650214750737432</v>
      </c>
      <c r="G83" s="8">
        <v>0.43873204977610625</v>
      </c>
      <c r="H83" s="8">
        <v>0.43356435167702284</v>
      </c>
      <c r="I83" s="8">
        <v>0.42428212825862038</v>
      </c>
      <c r="J83" s="8">
        <v>0.42440611426912239</v>
      </c>
      <c r="K83" s="8">
        <v>0.43978809133388219</v>
      </c>
      <c r="L83" s="8">
        <v>0.43758881713927822</v>
      </c>
      <c r="M83" s="8">
        <v>0.46</v>
      </c>
      <c r="N83" s="8">
        <v>0.45</v>
      </c>
      <c r="O83" s="39">
        <v>0.46</v>
      </c>
      <c r="P83" s="8">
        <v>0.44</v>
      </c>
      <c r="Q83" s="8">
        <v>0.41956424270148657</v>
      </c>
      <c r="R83" s="8">
        <v>0.42853530291329139</v>
      </c>
      <c r="S83" s="8">
        <v>0.41918840948675229</v>
      </c>
      <c r="T83" s="8">
        <v>0.42</v>
      </c>
      <c r="U83" s="8">
        <v>0.4</v>
      </c>
      <c r="V83" s="8">
        <v>0.40164593646240487</v>
      </c>
      <c r="W83" s="8">
        <v>0.38294587126708257</v>
      </c>
      <c r="X83" s="8">
        <v>0.38</v>
      </c>
      <c r="Y83" s="8">
        <v>0.38071657567818401</v>
      </c>
      <c r="Z83" s="8">
        <v>0.37846930521664801</v>
      </c>
      <c r="AA83" s="8">
        <v>0.38</v>
      </c>
      <c r="AB83" s="8">
        <v>0.35893886073291142</v>
      </c>
      <c r="AC83" s="8">
        <v>0.36</v>
      </c>
      <c r="AD83" s="8">
        <v>0.35</v>
      </c>
      <c r="AE83" s="8">
        <v>0.33674606224702447</v>
      </c>
      <c r="AF83" s="82">
        <v>0.35</v>
      </c>
      <c r="AG83" s="8">
        <v>0.36</v>
      </c>
      <c r="AH83" s="8">
        <v>0.34028535126026271</v>
      </c>
      <c r="AI83" s="8">
        <v>0.34</v>
      </c>
      <c r="AJ83" s="76">
        <v>0.36</v>
      </c>
      <c r="AK83" s="8">
        <v>0.34</v>
      </c>
      <c r="AL83" s="8">
        <v>0.34</v>
      </c>
      <c r="AM83" s="8">
        <v>0.37</v>
      </c>
      <c r="AN83" s="8">
        <v>0.37</v>
      </c>
      <c r="AO83" s="17">
        <v>0.43889533861037816</v>
      </c>
      <c r="AP83" s="17">
        <v>0.45</v>
      </c>
      <c r="AQ83" s="17">
        <v>0.3952322438568418</v>
      </c>
      <c r="AR83" s="17">
        <v>0.45</v>
      </c>
      <c r="AS83" s="8">
        <v>0.44</v>
      </c>
      <c r="AT83" s="8">
        <v>0.39995059368816466</v>
      </c>
      <c r="AU83" s="8">
        <v>0.39</v>
      </c>
      <c r="AV83" s="8">
        <v>0.39</v>
      </c>
      <c r="AW83" s="8">
        <v>0.43615754074830232</v>
      </c>
      <c r="AX83" s="8">
        <v>0.39</v>
      </c>
      <c r="AY83" s="8">
        <v>0.40039905916189433</v>
      </c>
      <c r="AZ83" s="8">
        <v>0.4</v>
      </c>
      <c r="BA83" s="8">
        <v>0.41</v>
      </c>
      <c r="BB83" s="8">
        <v>0.45</v>
      </c>
      <c r="BC83" s="8">
        <v>0.41</v>
      </c>
      <c r="BD83" s="8">
        <v>0.41485062258967048</v>
      </c>
      <c r="BE83" s="17"/>
    </row>
    <row r="84" spans="3:57" x14ac:dyDescent="0.2">
      <c r="C84" s="16" t="s">
        <v>86</v>
      </c>
      <c r="D84" s="6" t="s">
        <v>58</v>
      </c>
      <c r="E84" s="8">
        <v>1.0800692064707569</v>
      </c>
      <c r="F84" s="17">
        <v>1.1466669326022152</v>
      </c>
      <c r="G84" s="8">
        <v>1.0816529834653164</v>
      </c>
      <c r="H84" s="8">
        <v>1.1175556108384321</v>
      </c>
      <c r="I84" s="8">
        <v>1.6305837735920004</v>
      </c>
      <c r="J84" s="8">
        <v>1.7023533576688274</v>
      </c>
      <c r="K84" s="8">
        <v>1.9729681830279429</v>
      </c>
      <c r="L84" s="8">
        <v>1.7409126619832</v>
      </c>
      <c r="M84" s="8">
        <v>2.06</v>
      </c>
      <c r="N84" s="8">
        <v>2.11</v>
      </c>
      <c r="O84" s="39">
        <v>2.25</v>
      </c>
      <c r="P84" s="8">
        <v>2.08</v>
      </c>
      <c r="Q84" s="8">
        <v>1.3940907174894941</v>
      </c>
      <c r="R84" s="8">
        <v>1.2579949571931224</v>
      </c>
      <c r="S84" s="8">
        <v>1.1469706931969335</v>
      </c>
      <c r="T84" s="8">
        <v>1.1000000000000001</v>
      </c>
      <c r="U84" s="8">
        <v>1.0900000000000001</v>
      </c>
      <c r="V84" s="8">
        <v>0.99093369658877117</v>
      </c>
      <c r="W84" s="8">
        <v>0.79177641586740988</v>
      </c>
      <c r="X84" s="8">
        <v>0.71</v>
      </c>
      <c r="Y84" s="8">
        <v>0.75582435761403077</v>
      </c>
      <c r="Z84" s="8">
        <v>0.58016178188452405</v>
      </c>
      <c r="AA84" s="8">
        <v>0.64</v>
      </c>
      <c r="AB84" s="8">
        <v>0.62821832763177199</v>
      </c>
      <c r="AC84" s="8">
        <v>0.69</v>
      </c>
      <c r="AD84" s="8">
        <v>0.74</v>
      </c>
      <c r="AE84" s="8">
        <v>0.70933540832276087</v>
      </c>
      <c r="AF84" s="82">
        <v>0.83</v>
      </c>
      <c r="AG84" s="8">
        <v>0.65</v>
      </c>
      <c r="AH84" s="8">
        <v>0.6775089309468264</v>
      </c>
      <c r="AI84" s="8">
        <v>0.64</v>
      </c>
      <c r="AJ84" s="76">
        <v>0.64</v>
      </c>
      <c r="AK84" s="8">
        <v>0.61</v>
      </c>
      <c r="AL84" s="8">
        <v>0.66</v>
      </c>
      <c r="AM84" s="8">
        <v>0.77</v>
      </c>
      <c r="AN84" s="8">
        <v>0.78</v>
      </c>
      <c r="AO84" s="17">
        <v>0.73210490039374676</v>
      </c>
      <c r="AP84" s="17">
        <v>0.81</v>
      </c>
      <c r="AQ84" s="17">
        <v>0.66587793899669545</v>
      </c>
      <c r="AR84" s="17">
        <v>0.75</v>
      </c>
      <c r="AS84" s="8">
        <v>0.77</v>
      </c>
      <c r="AT84" s="8">
        <v>0.7775374257679426</v>
      </c>
      <c r="AU84" s="8">
        <v>0.72</v>
      </c>
      <c r="AV84" s="8">
        <v>0.85</v>
      </c>
      <c r="AW84" s="8">
        <v>0.71009389616015983</v>
      </c>
      <c r="AX84" s="8">
        <v>0.72</v>
      </c>
      <c r="AY84" s="8">
        <v>0.74634711893312455</v>
      </c>
      <c r="AZ84" s="8">
        <v>0.78</v>
      </c>
      <c r="BA84" s="8">
        <v>0.95</v>
      </c>
      <c r="BB84" s="8">
        <v>1.03</v>
      </c>
      <c r="BC84" s="8">
        <v>0.96</v>
      </c>
      <c r="BD84" s="8">
        <v>0.95603393299224304</v>
      </c>
      <c r="BE84" s="17"/>
    </row>
    <row r="85" spans="3:57" x14ac:dyDescent="0.2">
      <c r="C85" s="16" t="s">
        <v>104</v>
      </c>
      <c r="D85" s="6" t="s">
        <v>58</v>
      </c>
      <c r="E85" s="8">
        <v>0.70589468674790823</v>
      </c>
      <c r="F85" s="17">
        <v>0.72106438133744555</v>
      </c>
      <c r="G85" s="8">
        <v>0.73555893539433337</v>
      </c>
      <c r="H85" s="8">
        <v>0.73335214231950541</v>
      </c>
      <c r="I85" s="8">
        <v>0.78460578488600796</v>
      </c>
      <c r="J85" s="8">
        <v>0.89887305271615403</v>
      </c>
      <c r="K85" s="8">
        <v>0.923281476559072</v>
      </c>
      <c r="L85" s="8">
        <v>0.85986314559271093</v>
      </c>
      <c r="M85" s="8">
        <v>0.81</v>
      </c>
      <c r="N85" s="8">
        <v>0.83</v>
      </c>
      <c r="O85" s="39">
        <v>0.8</v>
      </c>
      <c r="P85" s="8">
        <v>0.84</v>
      </c>
      <c r="Q85" s="8">
        <v>0.84254638460043063</v>
      </c>
      <c r="R85" s="8">
        <v>0.84381453476685131</v>
      </c>
      <c r="S85" s="8">
        <v>0.92385531544983612</v>
      </c>
      <c r="T85" s="8">
        <v>0.9</v>
      </c>
      <c r="U85" s="8">
        <v>0.91</v>
      </c>
      <c r="V85" s="8">
        <v>1.0634013021813411</v>
      </c>
      <c r="W85" s="8">
        <v>1.0040255448675688</v>
      </c>
      <c r="X85" s="8">
        <v>0.67</v>
      </c>
      <c r="Y85" s="8">
        <v>0.61304092324881609</v>
      </c>
      <c r="Z85" s="8">
        <v>0.5951539066931516</v>
      </c>
      <c r="AA85" s="8">
        <v>0.56999999999999995</v>
      </c>
      <c r="AB85" s="8">
        <v>0.56151703195211289</v>
      </c>
      <c r="AC85" s="8">
        <v>0.6</v>
      </c>
      <c r="AD85" s="8">
        <v>0.57999999999999996</v>
      </c>
      <c r="AE85" s="8">
        <v>0.59862059509274357</v>
      </c>
      <c r="AF85" s="82">
        <v>0.71</v>
      </c>
      <c r="AG85" s="8">
        <v>0.66</v>
      </c>
      <c r="AH85" s="8">
        <v>0.59029283877221905</v>
      </c>
      <c r="AI85" s="8">
        <v>0.57999999999999996</v>
      </c>
      <c r="AJ85" s="76">
        <v>0.59</v>
      </c>
      <c r="AK85" s="8">
        <v>0.57999999999999996</v>
      </c>
      <c r="AL85" s="8">
        <v>0.48</v>
      </c>
      <c r="AM85" s="8">
        <v>0.54</v>
      </c>
      <c r="AN85" s="8">
        <v>0.56000000000000005</v>
      </c>
      <c r="AO85" s="17">
        <v>0.61728579520259974</v>
      </c>
      <c r="AP85" s="17">
        <v>0.68</v>
      </c>
      <c r="AQ85" s="17">
        <v>0.77565103138119051</v>
      </c>
      <c r="AR85" s="17">
        <v>0.78</v>
      </c>
      <c r="AS85" s="8">
        <v>0.91</v>
      </c>
      <c r="AT85" s="8">
        <v>0.89229892383897824</v>
      </c>
      <c r="AU85" s="8">
        <v>0.8</v>
      </c>
      <c r="AV85" s="8">
        <v>0.87</v>
      </c>
      <c r="AW85" s="8">
        <v>0.88970962744902438</v>
      </c>
      <c r="AX85" s="8">
        <v>0.86</v>
      </c>
      <c r="AY85" s="8">
        <v>0.87236307686084702</v>
      </c>
      <c r="AZ85" s="8">
        <v>0.88</v>
      </c>
      <c r="BA85" s="8">
        <v>0.98</v>
      </c>
      <c r="BB85" s="8">
        <v>0.99</v>
      </c>
      <c r="BC85" s="8">
        <v>1.01</v>
      </c>
      <c r="BD85" s="8">
        <v>0.99474137527902884</v>
      </c>
      <c r="BE85" s="17"/>
    </row>
    <row r="86" spans="3:57" x14ac:dyDescent="0.2">
      <c r="C86" s="16" t="s">
        <v>87</v>
      </c>
      <c r="D86" s="6" t="s">
        <v>58</v>
      </c>
      <c r="E86" s="8">
        <v>0.50114979903001622</v>
      </c>
      <c r="F86" s="17">
        <v>0.51465517641404679</v>
      </c>
      <c r="G86" s="8">
        <v>0.51163367573004881</v>
      </c>
      <c r="H86" s="8">
        <v>0.51299190999708744</v>
      </c>
      <c r="I86" s="8">
        <v>0.51302596090005148</v>
      </c>
      <c r="J86" s="8">
        <v>0.53339229763785834</v>
      </c>
      <c r="K86" s="8">
        <v>0.505627791637281</v>
      </c>
      <c r="L86" s="8">
        <v>0.51385456926553652</v>
      </c>
      <c r="M86" s="8">
        <v>0.53</v>
      </c>
      <c r="N86" s="8">
        <v>0.52</v>
      </c>
      <c r="O86" s="39">
        <v>0.54</v>
      </c>
      <c r="P86" s="8">
        <v>0.53</v>
      </c>
      <c r="Q86" s="8">
        <v>0.52925588057901074</v>
      </c>
      <c r="R86" s="8">
        <v>0.51877630828276533</v>
      </c>
      <c r="S86" s="8">
        <v>0.53139297294565024</v>
      </c>
      <c r="T86" s="8">
        <v>0.53</v>
      </c>
      <c r="U86" s="8">
        <v>0.53</v>
      </c>
      <c r="V86" s="8">
        <v>0.53921235001579126</v>
      </c>
      <c r="W86" s="8">
        <v>0.53267493391619547</v>
      </c>
      <c r="X86" s="8">
        <v>0.52</v>
      </c>
      <c r="Y86" s="8">
        <v>0.49234924359220328</v>
      </c>
      <c r="Z86" s="8">
        <v>0.49858428570506258</v>
      </c>
      <c r="AA86" s="8">
        <v>0.49</v>
      </c>
      <c r="AB86" s="8">
        <v>0.50386137207742265</v>
      </c>
      <c r="AC86" s="8">
        <v>0.52</v>
      </c>
      <c r="AD86" s="8">
        <v>0.52</v>
      </c>
      <c r="AE86" s="8">
        <v>0.53138610150515286</v>
      </c>
      <c r="AF86" s="82">
        <v>0.53</v>
      </c>
      <c r="AG86" s="8">
        <v>0.51</v>
      </c>
      <c r="AH86" s="8">
        <v>0.52489293428077399</v>
      </c>
      <c r="AI86" s="8">
        <v>0.53</v>
      </c>
      <c r="AJ86" s="76">
        <v>0.54</v>
      </c>
      <c r="AK86" s="8">
        <v>0.52</v>
      </c>
      <c r="AL86" s="8">
        <v>0.52</v>
      </c>
      <c r="AM86" s="8">
        <v>0.51</v>
      </c>
      <c r="AN86" s="8">
        <v>0.51</v>
      </c>
      <c r="AO86" s="17">
        <v>0.52727361915727222</v>
      </c>
      <c r="AP86" s="17">
        <v>0.53</v>
      </c>
      <c r="AQ86" s="17">
        <v>0.49388917175340646</v>
      </c>
      <c r="AR86" s="17">
        <v>0.51</v>
      </c>
      <c r="AS86" s="8">
        <v>0.51</v>
      </c>
      <c r="AT86" s="8">
        <v>0.50493145513340121</v>
      </c>
      <c r="AU86" s="8">
        <v>0.52</v>
      </c>
      <c r="AV86" s="8">
        <v>0.51</v>
      </c>
      <c r="AW86" s="8">
        <v>0.51433162990084724</v>
      </c>
      <c r="AX86" s="8">
        <v>0.51</v>
      </c>
      <c r="AY86" s="8">
        <v>0.47121410557533905</v>
      </c>
      <c r="AZ86" s="8">
        <v>0.52</v>
      </c>
      <c r="BA86" s="8">
        <v>0.55000000000000004</v>
      </c>
      <c r="BB86" s="8">
        <v>0.51</v>
      </c>
      <c r="BC86" s="8">
        <v>0.49</v>
      </c>
      <c r="BD86" s="8">
        <v>0.53878392874055892</v>
      </c>
      <c r="BE86" s="17"/>
    </row>
    <row r="87" spans="3:57" x14ac:dyDescent="0.2">
      <c r="C87" s="16" t="s">
        <v>88</v>
      </c>
      <c r="D87" s="6" t="s">
        <v>58</v>
      </c>
      <c r="E87" s="17">
        <v>0.75116357798571132</v>
      </c>
      <c r="F87" s="17">
        <v>0.76504905461950057</v>
      </c>
      <c r="G87" s="17">
        <v>0.75404320967842009</v>
      </c>
      <c r="H87" s="17">
        <v>0.63664259711257631</v>
      </c>
      <c r="I87" s="17">
        <v>0.64126958499403264</v>
      </c>
      <c r="J87" s="17">
        <v>0.66001106395484521</v>
      </c>
      <c r="K87" s="17">
        <v>0.66137472708135803</v>
      </c>
      <c r="L87" s="17">
        <v>0.65276133637229017</v>
      </c>
      <c r="M87" s="17">
        <v>0.63</v>
      </c>
      <c r="N87" s="17">
        <v>0.57999999999999996</v>
      </c>
      <c r="O87" s="43">
        <v>0.59</v>
      </c>
      <c r="P87" s="17">
        <v>0.57999999999999996</v>
      </c>
      <c r="Q87" s="17">
        <v>0.58989459155314872</v>
      </c>
      <c r="R87" s="17">
        <v>0.52703235882691746</v>
      </c>
      <c r="S87" s="17">
        <v>0.53564616925364705</v>
      </c>
      <c r="T87" s="17">
        <v>0.52</v>
      </c>
      <c r="U87" s="17">
        <v>0.53</v>
      </c>
      <c r="V87" s="17">
        <v>0.52042548123323851</v>
      </c>
      <c r="W87" s="17">
        <v>0.52931630268600849</v>
      </c>
      <c r="X87" s="17">
        <v>0.54</v>
      </c>
      <c r="Y87" s="8">
        <v>0.59569468228600608</v>
      </c>
      <c r="Z87" s="8">
        <v>0.61977697090518558</v>
      </c>
      <c r="AA87" s="8">
        <v>0.65</v>
      </c>
      <c r="AB87" s="17">
        <v>0.63793307134029642</v>
      </c>
      <c r="AC87" s="17">
        <v>0.61</v>
      </c>
      <c r="AD87" s="8">
        <v>0.59</v>
      </c>
      <c r="AE87" s="17">
        <v>0.5832974280005383</v>
      </c>
      <c r="AF87" s="83">
        <v>0.61</v>
      </c>
      <c r="AG87" s="17">
        <v>0.61</v>
      </c>
      <c r="AH87" s="8">
        <v>0.65303629440879218</v>
      </c>
      <c r="AI87" s="17">
        <v>0.68</v>
      </c>
      <c r="AJ87" s="76">
        <v>0.6</v>
      </c>
      <c r="AK87" s="8">
        <v>0.57999999999999996</v>
      </c>
      <c r="AL87" s="8">
        <v>0.69</v>
      </c>
      <c r="AM87" s="17">
        <v>0.74</v>
      </c>
      <c r="AN87" s="17">
        <v>0.74</v>
      </c>
      <c r="AO87" s="17">
        <v>0.74007431772511423</v>
      </c>
      <c r="AP87" s="17">
        <v>0.72</v>
      </c>
      <c r="AQ87" s="17">
        <v>0.78227325208884213</v>
      </c>
      <c r="AR87" s="17">
        <v>0.73</v>
      </c>
      <c r="AS87" s="17">
        <v>0.8</v>
      </c>
      <c r="AT87" s="17">
        <v>0.81560431309774362</v>
      </c>
      <c r="AU87" s="17">
        <v>0.81</v>
      </c>
      <c r="AV87" s="17">
        <v>0.8</v>
      </c>
      <c r="AW87" s="17">
        <v>0.78330617105073108</v>
      </c>
      <c r="AX87" s="17">
        <v>0.69</v>
      </c>
      <c r="AY87" s="17">
        <v>0.71175783214206467</v>
      </c>
      <c r="AZ87" s="17">
        <v>0.68</v>
      </c>
      <c r="BA87" s="17">
        <v>0.66</v>
      </c>
      <c r="BB87" s="17">
        <v>0.68</v>
      </c>
      <c r="BC87" s="17">
        <v>0.68</v>
      </c>
      <c r="BD87" s="17">
        <v>0.66899791199680658</v>
      </c>
      <c r="BE87" s="17"/>
    </row>
    <row r="88" spans="3:57" x14ac:dyDescent="0.2">
      <c r="C88" s="18" t="s">
        <v>91</v>
      </c>
      <c r="D88" s="6" t="s">
        <v>58</v>
      </c>
      <c r="E88" s="8">
        <v>0.69837664022000467</v>
      </c>
      <c r="F88" s="17">
        <v>0.62534916366623117</v>
      </c>
      <c r="G88" s="17">
        <v>0.62964377730810572</v>
      </c>
      <c r="H88" s="8">
        <v>0.64676934855085988</v>
      </c>
      <c r="I88" s="8">
        <v>0.67762784240263729</v>
      </c>
      <c r="J88" s="8">
        <v>0.69938229796816631</v>
      </c>
      <c r="K88" s="8">
        <v>0.69256636149882433</v>
      </c>
      <c r="L88" s="8">
        <v>0.67823979182969252</v>
      </c>
      <c r="M88" s="17">
        <v>0.81</v>
      </c>
      <c r="N88" s="17">
        <v>0.84</v>
      </c>
      <c r="O88" s="43">
        <v>0.86</v>
      </c>
      <c r="P88" s="17">
        <v>0.91</v>
      </c>
      <c r="Q88" s="17">
        <v>0.91692373183229137</v>
      </c>
      <c r="R88" s="17">
        <v>0.96232342745062249</v>
      </c>
      <c r="S88" s="17">
        <v>0.86931897486699061</v>
      </c>
      <c r="T88" s="17">
        <v>0.87</v>
      </c>
      <c r="U88" s="17">
        <v>0.86</v>
      </c>
      <c r="V88" s="17">
        <v>0.83532219123028018</v>
      </c>
      <c r="W88" s="17">
        <v>0.87161764663272789</v>
      </c>
      <c r="X88" s="17">
        <v>0.86</v>
      </c>
      <c r="Y88" s="8" t="s">
        <v>90</v>
      </c>
      <c r="Z88" s="8" t="s">
        <v>90</v>
      </c>
      <c r="AA88" s="8" t="s">
        <v>90</v>
      </c>
      <c r="AB88" s="8" t="s">
        <v>90</v>
      </c>
      <c r="AC88" s="76" t="s">
        <v>90</v>
      </c>
      <c r="AD88" s="8" t="s">
        <v>90</v>
      </c>
      <c r="AE88" s="8" t="s">
        <v>90</v>
      </c>
      <c r="AF88" s="8" t="s">
        <v>90</v>
      </c>
      <c r="AG88" s="76" t="s">
        <v>90</v>
      </c>
      <c r="AH88" s="8" t="s">
        <v>90</v>
      </c>
      <c r="AI88" s="8" t="s">
        <v>90</v>
      </c>
      <c r="AJ88" s="76" t="s">
        <v>90</v>
      </c>
      <c r="AK88" s="8" t="s">
        <v>90</v>
      </c>
      <c r="AL88" s="8" t="s">
        <v>90</v>
      </c>
      <c r="AM88" s="76">
        <v>0</v>
      </c>
      <c r="AN88" s="76">
        <v>0</v>
      </c>
      <c r="AO88" s="17">
        <v>1.0964874245094682</v>
      </c>
      <c r="AP88" s="17">
        <v>0.95</v>
      </c>
      <c r="AQ88" s="17">
        <v>0.92545774051947949</v>
      </c>
      <c r="AR88" s="17">
        <v>0.9</v>
      </c>
      <c r="AS88" s="76">
        <v>0.94</v>
      </c>
      <c r="AT88" s="76">
        <v>0.84421638651487596</v>
      </c>
      <c r="AU88" s="76">
        <v>0.82</v>
      </c>
      <c r="AV88" s="76">
        <v>0.96</v>
      </c>
      <c r="AW88" s="76">
        <v>0.88160337427802982</v>
      </c>
      <c r="AX88" s="76">
        <v>0.84</v>
      </c>
      <c r="AY88" s="76">
        <v>0.82870221807949029</v>
      </c>
      <c r="AZ88" s="76">
        <v>0.78</v>
      </c>
      <c r="BA88" s="76">
        <v>0.71</v>
      </c>
      <c r="BB88" s="76">
        <v>0.72</v>
      </c>
      <c r="BC88" s="76">
        <v>0.68</v>
      </c>
      <c r="BD88" s="76">
        <v>0.64969590694023227</v>
      </c>
      <c r="BE88" s="17"/>
    </row>
    <row r="89" spans="3:57" x14ac:dyDescent="0.2">
      <c r="C89" s="18" t="s">
        <v>100</v>
      </c>
      <c r="D89" s="6" t="s">
        <v>58</v>
      </c>
      <c r="E89" s="8">
        <v>0.73119227770954132</v>
      </c>
      <c r="F89" s="17">
        <v>0.70612921952670071</v>
      </c>
      <c r="G89" s="8">
        <v>0.71209241409699575</v>
      </c>
      <c r="H89" s="8">
        <v>0.59297967225480452</v>
      </c>
      <c r="I89" s="8">
        <v>0.58854365193395453</v>
      </c>
      <c r="J89" s="8">
        <v>0.59978101231237113</v>
      </c>
      <c r="K89" s="8">
        <v>0.60521817902354014</v>
      </c>
      <c r="L89" s="8">
        <v>0.60079069480760505</v>
      </c>
      <c r="M89" s="8">
        <v>0.68</v>
      </c>
      <c r="N89" s="8">
        <v>0.71</v>
      </c>
      <c r="O89" s="39">
        <v>0.73</v>
      </c>
      <c r="P89" s="8">
        <v>0.74</v>
      </c>
      <c r="Q89" s="8">
        <v>0.73564057209703504</v>
      </c>
      <c r="R89" s="8">
        <v>0.73003662588914509</v>
      </c>
      <c r="S89" s="8">
        <v>0.71013902934749806</v>
      </c>
      <c r="T89" s="8">
        <v>0.73</v>
      </c>
      <c r="U89" s="8">
        <v>0.7</v>
      </c>
      <c r="V89" s="8">
        <v>0.71116838811838223</v>
      </c>
      <c r="W89" s="8">
        <v>0.71839010684795168</v>
      </c>
      <c r="X89" s="8">
        <v>0.73</v>
      </c>
      <c r="Y89" s="8">
        <v>0.75465097496875544</v>
      </c>
      <c r="Z89" s="8">
        <v>0.75979104352855065</v>
      </c>
      <c r="AA89" s="8">
        <v>0.78</v>
      </c>
      <c r="AB89" s="8">
        <v>0.73349652053586656</v>
      </c>
      <c r="AC89" s="8">
        <v>0.67</v>
      </c>
      <c r="AD89" s="8">
        <v>0.67</v>
      </c>
      <c r="AE89" s="8">
        <v>0.72155343836368824</v>
      </c>
      <c r="AF89" s="82">
        <v>0.75</v>
      </c>
      <c r="AG89" s="8">
        <v>0.76</v>
      </c>
      <c r="AH89" s="8">
        <v>0.66593368019848531</v>
      </c>
      <c r="AI89" s="8">
        <v>0.63</v>
      </c>
      <c r="AJ89" s="76">
        <v>0.6</v>
      </c>
      <c r="AK89" s="8">
        <v>0.65</v>
      </c>
      <c r="AL89" s="8">
        <v>0.66</v>
      </c>
      <c r="AM89" s="8">
        <v>0.61</v>
      </c>
      <c r="AN89" s="8">
        <v>0.65</v>
      </c>
      <c r="AO89" s="17">
        <v>0.69058490865680955</v>
      </c>
      <c r="AP89" s="17">
        <v>0.65</v>
      </c>
      <c r="AQ89" s="17">
        <v>0.71787158740913648</v>
      </c>
      <c r="AR89" s="17">
        <v>0.8</v>
      </c>
      <c r="AS89" s="8">
        <v>0.86</v>
      </c>
      <c r="AT89" s="8">
        <v>0.79055413759523807</v>
      </c>
      <c r="AU89" s="8">
        <v>0.8</v>
      </c>
      <c r="AV89" s="8">
        <v>0.78</v>
      </c>
      <c r="AW89" s="8">
        <v>0.78308025825093897</v>
      </c>
      <c r="AX89" s="8">
        <v>0.77</v>
      </c>
      <c r="AY89" s="8">
        <v>0.68195130843171936</v>
      </c>
      <c r="AZ89" s="8">
        <v>0.57999999999999996</v>
      </c>
      <c r="BA89" s="8">
        <v>0.56999999999999995</v>
      </c>
      <c r="BB89" s="8">
        <v>0.56999999999999995</v>
      </c>
      <c r="BC89" s="8">
        <v>0.56000000000000005</v>
      </c>
      <c r="BD89" s="8">
        <v>0.57741297418511661</v>
      </c>
      <c r="BE89" s="17"/>
    </row>
    <row r="90" spans="3:57" x14ac:dyDescent="0.2">
      <c r="C90" s="16" t="s">
        <v>89</v>
      </c>
      <c r="D90" s="6" t="s">
        <v>58</v>
      </c>
      <c r="E90" s="8">
        <v>0.77232771599914218</v>
      </c>
      <c r="F90" s="17">
        <v>0.76405783309582831</v>
      </c>
      <c r="G90" s="8">
        <v>0.75001681439549506</v>
      </c>
      <c r="H90" s="8">
        <v>0.75312404211636785</v>
      </c>
      <c r="I90" s="8">
        <v>0.75540817976525687</v>
      </c>
      <c r="J90" s="8">
        <v>0.75478360545533585</v>
      </c>
      <c r="K90" s="8">
        <v>0.73544677745306697</v>
      </c>
      <c r="L90" s="8">
        <v>0.74135896228157672</v>
      </c>
      <c r="M90" s="8">
        <v>0.76</v>
      </c>
      <c r="N90" s="8">
        <v>0.84</v>
      </c>
      <c r="O90" s="39">
        <v>0.87</v>
      </c>
      <c r="P90" s="8">
        <v>0.85</v>
      </c>
      <c r="Q90" s="8">
        <v>0.8466216373481984</v>
      </c>
      <c r="R90" s="8">
        <v>0.83717857979694876</v>
      </c>
      <c r="S90" s="8">
        <v>0.86935145743572861</v>
      </c>
      <c r="T90" s="8">
        <v>0.86</v>
      </c>
      <c r="U90" s="8">
        <v>0.86</v>
      </c>
      <c r="V90" s="8">
        <v>0.82611651926404917</v>
      </c>
      <c r="W90" s="8">
        <v>0.81178991817808832</v>
      </c>
      <c r="X90" s="8">
        <v>0.8</v>
      </c>
      <c r="Y90" s="8">
        <v>0.79370774181245751</v>
      </c>
      <c r="Z90" s="8">
        <v>0.78414796706812928</v>
      </c>
      <c r="AA90" s="8">
        <v>0.77</v>
      </c>
      <c r="AB90" s="8">
        <v>0.76616273402507007</v>
      </c>
      <c r="AC90" s="8">
        <v>0.73</v>
      </c>
      <c r="AD90" s="8">
        <v>0.73</v>
      </c>
      <c r="AE90" s="8">
        <v>0.73740135432044851</v>
      </c>
      <c r="AF90" s="82">
        <v>0.82</v>
      </c>
      <c r="AG90" s="8">
        <v>0.83</v>
      </c>
      <c r="AH90" s="8">
        <v>0.87417596551820798</v>
      </c>
      <c r="AI90" s="8">
        <v>0.83</v>
      </c>
      <c r="AJ90" s="76">
        <v>0.8</v>
      </c>
      <c r="AK90" s="8">
        <v>0.84</v>
      </c>
      <c r="AL90" s="8">
        <v>0.83</v>
      </c>
      <c r="AM90" s="8">
        <v>0.81</v>
      </c>
      <c r="AN90" s="8">
        <v>0.8</v>
      </c>
      <c r="AO90" s="17">
        <v>0.77707281912069748</v>
      </c>
      <c r="AP90" s="17">
        <v>0.77</v>
      </c>
      <c r="AQ90" s="17">
        <v>0.79917980270221467</v>
      </c>
      <c r="AR90" s="17">
        <v>0.79</v>
      </c>
      <c r="AS90" s="8">
        <v>0.79</v>
      </c>
      <c r="AT90" s="8">
        <v>0.77482834726622407</v>
      </c>
      <c r="AU90" s="8">
        <v>0.78</v>
      </c>
      <c r="AV90" s="8">
        <v>0.78</v>
      </c>
      <c r="AW90" s="8">
        <v>0.73936584639748582</v>
      </c>
      <c r="AX90" s="8">
        <v>0.74</v>
      </c>
      <c r="AY90" s="8">
        <v>0.71204911567530293</v>
      </c>
      <c r="AZ90" s="8">
        <v>0.72</v>
      </c>
      <c r="BA90" s="8">
        <v>0.7</v>
      </c>
      <c r="BB90" s="8">
        <v>0.7</v>
      </c>
      <c r="BC90" s="8">
        <v>0.7</v>
      </c>
      <c r="BD90" s="8">
        <v>0.72806198879800865</v>
      </c>
      <c r="BE90" s="17"/>
    </row>
    <row r="91" spans="3:57" x14ac:dyDescent="0.2">
      <c r="C91" s="16" t="s">
        <v>95</v>
      </c>
      <c r="D91" s="6" t="s">
        <v>58</v>
      </c>
      <c r="E91" s="17">
        <v>0.98727481057595512</v>
      </c>
      <c r="F91" s="17">
        <v>1.019601049987044</v>
      </c>
      <c r="G91" s="8">
        <v>1.045902749768137</v>
      </c>
      <c r="H91" s="17">
        <v>0.99377143350703934</v>
      </c>
      <c r="I91" s="17">
        <v>1.0234724587060784</v>
      </c>
      <c r="J91" s="17">
        <v>1.0257438978826201</v>
      </c>
      <c r="K91" s="17">
        <v>0.91831971503308352</v>
      </c>
      <c r="L91" s="17">
        <v>0.92820373187340344</v>
      </c>
      <c r="M91" s="8">
        <v>0.94</v>
      </c>
      <c r="N91" s="8">
        <v>0.92</v>
      </c>
      <c r="O91" s="39">
        <v>0.92</v>
      </c>
      <c r="P91" s="8">
        <v>0.92</v>
      </c>
      <c r="Q91" s="8">
        <v>0.91179877821421718</v>
      </c>
      <c r="R91" s="8">
        <v>0.89152813632803507</v>
      </c>
      <c r="S91" s="8">
        <v>0.8567476089327094</v>
      </c>
      <c r="T91" s="8">
        <v>0.87</v>
      </c>
      <c r="U91" s="8">
        <v>0.87</v>
      </c>
      <c r="V91" s="8">
        <v>0.89524667642621991</v>
      </c>
      <c r="W91" s="8">
        <v>0.87220299640773191</v>
      </c>
      <c r="X91" s="8">
        <v>0.9</v>
      </c>
      <c r="Y91" s="8">
        <v>0.87388289475036818</v>
      </c>
      <c r="Z91" s="8">
        <v>0.91507682882822405</v>
      </c>
      <c r="AA91" s="8">
        <v>0.89</v>
      </c>
      <c r="AB91" s="8">
        <v>0.86495998738222468</v>
      </c>
      <c r="AC91" s="8">
        <v>0.84</v>
      </c>
      <c r="AD91" s="8">
        <v>0.86</v>
      </c>
      <c r="AE91" s="8">
        <v>0.94155118360670631</v>
      </c>
      <c r="AF91" s="82">
        <v>0.92</v>
      </c>
      <c r="AG91" s="8">
        <v>0.82</v>
      </c>
      <c r="AH91" s="8">
        <v>0.83259192936420701</v>
      </c>
      <c r="AI91" s="8">
        <v>1.03</v>
      </c>
      <c r="AJ91" s="76">
        <v>0.99</v>
      </c>
      <c r="AK91" s="8">
        <v>0.79</v>
      </c>
      <c r="AL91" s="8">
        <v>0.79</v>
      </c>
      <c r="AM91" s="8">
        <v>0.86</v>
      </c>
      <c r="AN91" s="8">
        <v>0.82</v>
      </c>
      <c r="AO91" s="17">
        <v>0.80101510838151402</v>
      </c>
      <c r="AP91" s="17">
        <v>0.97</v>
      </c>
      <c r="AQ91" s="17">
        <v>0.9765362997367073</v>
      </c>
      <c r="AR91" s="17">
        <v>0.95</v>
      </c>
      <c r="AS91" s="8">
        <v>0.97</v>
      </c>
      <c r="AT91" s="8">
        <v>0.95074426991885352</v>
      </c>
      <c r="AU91" s="8">
        <v>0.9</v>
      </c>
      <c r="AV91" s="8">
        <v>0.94</v>
      </c>
      <c r="AW91" s="8">
        <v>0.7997527302127454</v>
      </c>
      <c r="AX91" s="8">
        <v>0.76</v>
      </c>
      <c r="AY91" s="8">
        <v>0.74200336568286995</v>
      </c>
      <c r="AZ91" s="8">
        <v>0.73</v>
      </c>
      <c r="BA91" s="8">
        <v>0.76</v>
      </c>
      <c r="BB91" s="8">
        <v>0.73</v>
      </c>
      <c r="BC91" s="8">
        <v>0.84</v>
      </c>
      <c r="BD91" s="8">
        <v>0.83542728592097648</v>
      </c>
      <c r="BE91" s="17"/>
    </row>
    <row r="92" spans="3:57" x14ac:dyDescent="0.2">
      <c r="C92" s="23" t="s">
        <v>96</v>
      </c>
      <c r="D92" s="6" t="s">
        <v>58</v>
      </c>
      <c r="E92" s="17">
        <v>0.93065780607789728</v>
      </c>
      <c r="F92" s="17">
        <v>0.92995621029402875</v>
      </c>
      <c r="G92" s="17">
        <v>0.93703179649641188</v>
      </c>
      <c r="H92" s="17">
        <v>1.0176510070198661</v>
      </c>
      <c r="I92" s="17">
        <v>1.0200942545872342</v>
      </c>
      <c r="J92" s="17">
        <v>1.016821887200797</v>
      </c>
      <c r="K92" s="17">
        <v>1.0492224066336535</v>
      </c>
      <c r="L92" s="17">
        <v>1.2852789744967719</v>
      </c>
      <c r="M92" s="17">
        <v>1.35</v>
      </c>
      <c r="N92" s="17">
        <v>1.27</v>
      </c>
      <c r="O92" s="43">
        <v>1.24</v>
      </c>
      <c r="P92" s="17">
        <v>1.24</v>
      </c>
      <c r="Q92" s="17">
        <v>1.2385004500970793</v>
      </c>
      <c r="R92" s="17">
        <v>1.3385437265694846</v>
      </c>
      <c r="S92" s="17">
        <v>1.2667781029515333</v>
      </c>
      <c r="T92" s="17">
        <v>1.24</v>
      </c>
      <c r="U92" s="17">
        <v>1.38</v>
      </c>
      <c r="V92" s="17">
        <v>1.4311978062487731</v>
      </c>
      <c r="W92" s="17">
        <v>1.3400754851829475</v>
      </c>
      <c r="X92" s="17">
        <v>1.39</v>
      </c>
      <c r="Y92" s="8">
        <v>1.4135945125679843</v>
      </c>
      <c r="Z92" s="8">
        <v>1.4722463766077001</v>
      </c>
      <c r="AA92" s="8">
        <v>1.4</v>
      </c>
      <c r="AB92" s="17">
        <v>1.4053397019504854</v>
      </c>
      <c r="AC92" s="17">
        <v>1.36</v>
      </c>
      <c r="AD92" s="8">
        <v>1.31</v>
      </c>
      <c r="AE92" s="17">
        <v>1.3559693107002311</v>
      </c>
      <c r="AF92" s="83">
        <v>1.02</v>
      </c>
      <c r="AG92" s="17">
        <v>0.91</v>
      </c>
      <c r="AH92" s="8">
        <v>0.81288625531610892</v>
      </c>
      <c r="AI92" s="17">
        <v>0.82</v>
      </c>
      <c r="AJ92" s="76">
        <v>0.81</v>
      </c>
      <c r="AK92" s="8">
        <v>0.86</v>
      </c>
      <c r="AL92" s="8">
        <v>0.79</v>
      </c>
      <c r="AM92" s="17">
        <v>0.86</v>
      </c>
      <c r="AN92" s="17">
        <v>0.84</v>
      </c>
      <c r="AO92" s="17">
        <v>0.8576896496283638</v>
      </c>
      <c r="AP92" s="17">
        <v>0.84</v>
      </c>
      <c r="AQ92" s="17">
        <v>0.8328176392773512</v>
      </c>
      <c r="AR92" s="17">
        <v>0.85</v>
      </c>
      <c r="AS92" s="17">
        <v>0.91</v>
      </c>
      <c r="AT92" s="17">
        <v>0.9854131510236106</v>
      </c>
      <c r="AU92" s="17">
        <v>1.01</v>
      </c>
      <c r="AV92" s="17">
        <v>1.05</v>
      </c>
      <c r="AW92" s="17">
        <v>1.0299186731627212</v>
      </c>
      <c r="AX92" s="17">
        <v>0.95</v>
      </c>
      <c r="AY92" s="17">
        <v>0.85397340360494689</v>
      </c>
      <c r="AZ92" s="17">
        <v>0.79</v>
      </c>
      <c r="BA92" s="17">
        <v>0.76</v>
      </c>
      <c r="BB92" s="17">
        <v>0.82</v>
      </c>
      <c r="BC92" s="17">
        <v>0.84</v>
      </c>
      <c r="BD92" s="17">
        <v>0.8489007776918096</v>
      </c>
      <c r="BE92" s="23"/>
    </row>
    <row r="93" spans="3:57" x14ac:dyDescent="0.2">
      <c r="C93" s="67"/>
      <c r="D93" s="64"/>
      <c r="E93" s="65"/>
      <c r="F93" s="65"/>
      <c r="G93" s="65"/>
      <c r="H93" s="65"/>
      <c r="I93" s="65"/>
      <c r="J93" s="65"/>
      <c r="K93" s="65"/>
      <c r="L93" s="65"/>
      <c r="M93" s="65"/>
      <c r="N93" s="65"/>
      <c r="O93" s="65"/>
      <c r="P93" s="65"/>
      <c r="Q93" s="65"/>
      <c r="R93" s="65"/>
      <c r="S93" s="65"/>
      <c r="T93" s="65"/>
      <c r="U93" s="65"/>
      <c r="V93" s="65"/>
      <c r="W93" s="65"/>
      <c r="X93" s="65"/>
      <c r="Y93" s="65"/>
      <c r="Z93" s="65"/>
      <c r="AA93" s="65"/>
      <c r="AB93" s="65"/>
      <c r="AC93" s="65"/>
      <c r="AD93" s="65"/>
      <c r="AE93" s="65"/>
      <c r="AG93" s="65"/>
      <c r="AH93" s="65"/>
      <c r="AI93" s="65"/>
      <c r="AJ93" s="65"/>
      <c r="AK93" s="65"/>
      <c r="AL93" s="65"/>
      <c r="AM93" s="65"/>
      <c r="AN93" s="65"/>
      <c r="AO93" s="65"/>
      <c r="AP93" s="65"/>
      <c r="AQ93" s="65"/>
      <c r="AR93" s="65"/>
      <c r="AS93" s="65"/>
      <c r="AT93" s="65"/>
      <c r="AU93" s="65"/>
      <c r="AV93" s="65"/>
      <c r="AW93" s="65"/>
      <c r="AX93" s="65"/>
      <c r="AY93" s="65"/>
      <c r="AZ93" s="65"/>
      <c r="BA93" s="65"/>
      <c r="BB93" s="65"/>
      <c r="BC93" s="65"/>
    </row>
    <row r="94" spans="3:57" x14ac:dyDescent="0.2"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F94" s="65"/>
      <c r="AG94" s="65"/>
      <c r="AH94" s="65"/>
      <c r="AI94" s="65"/>
      <c r="AJ94" s="65"/>
      <c r="AK94" s="65"/>
      <c r="AL94" s="65"/>
      <c r="AM94" s="65"/>
      <c r="AN94" s="65"/>
      <c r="AO94" s="65"/>
      <c r="AP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7" x14ac:dyDescent="0.2">
      <c r="C95" s="23" t="s">
        <v>106</v>
      </c>
      <c r="D95" s="6" t="s">
        <v>58</v>
      </c>
      <c r="E95" s="17">
        <v>6.66</v>
      </c>
      <c r="F95" s="17">
        <v>6.46</v>
      </c>
      <c r="G95" s="17">
        <v>6.59</v>
      </c>
      <c r="H95" s="17">
        <v>6.34</v>
      </c>
      <c r="I95" s="17">
        <v>6.54</v>
      </c>
      <c r="J95" s="17">
        <v>6.55</v>
      </c>
      <c r="K95" s="17">
        <v>6.27</v>
      </c>
      <c r="L95" s="17">
        <v>6.38</v>
      </c>
      <c r="M95" s="17">
        <v>6.34</v>
      </c>
      <c r="N95" s="17">
        <v>6.57</v>
      </c>
      <c r="O95" s="69">
        <v>6.75</v>
      </c>
      <c r="P95" s="70">
        <v>6.37</v>
      </c>
      <c r="Q95" s="70">
        <v>6.54</v>
      </c>
      <c r="R95" s="34">
        <v>6.51</v>
      </c>
      <c r="S95" s="34">
        <v>6.39</v>
      </c>
      <c r="T95" s="17">
        <v>6.26</v>
      </c>
      <c r="U95" s="36">
        <v>6.59</v>
      </c>
      <c r="V95" s="36">
        <v>6.37</v>
      </c>
      <c r="W95" s="36">
        <v>6.55</v>
      </c>
      <c r="X95" s="36">
        <v>6.41</v>
      </c>
      <c r="Y95" s="17">
        <v>6.71</v>
      </c>
      <c r="Z95" s="17">
        <v>6.96</v>
      </c>
      <c r="AA95" s="34">
        <v>6.34</v>
      </c>
      <c r="AB95" s="34">
        <v>6.38</v>
      </c>
      <c r="AC95" s="34">
        <v>6.37</v>
      </c>
      <c r="AD95" s="34">
        <v>6.65</v>
      </c>
      <c r="AE95" s="34">
        <v>6.39</v>
      </c>
      <c r="AF95" s="84">
        <v>6.62</v>
      </c>
      <c r="AG95" s="34">
        <v>6.28</v>
      </c>
      <c r="AH95" s="34">
        <v>6.53</v>
      </c>
      <c r="AI95" s="17">
        <v>6.4</v>
      </c>
      <c r="AJ95" s="17">
        <v>6.42</v>
      </c>
      <c r="AK95" s="17">
        <v>6.02</v>
      </c>
      <c r="AL95" s="17">
        <v>6.09</v>
      </c>
      <c r="AM95" s="17">
        <v>6.42</v>
      </c>
      <c r="AN95" s="34">
        <v>6.38</v>
      </c>
      <c r="AO95" s="17">
        <v>6.21</v>
      </c>
      <c r="AP95" s="17">
        <v>6.63</v>
      </c>
      <c r="AQ95" s="17">
        <v>6.35</v>
      </c>
      <c r="AR95" s="17">
        <v>6.46</v>
      </c>
      <c r="AS95" s="17">
        <v>6.08</v>
      </c>
      <c r="AT95" s="17">
        <v>6.31</v>
      </c>
      <c r="AU95" s="17">
        <v>6.34</v>
      </c>
      <c r="AV95" s="17">
        <v>6.28</v>
      </c>
      <c r="AW95" s="17">
        <v>6.21</v>
      </c>
      <c r="AX95" s="17">
        <v>6.24</v>
      </c>
      <c r="AY95" s="17">
        <v>6.29</v>
      </c>
      <c r="AZ95" s="17">
        <v>5.96</v>
      </c>
      <c r="BA95" s="17">
        <v>6.16</v>
      </c>
      <c r="BB95" s="17">
        <v>5.96</v>
      </c>
      <c r="BC95" s="17">
        <v>6.16</v>
      </c>
      <c r="BD95" s="17">
        <v>6.84</v>
      </c>
      <c r="BE95" s="23"/>
    </row>
    <row r="96" spans="3:57" x14ac:dyDescent="0.2">
      <c r="D96" s="64"/>
      <c r="E96" s="65"/>
      <c r="F96" s="65"/>
      <c r="G96" s="65"/>
      <c r="H96" s="65"/>
      <c r="I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100" spans="3:57" x14ac:dyDescent="0.2">
      <c r="C100" s="1" t="s">
        <v>97</v>
      </c>
      <c r="E100" s="2">
        <v>2011</v>
      </c>
      <c r="F100" s="1"/>
      <c r="G100" s="1"/>
      <c r="H100" s="1"/>
      <c r="I100" s="1"/>
      <c r="J100" s="1"/>
      <c r="K100" s="1"/>
      <c r="L100" s="1"/>
      <c r="M100" s="1"/>
    </row>
    <row r="101" spans="3:57" x14ac:dyDescent="0.2">
      <c r="C101" s="3" t="s">
        <v>2</v>
      </c>
      <c r="D101" s="3" t="s">
        <v>3</v>
      </c>
      <c r="E101" s="4" t="s">
        <v>15</v>
      </c>
      <c r="F101" s="4" t="s">
        <v>16</v>
      </c>
      <c r="G101" s="4" t="s">
        <v>17</v>
      </c>
      <c r="H101" s="4" t="s">
        <v>18</v>
      </c>
      <c r="I101" s="4" t="s">
        <v>19</v>
      </c>
      <c r="J101" s="4" t="s">
        <v>20</v>
      </c>
      <c r="K101" s="4" t="s">
        <v>21</v>
      </c>
      <c r="L101" s="4" t="s">
        <v>22</v>
      </c>
      <c r="M101" s="4" t="s">
        <v>23</v>
      </c>
      <c r="N101" s="4" t="s">
        <v>24</v>
      </c>
      <c r="O101" s="4" t="s">
        <v>25</v>
      </c>
      <c r="P101" s="4" t="s">
        <v>26</v>
      </c>
      <c r="Q101" s="4" t="s">
        <v>27</v>
      </c>
      <c r="R101" s="4" t="s">
        <v>28</v>
      </c>
      <c r="S101" s="4" t="s">
        <v>29</v>
      </c>
      <c r="T101" s="4" t="s">
        <v>30</v>
      </c>
      <c r="U101" s="4" t="s">
        <v>31</v>
      </c>
      <c r="V101" s="4" t="s">
        <v>32</v>
      </c>
      <c r="W101" s="4" t="s">
        <v>33</v>
      </c>
      <c r="X101" s="4" t="s">
        <v>34</v>
      </c>
      <c r="Y101" s="4" t="s">
        <v>35</v>
      </c>
      <c r="Z101" s="4" t="s">
        <v>36</v>
      </c>
      <c r="AA101" s="4" t="s">
        <v>37</v>
      </c>
      <c r="AB101" s="4" t="s">
        <v>38</v>
      </c>
      <c r="AC101" s="4" t="s">
        <v>39</v>
      </c>
      <c r="AD101" s="4" t="s">
        <v>40</v>
      </c>
      <c r="AE101" s="4" t="s">
        <v>41</v>
      </c>
      <c r="AF101" s="4" t="s">
        <v>42</v>
      </c>
      <c r="AG101" s="4" t="s">
        <v>43</v>
      </c>
      <c r="AH101" s="4" t="s">
        <v>44</v>
      </c>
      <c r="AI101" s="4" t="s">
        <v>45</v>
      </c>
      <c r="AJ101" s="4" t="s">
        <v>46</v>
      </c>
      <c r="AK101" s="4" t="s">
        <v>47</v>
      </c>
      <c r="AL101" s="4" t="s">
        <v>48</v>
      </c>
      <c r="AM101" s="4" t="s">
        <v>49</v>
      </c>
      <c r="AN101" s="4" t="s">
        <v>50</v>
      </c>
      <c r="AO101" s="4" t="s">
        <v>51</v>
      </c>
      <c r="AP101" s="4" t="s">
        <v>52</v>
      </c>
      <c r="AQ101" s="4" t="s">
        <v>53</v>
      </c>
      <c r="AR101" s="4" t="s">
        <v>54</v>
      </c>
      <c r="AS101" s="4" t="s">
        <v>55</v>
      </c>
      <c r="AT101" s="4" t="s">
        <v>4</v>
      </c>
      <c r="AU101" s="4" t="s">
        <v>5</v>
      </c>
      <c r="AV101" s="4" t="s">
        <v>6</v>
      </c>
      <c r="AW101" s="4" t="s">
        <v>7</v>
      </c>
      <c r="AX101" s="4" t="s">
        <v>8</v>
      </c>
      <c r="AY101" s="4" t="s">
        <v>9</v>
      </c>
      <c r="AZ101" s="4" t="s">
        <v>10</v>
      </c>
      <c r="BA101" s="4" t="s">
        <v>11</v>
      </c>
      <c r="BB101" s="4" t="s">
        <v>12</v>
      </c>
      <c r="BC101" s="4" t="s">
        <v>13</v>
      </c>
      <c r="BD101" s="4" t="s">
        <v>14</v>
      </c>
      <c r="BE101" s="4" t="s">
        <v>56</v>
      </c>
    </row>
    <row r="102" spans="3:57" x14ac:dyDescent="0.2">
      <c r="C102" s="5" t="s">
        <v>57</v>
      </c>
      <c r="D102" s="6" t="s">
        <v>58</v>
      </c>
      <c r="E102" s="17">
        <v>16.260000000000002</v>
      </c>
      <c r="F102" s="8">
        <v>16.260000000000002</v>
      </c>
      <c r="G102" s="8">
        <v>16.21</v>
      </c>
      <c r="H102" s="8">
        <v>16.22</v>
      </c>
      <c r="I102" s="8">
        <v>16.22</v>
      </c>
      <c r="J102" s="8">
        <v>16.21</v>
      </c>
      <c r="K102" s="8">
        <v>16.32</v>
      </c>
      <c r="L102" s="8">
        <v>16.3</v>
      </c>
      <c r="M102" s="8">
        <v>16.32</v>
      </c>
      <c r="N102" s="8">
        <v>16.32</v>
      </c>
      <c r="O102" s="8">
        <v>16.350000000000001</v>
      </c>
      <c r="P102" s="8">
        <v>16.170000000000002</v>
      </c>
      <c r="Q102" s="8">
        <v>16.16</v>
      </c>
      <c r="R102" s="8">
        <v>16.18</v>
      </c>
      <c r="S102" s="8">
        <v>16.2</v>
      </c>
      <c r="T102" s="8">
        <v>16.23</v>
      </c>
      <c r="U102" s="8">
        <v>16.170000000000002</v>
      </c>
      <c r="V102" s="8">
        <v>16.18</v>
      </c>
      <c r="W102" s="8">
        <v>16.170000000000002</v>
      </c>
      <c r="X102" s="8">
        <v>16.13</v>
      </c>
      <c r="Y102" s="8">
        <v>16.100000000000001</v>
      </c>
      <c r="Z102" s="8">
        <v>16.100000000000001</v>
      </c>
      <c r="AA102" s="8">
        <v>16.09</v>
      </c>
      <c r="AB102" s="8">
        <v>16.079999999999998</v>
      </c>
      <c r="AC102" s="8">
        <v>15.99</v>
      </c>
      <c r="AD102" s="8">
        <v>15.98</v>
      </c>
      <c r="AE102" s="8">
        <v>15.99</v>
      </c>
      <c r="AF102" s="8">
        <v>15.91</v>
      </c>
      <c r="AG102" s="8">
        <v>15.96</v>
      </c>
      <c r="AH102" s="8">
        <v>16.100000000000001</v>
      </c>
      <c r="AI102" s="8">
        <v>16.09</v>
      </c>
      <c r="AJ102" s="8">
        <v>15.82</v>
      </c>
      <c r="AK102" s="8">
        <v>15.89</v>
      </c>
      <c r="AL102" s="76">
        <v>15.89</v>
      </c>
      <c r="AM102" s="8">
        <v>15.43</v>
      </c>
      <c r="AN102" s="8">
        <v>15.15</v>
      </c>
      <c r="AO102" s="17">
        <v>15.08</v>
      </c>
      <c r="AP102" s="17">
        <v>14.95</v>
      </c>
      <c r="AQ102" s="17">
        <v>14.98</v>
      </c>
      <c r="AR102" s="8">
        <v>14.94</v>
      </c>
      <c r="AS102" s="8">
        <v>14.93</v>
      </c>
      <c r="AT102" s="8">
        <v>14.94</v>
      </c>
      <c r="AU102" s="17">
        <v>14.97</v>
      </c>
      <c r="AV102" s="17">
        <v>14.98</v>
      </c>
      <c r="AW102" s="8">
        <v>14.99</v>
      </c>
      <c r="AX102" s="17">
        <v>14.99</v>
      </c>
      <c r="AY102" s="17">
        <v>15.12</v>
      </c>
      <c r="AZ102" s="8">
        <v>15.44</v>
      </c>
      <c r="BA102" s="17">
        <v>15.47</v>
      </c>
      <c r="BB102" s="8">
        <v>15.47</v>
      </c>
      <c r="BC102" s="8">
        <v>15.5</v>
      </c>
      <c r="BD102" s="17">
        <v>15.5</v>
      </c>
      <c r="BE102" s="17"/>
    </row>
    <row r="103" spans="3:57" x14ac:dyDescent="0.2">
      <c r="C103" s="5" t="s">
        <v>59</v>
      </c>
      <c r="D103" s="6" t="s">
        <v>58</v>
      </c>
      <c r="E103" s="17">
        <v>10.51</v>
      </c>
      <c r="F103" s="8">
        <v>10.52</v>
      </c>
      <c r="G103" s="8">
        <v>10.49</v>
      </c>
      <c r="H103" s="8">
        <v>10.5</v>
      </c>
      <c r="I103" s="8">
        <v>10.49</v>
      </c>
      <c r="J103" s="8">
        <v>10.45</v>
      </c>
      <c r="K103" s="8">
        <v>10.46</v>
      </c>
      <c r="L103" s="8">
        <v>10.4</v>
      </c>
      <c r="M103" s="8">
        <v>10.23</v>
      </c>
      <c r="N103" s="8">
        <v>10.23</v>
      </c>
      <c r="O103" s="8">
        <v>10.23</v>
      </c>
      <c r="P103" s="8">
        <v>10.17</v>
      </c>
      <c r="Q103" s="8">
        <v>10.210000000000001</v>
      </c>
      <c r="R103" s="8">
        <v>10.1</v>
      </c>
      <c r="S103" s="8">
        <v>10.1</v>
      </c>
      <c r="T103" s="8">
        <v>10.119999999999999</v>
      </c>
      <c r="U103" s="8">
        <v>10.119999999999999</v>
      </c>
      <c r="V103" s="8">
        <v>10.119999999999999</v>
      </c>
      <c r="W103" s="8">
        <v>10.1</v>
      </c>
      <c r="X103" s="8">
        <v>10.08</v>
      </c>
      <c r="Y103" s="8">
        <v>10.06</v>
      </c>
      <c r="Z103" s="8">
        <v>10.1</v>
      </c>
      <c r="AA103" s="8">
        <v>10.07</v>
      </c>
      <c r="AB103" s="8">
        <v>10.06</v>
      </c>
      <c r="AC103" s="8">
        <v>10.07</v>
      </c>
      <c r="AD103" s="8">
        <v>10.029999999999999</v>
      </c>
      <c r="AE103" s="8">
        <v>10.029999999999999</v>
      </c>
      <c r="AF103" s="8">
        <v>10.029999999999999</v>
      </c>
      <c r="AG103" s="8">
        <v>10.050000000000001</v>
      </c>
      <c r="AH103" s="8">
        <v>10.029999999999999</v>
      </c>
      <c r="AI103" s="8">
        <v>10.029999999999999</v>
      </c>
      <c r="AJ103" s="8">
        <v>10.050000000000001</v>
      </c>
      <c r="AK103" s="8">
        <v>9.98</v>
      </c>
      <c r="AL103" s="76">
        <v>9.98</v>
      </c>
      <c r="AM103" s="8">
        <v>9.9499999999999993</v>
      </c>
      <c r="AN103" s="8">
        <v>10.02</v>
      </c>
      <c r="AO103" s="17">
        <v>10.02</v>
      </c>
      <c r="AP103" s="17">
        <v>10.06</v>
      </c>
      <c r="AQ103" s="17">
        <v>10.09</v>
      </c>
      <c r="AR103" s="8">
        <v>10.119999999999999</v>
      </c>
      <c r="AS103" s="8">
        <v>10.119999999999999</v>
      </c>
      <c r="AT103" s="8">
        <v>10.14</v>
      </c>
      <c r="AU103" s="17">
        <v>10.18</v>
      </c>
      <c r="AV103" s="17">
        <v>10.24</v>
      </c>
      <c r="AW103" s="8">
        <v>10.27</v>
      </c>
      <c r="AX103" s="17">
        <v>10.33</v>
      </c>
      <c r="AY103" s="17">
        <v>10.44</v>
      </c>
      <c r="AZ103" s="8">
        <v>10.52</v>
      </c>
      <c r="BA103" s="17">
        <v>10.54</v>
      </c>
      <c r="BB103" s="8">
        <v>10.6</v>
      </c>
      <c r="BC103" s="8">
        <v>10.78</v>
      </c>
      <c r="BD103" s="17">
        <v>10.79</v>
      </c>
      <c r="BE103" s="17"/>
    </row>
    <row r="104" spans="3:57" x14ac:dyDescent="0.2">
      <c r="C104" s="5" t="s">
        <v>60</v>
      </c>
      <c r="D104" s="6" t="s">
        <v>58</v>
      </c>
      <c r="E104" s="17">
        <v>5.54</v>
      </c>
      <c r="F104" s="8">
        <v>5.53</v>
      </c>
      <c r="G104" s="8">
        <v>5.54</v>
      </c>
      <c r="H104" s="8">
        <v>5.53</v>
      </c>
      <c r="I104" s="8">
        <v>5.54</v>
      </c>
      <c r="J104" s="8">
        <v>5.57</v>
      </c>
      <c r="K104" s="8">
        <v>5.52</v>
      </c>
      <c r="L104" s="8">
        <v>5.57</v>
      </c>
      <c r="M104" s="8">
        <v>5.55</v>
      </c>
      <c r="N104" s="8">
        <v>5.55</v>
      </c>
      <c r="O104" s="8">
        <v>5.55</v>
      </c>
      <c r="P104" s="8">
        <v>5.6</v>
      </c>
      <c r="Q104" s="8">
        <v>5.57</v>
      </c>
      <c r="R104" s="8">
        <v>5.6</v>
      </c>
      <c r="S104" s="8">
        <v>5.57</v>
      </c>
      <c r="T104" s="8">
        <v>5.59</v>
      </c>
      <c r="U104" s="8">
        <v>5.62</v>
      </c>
      <c r="V104" s="8">
        <v>5.59</v>
      </c>
      <c r="W104" s="8">
        <v>5.6</v>
      </c>
      <c r="X104" s="8">
        <v>5.64</v>
      </c>
      <c r="Y104" s="8">
        <v>5.62</v>
      </c>
      <c r="Z104" s="8">
        <v>5.63</v>
      </c>
      <c r="AA104" s="8">
        <v>5.65</v>
      </c>
      <c r="AB104" s="8">
        <v>5.65</v>
      </c>
      <c r="AC104" s="8">
        <v>5.63</v>
      </c>
      <c r="AD104" s="8">
        <v>5.63</v>
      </c>
      <c r="AE104" s="8">
        <v>5.62</v>
      </c>
      <c r="AF104" s="8">
        <v>5.65</v>
      </c>
      <c r="AG104" s="8">
        <v>5.63</v>
      </c>
      <c r="AH104" s="8">
        <v>5.63</v>
      </c>
      <c r="AI104" s="8">
        <v>5.62</v>
      </c>
      <c r="AJ104" s="8">
        <v>5.63</v>
      </c>
      <c r="AK104" s="8">
        <v>5.65</v>
      </c>
      <c r="AL104" s="76">
        <v>5.66</v>
      </c>
      <c r="AM104" s="8">
        <v>5.68</v>
      </c>
      <c r="AN104" s="8">
        <v>5.67</v>
      </c>
      <c r="AO104" s="17">
        <v>5.64</v>
      </c>
      <c r="AP104" s="17">
        <v>5.65</v>
      </c>
      <c r="AQ104" s="17">
        <v>5.66</v>
      </c>
      <c r="AR104" s="8">
        <v>5.62</v>
      </c>
      <c r="AS104" s="8">
        <v>5.67</v>
      </c>
      <c r="AT104" s="8">
        <v>5.66</v>
      </c>
      <c r="AU104" s="17">
        <v>5.66</v>
      </c>
      <c r="AV104" s="17">
        <v>5.65</v>
      </c>
      <c r="AW104" s="8">
        <v>5.64</v>
      </c>
      <c r="AX104" s="17">
        <v>5.66</v>
      </c>
      <c r="AY104" s="17">
        <v>5.65</v>
      </c>
      <c r="AZ104" s="8">
        <v>5.71</v>
      </c>
      <c r="BA104" s="17">
        <v>5.72</v>
      </c>
      <c r="BB104" s="8">
        <v>5.68</v>
      </c>
      <c r="BC104" s="8">
        <v>5.7</v>
      </c>
      <c r="BD104" s="17">
        <v>5.7</v>
      </c>
      <c r="BE104" s="17"/>
    </row>
    <row r="105" spans="3:57" x14ac:dyDescent="0.2">
      <c r="C105" s="5" t="s">
        <v>61</v>
      </c>
      <c r="D105" s="6" t="s">
        <v>58</v>
      </c>
      <c r="E105" s="17">
        <v>2.85</v>
      </c>
      <c r="F105" s="8">
        <v>2.82</v>
      </c>
      <c r="G105" s="8">
        <v>2.8</v>
      </c>
      <c r="H105" s="8">
        <v>2.81</v>
      </c>
      <c r="I105" s="8">
        <v>2.81</v>
      </c>
      <c r="J105" s="8">
        <v>2.81</v>
      </c>
      <c r="K105" s="8">
        <v>2.83</v>
      </c>
      <c r="L105" s="8">
        <v>2.82</v>
      </c>
      <c r="M105" s="8">
        <v>2.79</v>
      </c>
      <c r="N105" s="8">
        <v>2.79</v>
      </c>
      <c r="O105" s="8">
        <v>2.81</v>
      </c>
      <c r="P105" s="8">
        <v>2.8</v>
      </c>
      <c r="Q105" s="8">
        <v>2.81</v>
      </c>
      <c r="R105" s="8">
        <v>2.8</v>
      </c>
      <c r="S105" s="8">
        <v>2.81</v>
      </c>
      <c r="T105" s="8">
        <v>2.81</v>
      </c>
      <c r="U105" s="8">
        <v>2.81</v>
      </c>
      <c r="V105" s="8">
        <v>2.81</v>
      </c>
      <c r="W105" s="8">
        <v>2.84</v>
      </c>
      <c r="X105" s="8">
        <v>2.84</v>
      </c>
      <c r="Y105" s="8">
        <v>2.85</v>
      </c>
      <c r="Z105" s="8">
        <v>2.85</v>
      </c>
      <c r="AA105" s="8">
        <v>2.86</v>
      </c>
      <c r="AB105" s="8">
        <v>2.87</v>
      </c>
      <c r="AC105" s="8">
        <v>2.86</v>
      </c>
      <c r="AD105" s="8">
        <v>2.87</v>
      </c>
      <c r="AE105" s="8">
        <v>2.88</v>
      </c>
      <c r="AF105" s="8">
        <v>2.87</v>
      </c>
      <c r="AG105" s="8">
        <v>2.88</v>
      </c>
      <c r="AH105" s="8">
        <v>2.88</v>
      </c>
      <c r="AI105" s="8">
        <v>2.88</v>
      </c>
      <c r="AJ105" s="8">
        <v>2.88</v>
      </c>
      <c r="AK105" s="8">
        <v>2.89</v>
      </c>
      <c r="AL105" s="76">
        <v>2.89</v>
      </c>
      <c r="AM105" s="8">
        <v>2.9</v>
      </c>
      <c r="AN105" s="8">
        <v>2.91</v>
      </c>
      <c r="AO105" s="17">
        <v>2.91</v>
      </c>
      <c r="AP105" s="17">
        <v>2.92</v>
      </c>
      <c r="AQ105" s="17">
        <v>2.93</v>
      </c>
      <c r="AR105" s="8">
        <v>2.93</v>
      </c>
      <c r="AS105" s="8">
        <v>2.94</v>
      </c>
      <c r="AT105" s="8">
        <v>2.93</v>
      </c>
      <c r="AU105" s="17">
        <v>2.91</v>
      </c>
      <c r="AV105" s="17">
        <v>2.91</v>
      </c>
      <c r="AW105" s="8">
        <v>2.91</v>
      </c>
      <c r="AX105" s="17">
        <v>2.9</v>
      </c>
      <c r="AY105" s="17">
        <v>2.9</v>
      </c>
      <c r="AZ105" s="8">
        <v>2.89</v>
      </c>
      <c r="BA105" s="17">
        <v>2.89</v>
      </c>
      <c r="BB105" s="8">
        <v>2.88</v>
      </c>
      <c r="BC105" s="8">
        <v>2.88</v>
      </c>
      <c r="BD105" s="17">
        <v>2.88</v>
      </c>
      <c r="BE105" s="17"/>
    </row>
    <row r="106" spans="3:57" x14ac:dyDescent="0.2">
      <c r="C106" s="5" t="s">
        <v>62</v>
      </c>
      <c r="D106" s="6" t="s">
        <v>58</v>
      </c>
      <c r="E106" s="17">
        <v>5.83</v>
      </c>
      <c r="F106" s="8">
        <v>5.83</v>
      </c>
      <c r="G106" s="8">
        <v>5.8</v>
      </c>
      <c r="H106" s="8">
        <v>5.73</v>
      </c>
      <c r="I106" s="8">
        <v>5.69</v>
      </c>
      <c r="J106" s="8">
        <v>5.64</v>
      </c>
      <c r="K106" s="8">
        <v>5.59</v>
      </c>
      <c r="L106" s="8">
        <v>5.63</v>
      </c>
      <c r="M106" s="8">
        <v>5.57</v>
      </c>
      <c r="N106" s="8">
        <v>5.57</v>
      </c>
      <c r="O106" s="8">
        <v>5.57</v>
      </c>
      <c r="P106" s="8">
        <v>5.64</v>
      </c>
      <c r="Q106" s="8">
        <v>5.68</v>
      </c>
      <c r="R106" s="8">
        <v>5.66</v>
      </c>
      <c r="S106" s="8">
        <v>5.66</v>
      </c>
      <c r="T106" s="8">
        <v>5.67</v>
      </c>
      <c r="U106" s="8">
        <v>5.66</v>
      </c>
      <c r="V106" s="8">
        <v>5.64</v>
      </c>
      <c r="W106" s="8">
        <v>5.66</v>
      </c>
      <c r="X106" s="8">
        <v>5.65</v>
      </c>
      <c r="Y106" s="8">
        <v>5.62</v>
      </c>
      <c r="Z106" s="8">
        <v>5.62</v>
      </c>
      <c r="AA106" s="8">
        <v>5.61</v>
      </c>
      <c r="AB106" s="8">
        <v>5.62</v>
      </c>
      <c r="AC106" s="8">
        <v>5.61</v>
      </c>
      <c r="AD106" s="8">
        <v>5.62</v>
      </c>
      <c r="AE106" s="8">
        <v>5.62</v>
      </c>
      <c r="AF106" s="8">
        <v>5.64</v>
      </c>
      <c r="AG106" s="8">
        <v>5.64</v>
      </c>
      <c r="AH106" s="8">
        <v>5.65</v>
      </c>
      <c r="AI106" s="8">
        <v>5.67</v>
      </c>
      <c r="AJ106" s="8">
        <v>5.66</v>
      </c>
      <c r="AK106" s="8">
        <v>5.66</v>
      </c>
      <c r="AL106" s="76">
        <v>5.67</v>
      </c>
      <c r="AM106" s="8">
        <v>5.69</v>
      </c>
      <c r="AN106" s="8">
        <v>5.69</v>
      </c>
      <c r="AO106" s="17">
        <v>5.69</v>
      </c>
      <c r="AP106" s="17">
        <v>5.71</v>
      </c>
      <c r="AQ106" s="17">
        <v>5.69</v>
      </c>
      <c r="AR106" s="8">
        <v>5.73</v>
      </c>
      <c r="AS106" s="8">
        <v>5.75</v>
      </c>
      <c r="AT106" s="8">
        <v>5.74</v>
      </c>
      <c r="AU106" s="17">
        <v>5.74</v>
      </c>
      <c r="AV106" s="17">
        <v>5.74</v>
      </c>
      <c r="AW106" s="8">
        <v>5.74</v>
      </c>
      <c r="AX106" s="17">
        <v>5.76</v>
      </c>
      <c r="AY106" s="17">
        <v>5.79</v>
      </c>
      <c r="AZ106" s="8">
        <v>5.77</v>
      </c>
      <c r="BA106" s="17">
        <v>5.78</v>
      </c>
      <c r="BB106" s="8">
        <v>5.82</v>
      </c>
      <c r="BC106" s="8">
        <v>5.83</v>
      </c>
      <c r="BD106" s="17">
        <v>5.82</v>
      </c>
      <c r="BE106" s="17"/>
    </row>
    <row r="107" spans="3:57" x14ac:dyDescent="0.2">
      <c r="C107" s="5" t="s">
        <v>75</v>
      </c>
      <c r="D107" s="20" t="s">
        <v>76</v>
      </c>
      <c r="E107" s="17">
        <v>1.3</v>
      </c>
      <c r="F107" s="8">
        <v>1.3</v>
      </c>
      <c r="G107" s="8">
        <v>1.3</v>
      </c>
      <c r="H107" s="8">
        <v>1.3</v>
      </c>
      <c r="I107" s="8">
        <v>1.3</v>
      </c>
      <c r="J107" s="8">
        <v>1.3</v>
      </c>
      <c r="K107" s="8">
        <v>1.3</v>
      </c>
      <c r="L107" s="8">
        <v>1.3</v>
      </c>
      <c r="M107" s="8">
        <v>1.3</v>
      </c>
      <c r="N107" s="8">
        <v>1.3</v>
      </c>
      <c r="O107" s="8">
        <v>1.3</v>
      </c>
      <c r="P107" s="8">
        <v>1.3</v>
      </c>
      <c r="Q107" s="8">
        <v>1.29</v>
      </c>
      <c r="R107" s="8">
        <v>1.3</v>
      </c>
      <c r="S107" s="8">
        <v>1.3</v>
      </c>
      <c r="T107" s="8">
        <v>1.3</v>
      </c>
      <c r="U107" s="8">
        <v>1.3</v>
      </c>
      <c r="V107" s="8">
        <v>1.3</v>
      </c>
      <c r="W107" s="8">
        <v>1.3</v>
      </c>
      <c r="X107" s="8">
        <v>1.28</v>
      </c>
      <c r="Y107" s="8">
        <v>1.28</v>
      </c>
      <c r="Z107" s="8">
        <v>1.28</v>
      </c>
      <c r="AA107" s="8">
        <v>1.28</v>
      </c>
      <c r="AB107" s="8">
        <v>1.28</v>
      </c>
      <c r="AC107" s="8">
        <v>1.28</v>
      </c>
      <c r="AD107" s="8">
        <v>1.28</v>
      </c>
      <c r="AE107" s="8">
        <v>1.28</v>
      </c>
      <c r="AF107" s="8">
        <v>1.28</v>
      </c>
      <c r="AG107" s="8">
        <v>1.28</v>
      </c>
      <c r="AH107" s="8">
        <v>1.28</v>
      </c>
      <c r="AI107" s="8">
        <v>1.28</v>
      </c>
      <c r="AJ107" s="8">
        <v>1.28</v>
      </c>
      <c r="AK107" s="8">
        <v>1.28</v>
      </c>
      <c r="AL107" s="76">
        <v>1.28</v>
      </c>
      <c r="AM107" s="8">
        <v>1.28</v>
      </c>
      <c r="AN107" s="8">
        <v>1.28</v>
      </c>
      <c r="AO107" s="17">
        <v>1.29</v>
      </c>
      <c r="AP107" s="17">
        <v>1.28</v>
      </c>
      <c r="AQ107" s="17">
        <v>1.29</v>
      </c>
      <c r="AR107" s="8">
        <v>1.29</v>
      </c>
      <c r="AS107" s="8">
        <v>1.29</v>
      </c>
      <c r="AT107" s="8">
        <v>1.29</v>
      </c>
      <c r="AU107" s="17">
        <v>1.28</v>
      </c>
      <c r="AV107" s="17">
        <v>1.28</v>
      </c>
      <c r="AW107" s="8">
        <v>1.28</v>
      </c>
      <c r="AX107" s="17">
        <v>1.28</v>
      </c>
      <c r="AY107" s="17">
        <v>1.28</v>
      </c>
      <c r="AZ107" s="8">
        <v>1.29</v>
      </c>
      <c r="BA107" s="17">
        <v>1.29</v>
      </c>
      <c r="BB107" s="8">
        <v>1.29</v>
      </c>
      <c r="BC107" s="8">
        <v>1.29</v>
      </c>
      <c r="BD107" s="17">
        <v>1.29</v>
      </c>
      <c r="BE107" s="17"/>
    </row>
    <row r="108" spans="3:57" x14ac:dyDescent="0.2">
      <c r="C108" s="5" t="s">
        <v>63</v>
      </c>
      <c r="D108" s="6" t="s">
        <v>58</v>
      </c>
      <c r="E108" s="17">
        <v>15.31</v>
      </c>
      <c r="F108" s="8">
        <v>15.31</v>
      </c>
      <c r="G108" s="8">
        <v>15.36</v>
      </c>
      <c r="H108" s="8">
        <v>15.01</v>
      </c>
      <c r="I108" s="8">
        <v>14.67</v>
      </c>
      <c r="J108" s="8">
        <v>14.52</v>
      </c>
      <c r="K108" s="8">
        <v>14.4</v>
      </c>
      <c r="L108" s="8">
        <v>14.36</v>
      </c>
      <c r="M108" s="8">
        <v>14.42</v>
      </c>
      <c r="N108" s="8">
        <v>14.41</v>
      </c>
      <c r="O108" s="8">
        <v>14.67</v>
      </c>
      <c r="P108" s="8">
        <v>14.39</v>
      </c>
      <c r="Q108" s="8">
        <v>14.4</v>
      </c>
      <c r="R108" s="8">
        <v>14.47</v>
      </c>
      <c r="S108" s="8">
        <v>14.55</v>
      </c>
      <c r="T108" s="8">
        <v>14.44</v>
      </c>
      <c r="U108" s="8">
        <v>14.36</v>
      </c>
      <c r="V108" s="8">
        <v>14.56</v>
      </c>
      <c r="W108" s="8">
        <v>14.6</v>
      </c>
      <c r="X108" s="8">
        <v>14.78</v>
      </c>
      <c r="Y108" s="8">
        <v>14.45</v>
      </c>
      <c r="Z108" s="8">
        <v>14.43</v>
      </c>
      <c r="AA108" s="8">
        <v>14.54</v>
      </c>
      <c r="AB108" s="8">
        <v>14.59</v>
      </c>
      <c r="AC108" s="8">
        <v>14.42</v>
      </c>
      <c r="AD108" s="8">
        <v>14.38</v>
      </c>
      <c r="AE108" s="8">
        <v>14.39</v>
      </c>
      <c r="AF108" s="8">
        <v>14.42</v>
      </c>
      <c r="AG108" s="8">
        <v>14.39</v>
      </c>
      <c r="AH108" s="8">
        <v>14.4</v>
      </c>
      <c r="AI108" s="8">
        <v>14.37</v>
      </c>
      <c r="AJ108" s="8">
        <v>14.6</v>
      </c>
      <c r="AK108" s="8">
        <v>14.04</v>
      </c>
      <c r="AL108" s="76">
        <v>13.97</v>
      </c>
      <c r="AM108" s="8">
        <v>14.14</v>
      </c>
      <c r="AN108" s="8">
        <v>14.2</v>
      </c>
      <c r="AO108" s="17">
        <v>14.32</v>
      </c>
      <c r="AP108" s="17">
        <v>14.37</v>
      </c>
      <c r="AQ108" s="17">
        <v>14.28</v>
      </c>
      <c r="AR108" s="8">
        <v>14.64</v>
      </c>
      <c r="AS108" s="8">
        <v>14.6</v>
      </c>
      <c r="AT108" s="8">
        <v>14.93</v>
      </c>
      <c r="AU108" s="17">
        <v>14.94</v>
      </c>
      <c r="AV108" s="17">
        <v>14.95</v>
      </c>
      <c r="AW108" s="8">
        <v>14.84</v>
      </c>
      <c r="AX108" s="17">
        <v>14.89</v>
      </c>
      <c r="AY108" s="17">
        <v>14.75</v>
      </c>
      <c r="AZ108" s="8">
        <v>14.96</v>
      </c>
      <c r="BA108" s="17">
        <v>15.01</v>
      </c>
      <c r="BB108" s="8">
        <v>15.25</v>
      </c>
      <c r="BC108" s="8">
        <v>15.94</v>
      </c>
      <c r="BD108" s="17">
        <v>15.89</v>
      </c>
      <c r="BE108" s="17"/>
    </row>
    <row r="109" spans="3:57" x14ac:dyDescent="0.2">
      <c r="C109" s="5" t="s">
        <v>64</v>
      </c>
      <c r="D109" s="6" t="s">
        <v>58</v>
      </c>
      <c r="E109" s="17">
        <v>9.65</v>
      </c>
      <c r="F109" s="8">
        <v>9.69</v>
      </c>
      <c r="G109" s="8">
        <v>9.61</v>
      </c>
      <c r="H109" s="8">
        <v>9.56</v>
      </c>
      <c r="I109" s="8">
        <v>9.43</v>
      </c>
      <c r="J109" s="8">
        <v>9.2799999999999994</v>
      </c>
      <c r="K109" s="8">
        <v>8.98</v>
      </c>
      <c r="L109" s="8">
        <v>8.9700000000000006</v>
      </c>
      <c r="M109" s="8">
        <v>8.8800000000000008</v>
      </c>
      <c r="N109" s="8">
        <v>8.8800000000000008</v>
      </c>
      <c r="O109" s="8">
        <v>8.9600000000000009</v>
      </c>
      <c r="P109" s="8">
        <v>8.9700000000000006</v>
      </c>
      <c r="Q109" s="8">
        <v>9.06</v>
      </c>
      <c r="R109" s="8">
        <v>8.94</v>
      </c>
      <c r="S109" s="8">
        <v>8.8800000000000008</v>
      </c>
      <c r="T109" s="8">
        <v>8.9</v>
      </c>
      <c r="U109" s="8">
        <v>8.89</v>
      </c>
      <c r="V109" s="8">
        <v>8.85</v>
      </c>
      <c r="W109" s="8">
        <v>8.83</v>
      </c>
      <c r="X109" s="8">
        <v>8.85</v>
      </c>
      <c r="Y109" s="8">
        <v>8.73</v>
      </c>
      <c r="Z109" s="8">
        <v>8.69</v>
      </c>
      <c r="AA109" s="8">
        <v>8.83</v>
      </c>
      <c r="AB109" s="8">
        <v>8.73</v>
      </c>
      <c r="AC109" s="8">
        <v>8.77</v>
      </c>
      <c r="AD109" s="8">
        <v>8.69</v>
      </c>
      <c r="AE109" s="8">
        <v>8.81</v>
      </c>
      <c r="AF109" s="8">
        <v>8.6300000000000008</v>
      </c>
      <c r="AG109" s="8">
        <v>8.59</v>
      </c>
      <c r="AH109" s="8">
        <v>8.6300000000000008</v>
      </c>
      <c r="AI109" s="8">
        <v>8.73</v>
      </c>
      <c r="AJ109" s="8">
        <v>8.68</v>
      </c>
      <c r="AK109" s="8">
        <v>8.73</v>
      </c>
      <c r="AL109" s="17">
        <v>8.76</v>
      </c>
      <c r="AM109" s="8">
        <v>8.8800000000000008</v>
      </c>
      <c r="AN109" s="8">
        <v>8.92</v>
      </c>
      <c r="AO109" s="17">
        <v>8.89</v>
      </c>
      <c r="AP109" s="17">
        <v>8.84</v>
      </c>
      <c r="AQ109" s="17">
        <v>8.8699999999999992</v>
      </c>
      <c r="AR109" s="8">
        <v>8.9499999999999993</v>
      </c>
      <c r="AS109" s="8">
        <v>8.8699999999999992</v>
      </c>
      <c r="AT109" s="8">
        <v>8.81</v>
      </c>
      <c r="AU109" s="17">
        <v>8.8800000000000008</v>
      </c>
      <c r="AV109" s="17">
        <v>8.89</v>
      </c>
      <c r="AW109" s="8">
        <v>8.92</v>
      </c>
      <c r="AX109" s="17">
        <v>8.86</v>
      </c>
      <c r="AY109" s="17">
        <v>8.8800000000000008</v>
      </c>
      <c r="AZ109" s="8">
        <v>8.98</v>
      </c>
      <c r="BA109" s="17">
        <v>9.08</v>
      </c>
      <c r="BB109" s="8">
        <v>9.19</v>
      </c>
      <c r="BC109" s="8">
        <v>9.7899999999999991</v>
      </c>
      <c r="BD109" s="17">
        <v>9.8000000000000007</v>
      </c>
      <c r="BE109" s="17"/>
    </row>
    <row r="110" spans="3:57" x14ac:dyDescent="0.2">
      <c r="C110" s="5" t="s">
        <v>65</v>
      </c>
      <c r="D110" s="6" t="s">
        <v>58</v>
      </c>
      <c r="E110" s="17">
        <v>4.1399999999999997</v>
      </c>
      <c r="F110" s="8">
        <v>4.12</v>
      </c>
      <c r="G110" s="8">
        <v>4.04</v>
      </c>
      <c r="H110" s="8">
        <v>4.04</v>
      </c>
      <c r="I110" s="8">
        <v>4.01</v>
      </c>
      <c r="J110" s="8">
        <v>3.96</v>
      </c>
      <c r="K110" s="8">
        <v>3.95</v>
      </c>
      <c r="L110" s="8">
        <v>3.92</v>
      </c>
      <c r="M110" s="8">
        <v>4.01</v>
      </c>
      <c r="N110" s="8">
        <v>3.99</v>
      </c>
      <c r="O110" s="8">
        <v>4.05</v>
      </c>
      <c r="P110" s="8">
        <v>4.05</v>
      </c>
      <c r="Q110" s="8">
        <v>3.92</v>
      </c>
      <c r="R110" s="8">
        <v>3.97</v>
      </c>
      <c r="S110" s="8">
        <v>3.88</v>
      </c>
      <c r="T110" s="8">
        <v>3.98</v>
      </c>
      <c r="U110" s="8">
        <v>3.96</v>
      </c>
      <c r="V110" s="8">
        <v>3.92</v>
      </c>
      <c r="W110" s="8">
        <v>3.79</v>
      </c>
      <c r="X110" s="8">
        <v>3.84</v>
      </c>
      <c r="Y110" s="8">
        <v>3.77</v>
      </c>
      <c r="Z110" s="8">
        <v>3.82</v>
      </c>
      <c r="AA110" s="8">
        <v>3.88</v>
      </c>
      <c r="AB110" s="8">
        <v>4.07</v>
      </c>
      <c r="AC110" s="8">
        <v>4.25</v>
      </c>
      <c r="AD110" s="8">
        <v>4.25</v>
      </c>
      <c r="AE110" s="8">
        <v>4.25</v>
      </c>
      <c r="AF110" s="8">
        <v>4.18</v>
      </c>
      <c r="AG110" s="8">
        <v>4.3</v>
      </c>
      <c r="AH110" s="8">
        <v>4.22</v>
      </c>
      <c r="AI110" s="8">
        <v>4.2300000000000004</v>
      </c>
      <c r="AJ110" s="8">
        <v>4.24</v>
      </c>
      <c r="AK110" s="8">
        <v>4.3600000000000003</v>
      </c>
      <c r="AL110" s="17">
        <v>4.42</v>
      </c>
      <c r="AM110" s="8">
        <v>4.32</v>
      </c>
      <c r="AN110" s="8">
        <v>4.22</v>
      </c>
      <c r="AO110" s="17">
        <v>4.1500000000000004</v>
      </c>
      <c r="AP110" s="17">
        <v>4.25</v>
      </c>
      <c r="AQ110" s="17">
        <v>4.13</v>
      </c>
      <c r="AR110" s="8">
        <v>4.2</v>
      </c>
      <c r="AS110" s="8">
        <v>4.2699999999999996</v>
      </c>
      <c r="AT110" s="8">
        <v>4.17</v>
      </c>
      <c r="AU110" s="17">
        <v>4.13</v>
      </c>
      <c r="AV110" s="17">
        <v>4.12</v>
      </c>
      <c r="AW110" s="8">
        <v>4.07</v>
      </c>
      <c r="AX110" s="17">
        <v>4.12</v>
      </c>
      <c r="AY110" s="17">
        <v>4.0599999999999996</v>
      </c>
      <c r="AZ110" s="8">
        <v>4.03</v>
      </c>
      <c r="BA110" s="17">
        <v>4.09</v>
      </c>
      <c r="BB110" s="8">
        <v>4.1399999999999997</v>
      </c>
      <c r="BC110" s="8">
        <v>4.3099999999999996</v>
      </c>
      <c r="BD110" s="17">
        <v>4.3099999999999996</v>
      </c>
      <c r="BE110" s="17"/>
    </row>
    <row r="111" spans="3:57" x14ac:dyDescent="0.2">
      <c r="C111" s="5" t="s">
        <v>66</v>
      </c>
      <c r="D111" s="6" t="s">
        <v>58</v>
      </c>
      <c r="E111" s="17">
        <v>6.42</v>
      </c>
      <c r="F111" s="8">
        <v>6.4</v>
      </c>
      <c r="G111" s="8">
        <v>6.31</v>
      </c>
      <c r="H111" s="8">
        <v>6.34</v>
      </c>
      <c r="I111" s="8">
        <v>6.21</v>
      </c>
      <c r="J111" s="8">
        <v>6.3</v>
      </c>
      <c r="K111" s="8">
        <v>6.25</v>
      </c>
      <c r="L111" s="8">
        <v>6.25</v>
      </c>
      <c r="M111" s="8">
        <v>6.32</v>
      </c>
      <c r="N111" s="8">
        <v>6.34</v>
      </c>
      <c r="O111" s="8">
        <v>6.35</v>
      </c>
      <c r="P111" s="8">
        <v>6.41</v>
      </c>
      <c r="Q111" s="8">
        <v>6.08</v>
      </c>
      <c r="R111" s="8">
        <v>6.12</v>
      </c>
      <c r="S111" s="8">
        <v>6.1</v>
      </c>
      <c r="T111" s="8">
        <v>6.29</v>
      </c>
      <c r="U111" s="8">
        <v>6.25</v>
      </c>
      <c r="V111" s="8">
        <v>6.12</v>
      </c>
      <c r="W111" s="8">
        <v>5.96</v>
      </c>
      <c r="X111" s="8">
        <v>6</v>
      </c>
      <c r="Y111" s="8">
        <v>5.78</v>
      </c>
      <c r="Z111" s="8">
        <v>5.77</v>
      </c>
      <c r="AA111" s="8">
        <v>5.87</v>
      </c>
      <c r="AB111" s="8">
        <v>6.13</v>
      </c>
      <c r="AC111" s="8">
        <v>6.08</v>
      </c>
      <c r="AD111" s="8">
        <v>5.97</v>
      </c>
      <c r="AE111" s="8">
        <v>6</v>
      </c>
      <c r="AF111" s="8">
        <v>6.03</v>
      </c>
      <c r="AG111" s="8">
        <v>6.13</v>
      </c>
      <c r="AH111" s="8">
        <v>6.11</v>
      </c>
      <c r="AI111" s="8">
        <v>6.21</v>
      </c>
      <c r="AJ111" s="8">
        <v>6.37</v>
      </c>
      <c r="AK111" s="8">
        <v>6.63</v>
      </c>
      <c r="AL111" s="17">
        <v>6.63</v>
      </c>
      <c r="AM111" s="8">
        <v>6.49</v>
      </c>
      <c r="AN111" s="8">
        <v>6.58</v>
      </c>
      <c r="AO111" s="17">
        <v>6.63</v>
      </c>
      <c r="AP111" s="17">
        <v>6.86</v>
      </c>
      <c r="AQ111" s="17">
        <v>6.49</v>
      </c>
      <c r="AR111" s="8">
        <v>6.35</v>
      </c>
      <c r="AS111" s="8">
        <v>6.5</v>
      </c>
      <c r="AT111" s="8">
        <v>6.38</v>
      </c>
      <c r="AU111" s="17">
        <v>6.48</v>
      </c>
      <c r="AV111" s="17">
        <v>6.51</v>
      </c>
      <c r="AW111" s="8">
        <v>6.51</v>
      </c>
      <c r="AX111" s="17">
        <v>6.51</v>
      </c>
      <c r="AY111" s="17">
        <v>6.55</v>
      </c>
      <c r="AZ111" s="8">
        <v>6.34</v>
      </c>
      <c r="BA111" s="17">
        <v>6.31</v>
      </c>
      <c r="BB111" s="8">
        <v>6.46</v>
      </c>
      <c r="BC111" s="8">
        <v>6.69</v>
      </c>
      <c r="BD111" s="17">
        <v>6.65</v>
      </c>
      <c r="BE111" s="17"/>
    </row>
    <row r="112" spans="3:57" x14ac:dyDescent="0.2">
      <c r="C112" s="5" t="s">
        <v>67</v>
      </c>
      <c r="D112" s="6" t="s">
        <v>58</v>
      </c>
      <c r="E112" s="17">
        <v>11.1</v>
      </c>
      <c r="F112" s="8">
        <v>11.31</v>
      </c>
      <c r="G112" s="8">
        <v>11.53</v>
      </c>
      <c r="H112" s="8">
        <v>11.37</v>
      </c>
      <c r="I112" s="8">
        <v>11.32</v>
      </c>
      <c r="J112" s="8">
        <v>10.97</v>
      </c>
      <c r="K112" s="8">
        <v>11.43</v>
      </c>
      <c r="L112" s="8">
        <v>11.44</v>
      </c>
      <c r="M112" s="8">
        <v>11.24</v>
      </c>
      <c r="N112" s="8">
        <v>11.2</v>
      </c>
      <c r="O112" s="8">
        <v>10.96</v>
      </c>
      <c r="P112" s="8">
        <v>11.06</v>
      </c>
      <c r="Q112" s="8">
        <v>10.63</v>
      </c>
      <c r="R112" s="8">
        <v>10.58</v>
      </c>
      <c r="S112" s="8">
        <v>10.61</v>
      </c>
      <c r="T112" s="8">
        <v>10.51</v>
      </c>
      <c r="U112" s="8">
        <v>10.49</v>
      </c>
      <c r="V112" s="8">
        <v>10.39</v>
      </c>
      <c r="W112" s="8">
        <v>10.48</v>
      </c>
      <c r="X112" s="8">
        <v>10.41</v>
      </c>
      <c r="Y112" s="8">
        <v>10.33</v>
      </c>
      <c r="Z112" s="8">
        <v>10.41</v>
      </c>
      <c r="AA112" s="8">
        <v>10.7</v>
      </c>
      <c r="AB112" s="8">
        <v>10.59</v>
      </c>
      <c r="AC112" s="8">
        <v>10.46</v>
      </c>
      <c r="AD112" s="8">
        <v>10.32</v>
      </c>
      <c r="AE112" s="8">
        <v>10.34</v>
      </c>
      <c r="AF112" s="8">
        <v>10.39</v>
      </c>
      <c r="AG112" s="8">
        <v>10.5</v>
      </c>
      <c r="AH112" s="8">
        <v>10.44</v>
      </c>
      <c r="AI112" s="8">
        <v>10.53</v>
      </c>
      <c r="AJ112" s="8">
        <v>10.57</v>
      </c>
      <c r="AK112" s="8">
        <v>10.63</v>
      </c>
      <c r="AL112" s="17">
        <v>10.58</v>
      </c>
      <c r="AM112" s="8">
        <v>10.66</v>
      </c>
      <c r="AN112" s="8">
        <v>10.55</v>
      </c>
      <c r="AO112" s="17">
        <v>10.75</v>
      </c>
      <c r="AP112" s="17">
        <v>10.97</v>
      </c>
      <c r="AQ112" s="17">
        <v>11.01</v>
      </c>
      <c r="AR112" s="8">
        <v>11.05</v>
      </c>
      <c r="AS112" s="8">
        <v>11.02</v>
      </c>
      <c r="AT112" s="8">
        <v>10.98</v>
      </c>
      <c r="AU112" s="17">
        <v>11.06</v>
      </c>
      <c r="AV112" s="17">
        <v>11.14</v>
      </c>
      <c r="AW112" s="8">
        <v>11.26</v>
      </c>
      <c r="AX112" s="17">
        <v>11.09</v>
      </c>
      <c r="AY112" s="17">
        <v>11.15</v>
      </c>
      <c r="AZ112" s="8">
        <v>11.09</v>
      </c>
      <c r="BA112" s="17">
        <v>11.08</v>
      </c>
      <c r="BB112" s="8">
        <v>11.33</v>
      </c>
      <c r="BC112" s="8">
        <v>11.6</v>
      </c>
      <c r="BD112" s="17">
        <v>11.61</v>
      </c>
      <c r="BE112" s="17"/>
    </row>
    <row r="113" spans="3:57" x14ac:dyDescent="0.2">
      <c r="C113" s="5" t="s">
        <v>68</v>
      </c>
      <c r="D113" s="6" t="s">
        <v>58</v>
      </c>
      <c r="E113" s="17">
        <v>4.67</v>
      </c>
      <c r="F113" s="8">
        <v>4.72</v>
      </c>
      <c r="G113" s="8">
        <v>4.71</v>
      </c>
      <c r="H113" s="8">
        <v>4.75</v>
      </c>
      <c r="I113" s="8">
        <v>4.66</v>
      </c>
      <c r="J113" s="8">
        <v>4.6900000000000004</v>
      </c>
      <c r="K113" s="8">
        <v>4.6900000000000004</v>
      </c>
      <c r="L113" s="8">
        <v>4.75</v>
      </c>
      <c r="M113" s="8">
        <v>4.7699999999999996</v>
      </c>
      <c r="N113" s="8">
        <v>4.7699999999999996</v>
      </c>
      <c r="O113" s="8">
        <v>4.82</v>
      </c>
      <c r="P113" s="8">
        <v>4.76</v>
      </c>
      <c r="Q113" s="8">
        <v>4.84</v>
      </c>
      <c r="R113" s="8">
        <v>4.6900000000000004</v>
      </c>
      <c r="S113" s="8">
        <v>4.68</v>
      </c>
      <c r="T113" s="8">
        <v>4.7300000000000004</v>
      </c>
      <c r="U113" s="8">
        <v>4.7699999999999996</v>
      </c>
      <c r="V113" s="8">
        <v>4.83</v>
      </c>
      <c r="W113" s="8">
        <v>4.78</v>
      </c>
      <c r="X113" s="8">
        <v>4.75</v>
      </c>
      <c r="Y113" s="8">
        <v>4.71</v>
      </c>
      <c r="Z113" s="8">
        <v>4.72</v>
      </c>
      <c r="AA113" s="8">
        <v>4.87</v>
      </c>
      <c r="AB113" s="8">
        <v>4.84</v>
      </c>
      <c r="AC113" s="8">
        <v>4.78</v>
      </c>
      <c r="AD113" s="8">
        <v>4.87</v>
      </c>
      <c r="AE113" s="8">
        <v>4.87</v>
      </c>
      <c r="AF113" s="8">
        <v>4.8899999999999997</v>
      </c>
      <c r="AG113" s="8">
        <v>4.93</v>
      </c>
      <c r="AH113" s="8">
        <v>4.9000000000000004</v>
      </c>
      <c r="AI113" s="8">
        <v>4.87</v>
      </c>
      <c r="AJ113" s="8">
        <v>4.92</v>
      </c>
      <c r="AK113" s="8">
        <v>4.8600000000000003</v>
      </c>
      <c r="AL113" s="17">
        <v>4.8099999999999996</v>
      </c>
      <c r="AM113" s="8">
        <v>4.88</v>
      </c>
      <c r="AN113" s="8">
        <v>4.92</v>
      </c>
      <c r="AO113" s="17">
        <v>4.91</v>
      </c>
      <c r="AP113" s="17">
        <v>4.97</v>
      </c>
      <c r="AQ113" s="17">
        <v>4.8499999999999996</v>
      </c>
      <c r="AR113" s="8">
        <v>4.82</v>
      </c>
      <c r="AS113" s="8">
        <v>4.78</v>
      </c>
      <c r="AT113" s="8">
        <v>5.03</v>
      </c>
      <c r="AU113" s="17">
        <v>4.7699999999999996</v>
      </c>
      <c r="AV113" s="17">
        <v>4.82</v>
      </c>
      <c r="AW113" s="8">
        <v>4.83</v>
      </c>
      <c r="AX113" s="17">
        <v>4.83</v>
      </c>
      <c r="AY113" s="17">
        <v>4.8499999999999996</v>
      </c>
      <c r="AZ113" s="8">
        <v>4.8600000000000003</v>
      </c>
      <c r="BA113" s="17">
        <v>4.91</v>
      </c>
      <c r="BB113" s="8">
        <v>4.9000000000000004</v>
      </c>
      <c r="BC113" s="8">
        <v>5.0199999999999996</v>
      </c>
      <c r="BD113" s="17">
        <v>5.0199999999999996</v>
      </c>
      <c r="BE113" s="17"/>
    </row>
    <row r="114" spans="3:57" x14ac:dyDescent="0.2">
      <c r="C114" s="5" t="s">
        <v>69</v>
      </c>
      <c r="D114" s="6" t="s">
        <v>58</v>
      </c>
      <c r="E114" s="17">
        <v>4.16</v>
      </c>
      <c r="F114" s="8">
        <v>4.17</v>
      </c>
      <c r="G114" s="8">
        <v>4.13</v>
      </c>
      <c r="H114" s="8">
        <v>4.04</v>
      </c>
      <c r="I114" s="8">
        <v>4</v>
      </c>
      <c r="J114" s="8">
        <v>3.96</v>
      </c>
      <c r="K114" s="8">
        <v>3.98</v>
      </c>
      <c r="L114" s="8">
        <v>4.05</v>
      </c>
      <c r="M114" s="8">
        <v>4.07</v>
      </c>
      <c r="N114" s="8">
        <v>4.0599999999999996</v>
      </c>
      <c r="O114" s="8">
        <v>4.08</v>
      </c>
      <c r="P114" s="8">
        <v>4.01</v>
      </c>
      <c r="Q114" s="8">
        <v>3.95</v>
      </c>
      <c r="R114" s="8">
        <v>3.97</v>
      </c>
      <c r="S114" s="8">
        <v>3.92</v>
      </c>
      <c r="T114" s="8">
        <v>3.92</v>
      </c>
      <c r="U114" s="8">
        <v>3.99</v>
      </c>
      <c r="V114" s="8">
        <v>3.98</v>
      </c>
      <c r="W114" s="8">
        <v>3.96</v>
      </c>
      <c r="X114" s="8">
        <v>3.97</v>
      </c>
      <c r="Y114" s="8">
        <v>4.08</v>
      </c>
      <c r="Z114" s="8">
        <v>4.0999999999999996</v>
      </c>
      <c r="AA114" s="8">
        <v>4.05</v>
      </c>
      <c r="AB114" s="8">
        <v>4.07</v>
      </c>
      <c r="AC114" s="8">
        <v>4.0599999999999996</v>
      </c>
      <c r="AD114" s="8">
        <v>4.09</v>
      </c>
      <c r="AE114" s="8">
        <v>4.1100000000000003</v>
      </c>
      <c r="AF114" s="8">
        <v>4.05</v>
      </c>
      <c r="AG114" s="8">
        <v>4.05</v>
      </c>
      <c r="AH114" s="8">
        <v>4.05</v>
      </c>
      <c r="AI114" s="8">
        <v>4.0599999999999996</v>
      </c>
      <c r="AJ114" s="8">
        <v>4.04</v>
      </c>
      <c r="AK114" s="8">
        <v>4.08</v>
      </c>
      <c r="AL114" s="17">
        <v>4.08</v>
      </c>
      <c r="AM114" s="8">
        <v>4.16</v>
      </c>
      <c r="AN114" s="8">
        <v>4.1500000000000004</v>
      </c>
      <c r="AO114" s="17">
        <v>4.2</v>
      </c>
      <c r="AP114" s="17">
        <v>4.18</v>
      </c>
      <c r="AQ114" s="17">
        <v>4.13</v>
      </c>
      <c r="AR114" s="8">
        <v>4.09</v>
      </c>
      <c r="AS114" s="8">
        <v>4.08</v>
      </c>
      <c r="AT114" s="8">
        <v>4.1100000000000003</v>
      </c>
      <c r="AU114" s="17">
        <v>4.25</v>
      </c>
      <c r="AV114" s="17">
        <v>4.34</v>
      </c>
      <c r="AW114" s="8">
        <v>4.37</v>
      </c>
      <c r="AX114" s="17">
        <v>4.32</v>
      </c>
      <c r="AY114" s="17">
        <v>4.29</v>
      </c>
      <c r="AZ114" s="8">
        <v>4.28</v>
      </c>
      <c r="BA114" s="17">
        <v>4.3099999999999996</v>
      </c>
      <c r="BB114" s="8">
        <v>4.3</v>
      </c>
      <c r="BC114" s="8">
        <v>4.33</v>
      </c>
      <c r="BD114" s="17">
        <v>4.33</v>
      </c>
      <c r="BE114" s="17"/>
    </row>
    <row r="115" spans="3:57" x14ac:dyDescent="0.2">
      <c r="C115" s="5" t="s">
        <v>70</v>
      </c>
      <c r="D115" s="6" t="s">
        <v>58</v>
      </c>
      <c r="E115" s="17">
        <v>4.3099999999999996</v>
      </c>
      <c r="F115" s="8">
        <v>4</v>
      </c>
      <c r="G115" s="8">
        <v>4.07</v>
      </c>
      <c r="H115" s="8">
        <v>4.01</v>
      </c>
      <c r="I115" s="8">
        <v>4.17</v>
      </c>
      <c r="J115" s="8">
        <v>4.18</v>
      </c>
      <c r="K115" s="8">
        <v>4.03</v>
      </c>
      <c r="L115" s="8">
        <v>3.94</v>
      </c>
      <c r="M115" s="8">
        <v>3.84</v>
      </c>
      <c r="N115" s="8">
        <v>3.81</v>
      </c>
      <c r="O115" s="8">
        <v>3.7</v>
      </c>
      <c r="P115" s="8">
        <v>3.82</v>
      </c>
      <c r="Q115" s="8">
        <v>3.92</v>
      </c>
      <c r="R115" s="8">
        <v>3.98</v>
      </c>
      <c r="S115" s="8">
        <v>4</v>
      </c>
      <c r="T115" s="8">
        <v>4.01</v>
      </c>
      <c r="U115" s="8">
        <v>4.08</v>
      </c>
      <c r="V115" s="8">
        <v>4.09</v>
      </c>
      <c r="W115" s="8">
        <v>4.07</v>
      </c>
      <c r="X115" s="8">
        <v>4.04</v>
      </c>
      <c r="Y115" s="8">
        <v>4.07</v>
      </c>
      <c r="Z115" s="8">
        <v>4.16</v>
      </c>
      <c r="AA115" s="8">
        <v>4.17</v>
      </c>
      <c r="AB115" s="8">
        <v>4.18</v>
      </c>
      <c r="AC115" s="8">
        <v>4.32</v>
      </c>
      <c r="AD115" s="8">
        <v>4.33</v>
      </c>
      <c r="AE115" s="8">
        <v>4.4000000000000004</v>
      </c>
      <c r="AF115" s="8">
        <v>4.3600000000000003</v>
      </c>
      <c r="AG115" s="8">
        <v>4.3099999999999996</v>
      </c>
      <c r="AH115" s="8">
        <v>4.34</v>
      </c>
      <c r="AI115" s="8">
        <v>4.3499999999999996</v>
      </c>
      <c r="AJ115" s="8">
        <v>4.3099999999999996</v>
      </c>
      <c r="AK115" s="8">
        <v>4.3499999999999996</v>
      </c>
      <c r="AL115" s="17">
        <v>4.3600000000000003</v>
      </c>
      <c r="AM115" s="8">
        <v>4.2</v>
      </c>
      <c r="AN115" s="8">
        <v>4.28</v>
      </c>
      <c r="AO115" s="17">
        <v>4.25</v>
      </c>
      <c r="AP115" s="17">
        <v>4.29</v>
      </c>
      <c r="AQ115" s="17">
        <v>4.17</v>
      </c>
      <c r="AR115" s="8">
        <v>4.1500000000000004</v>
      </c>
      <c r="AS115" s="8">
        <v>4.22</v>
      </c>
      <c r="AT115" s="8">
        <v>4.2</v>
      </c>
      <c r="AU115" s="17">
        <v>4.24</v>
      </c>
      <c r="AV115" s="17">
        <v>4.21</v>
      </c>
      <c r="AW115" s="8">
        <v>4.24</v>
      </c>
      <c r="AX115" s="17">
        <v>4.2300000000000004</v>
      </c>
      <c r="AY115" s="17">
        <v>4.13</v>
      </c>
      <c r="AZ115" s="8">
        <v>4.18</v>
      </c>
      <c r="BA115" s="17">
        <v>4.16</v>
      </c>
      <c r="BB115" s="8">
        <v>4.1399999999999997</v>
      </c>
      <c r="BC115" s="8">
        <v>4.2</v>
      </c>
      <c r="BD115" s="17">
        <v>4.2</v>
      </c>
      <c r="BE115" s="17"/>
    </row>
    <row r="116" spans="3:57" x14ac:dyDescent="0.2">
      <c r="C116" s="5" t="s">
        <v>101</v>
      </c>
      <c r="D116" s="6" t="s">
        <v>58</v>
      </c>
      <c r="E116" s="17">
        <v>9.89</v>
      </c>
      <c r="F116" s="8">
        <v>9.8699999999999992</v>
      </c>
      <c r="G116" s="8">
        <v>10.039999999999999</v>
      </c>
      <c r="H116" s="8">
        <v>10.1</v>
      </c>
      <c r="I116" s="8">
        <v>10.39</v>
      </c>
      <c r="J116" s="8">
        <v>10.34</v>
      </c>
      <c r="K116" s="8">
        <v>10.06</v>
      </c>
      <c r="L116" s="8">
        <v>10.18</v>
      </c>
      <c r="M116" s="8">
        <v>10.44</v>
      </c>
      <c r="N116" s="8">
        <v>10.44</v>
      </c>
      <c r="O116" s="8">
        <v>10.53</v>
      </c>
      <c r="P116" s="8">
        <v>10.5</v>
      </c>
      <c r="Q116" s="8">
        <v>10.35</v>
      </c>
      <c r="R116" s="8">
        <v>10.65</v>
      </c>
      <c r="S116" s="8">
        <v>10.59</v>
      </c>
      <c r="T116" s="8">
        <v>10.43</v>
      </c>
      <c r="U116" s="8">
        <v>9.93</v>
      </c>
      <c r="V116" s="8">
        <v>10.14</v>
      </c>
      <c r="W116" s="8">
        <v>10.59</v>
      </c>
      <c r="X116" s="8">
        <v>10.64</v>
      </c>
      <c r="Y116" s="8">
        <v>10.44</v>
      </c>
      <c r="Z116" s="8">
        <v>10.47</v>
      </c>
      <c r="AA116" s="8">
        <v>10.4</v>
      </c>
      <c r="AB116" s="8">
        <v>10.48</v>
      </c>
      <c r="AC116" s="8">
        <v>10.7</v>
      </c>
      <c r="AD116" s="8">
        <v>10.74</v>
      </c>
      <c r="AE116" s="8">
        <v>10.48</v>
      </c>
      <c r="AF116" s="8">
        <v>10.1</v>
      </c>
      <c r="AG116" s="8">
        <v>9.9</v>
      </c>
      <c r="AH116" s="8">
        <v>9.76</v>
      </c>
      <c r="AI116" s="8">
        <v>9.6199999999999992</v>
      </c>
      <c r="AJ116" s="8">
        <v>9.5500000000000007</v>
      </c>
      <c r="AK116" s="8">
        <v>9.59</v>
      </c>
      <c r="AL116" s="17">
        <v>9.6300000000000008</v>
      </c>
      <c r="AM116" s="8">
        <v>9.5299999999999994</v>
      </c>
      <c r="AN116" s="8">
        <v>9.67</v>
      </c>
      <c r="AO116" s="17">
        <v>9.66</v>
      </c>
      <c r="AP116" s="17">
        <v>9.59</v>
      </c>
      <c r="AQ116" s="17">
        <v>9.6300000000000008</v>
      </c>
      <c r="AR116" s="8">
        <v>9.5299999999999994</v>
      </c>
      <c r="AS116" s="8">
        <v>9.4700000000000006</v>
      </c>
      <c r="AT116" s="8">
        <v>9.4499999999999993</v>
      </c>
      <c r="AU116" s="17">
        <v>9.4</v>
      </c>
      <c r="AV116" s="17">
        <v>9.5399999999999991</v>
      </c>
      <c r="AW116" s="8">
        <v>9.48</v>
      </c>
      <c r="AX116" s="17">
        <v>9.51</v>
      </c>
      <c r="AY116" s="17">
        <v>9.56</v>
      </c>
      <c r="AZ116" s="8">
        <v>9.51</v>
      </c>
      <c r="BA116" s="17">
        <v>9.51</v>
      </c>
      <c r="BB116" s="8">
        <v>9.3699999999999992</v>
      </c>
      <c r="BC116" s="8">
        <v>9.4600000000000009</v>
      </c>
      <c r="BD116" s="17">
        <v>9.4600000000000009</v>
      </c>
      <c r="BE116" s="17"/>
    </row>
    <row r="117" spans="3:57" x14ac:dyDescent="0.2">
      <c r="C117" s="5" t="s">
        <v>71</v>
      </c>
      <c r="D117" s="6" t="s">
        <v>58</v>
      </c>
      <c r="E117" s="17">
        <v>4.93</v>
      </c>
      <c r="F117" s="8">
        <v>4.9400000000000004</v>
      </c>
      <c r="G117" s="8">
        <v>4.9000000000000004</v>
      </c>
      <c r="H117" s="8">
        <v>4.91</v>
      </c>
      <c r="I117" s="8">
        <v>4.84</v>
      </c>
      <c r="J117" s="8">
        <v>4.9000000000000004</v>
      </c>
      <c r="K117" s="8">
        <v>4.92</v>
      </c>
      <c r="L117" s="8">
        <v>4.8899999999999997</v>
      </c>
      <c r="M117" s="8">
        <v>4.92</v>
      </c>
      <c r="N117" s="8">
        <v>4.92</v>
      </c>
      <c r="O117" s="8">
        <v>4.92</v>
      </c>
      <c r="P117" s="8">
        <v>4.95</v>
      </c>
      <c r="Q117" s="8">
        <v>4.97</v>
      </c>
      <c r="R117" s="8">
        <v>5.01</v>
      </c>
      <c r="S117" s="8">
        <v>5</v>
      </c>
      <c r="T117" s="8">
        <v>5</v>
      </c>
      <c r="U117" s="8">
        <v>5.0199999999999996</v>
      </c>
      <c r="V117" s="8">
        <v>5.0199999999999996</v>
      </c>
      <c r="W117" s="8">
        <v>5</v>
      </c>
      <c r="X117" s="8">
        <v>5.01</v>
      </c>
      <c r="Y117" s="8">
        <v>5.04</v>
      </c>
      <c r="Z117" s="8">
        <v>5.05</v>
      </c>
      <c r="AA117" s="8">
        <v>5.03</v>
      </c>
      <c r="AB117" s="8">
        <v>5.0199999999999996</v>
      </c>
      <c r="AC117" s="8">
        <v>5.03</v>
      </c>
      <c r="AD117" s="8">
        <v>5.03</v>
      </c>
      <c r="AE117" s="8">
        <v>5.0199999999999996</v>
      </c>
      <c r="AF117" s="8">
        <v>5</v>
      </c>
      <c r="AG117" s="8">
        <v>4.9800000000000004</v>
      </c>
      <c r="AH117" s="8">
        <v>4.93</v>
      </c>
      <c r="AI117" s="8">
        <v>4.9400000000000004</v>
      </c>
      <c r="AJ117" s="8">
        <v>4.9400000000000004</v>
      </c>
      <c r="AK117" s="8">
        <v>4.96</v>
      </c>
      <c r="AL117" s="17">
        <v>4.96</v>
      </c>
      <c r="AM117" s="8">
        <v>4.97</v>
      </c>
      <c r="AN117" s="8">
        <v>4.9800000000000004</v>
      </c>
      <c r="AO117" s="17">
        <v>4.9800000000000004</v>
      </c>
      <c r="AP117" s="17">
        <v>4.9800000000000004</v>
      </c>
      <c r="AQ117" s="17">
        <v>4.9800000000000004</v>
      </c>
      <c r="AR117" s="8">
        <v>4.97</v>
      </c>
      <c r="AS117" s="8">
        <v>4.97</v>
      </c>
      <c r="AT117" s="8">
        <v>4.96</v>
      </c>
      <c r="AU117" s="17">
        <v>4.96</v>
      </c>
      <c r="AV117" s="17">
        <v>4.9800000000000004</v>
      </c>
      <c r="AW117" s="8">
        <v>4.99</v>
      </c>
      <c r="AX117" s="17">
        <v>4.99</v>
      </c>
      <c r="AY117" s="17">
        <v>5.01</v>
      </c>
      <c r="AZ117" s="8">
        <v>5.04</v>
      </c>
      <c r="BA117" s="17">
        <v>5.03</v>
      </c>
      <c r="BB117" s="8">
        <v>5.04</v>
      </c>
      <c r="BC117" s="8">
        <v>5.03</v>
      </c>
      <c r="BD117" s="17">
        <v>5.03</v>
      </c>
      <c r="BE117" s="17"/>
    </row>
    <row r="118" spans="3:57" x14ac:dyDescent="0.2">
      <c r="C118" s="5" t="s">
        <v>102</v>
      </c>
      <c r="D118" s="6" t="s">
        <v>58</v>
      </c>
      <c r="E118" s="17">
        <v>9.33</v>
      </c>
      <c r="F118" s="8">
        <v>9.36</v>
      </c>
      <c r="G118" s="8">
        <v>9.35</v>
      </c>
      <c r="H118" s="8">
        <v>9.36</v>
      </c>
      <c r="I118" s="8">
        <v>9.3800000000000008</v>
      </c>
      <c r="J118" s="8">
        <v>9.31</v>
      </c>
      <c r="K118" s="8">
        <v>9.19</v>
      </c>
      <c r="L118" s="8">
        <v>9.26</v>
      </c>
      <c r="M118" s="8">
        <v>9.3000000000000007</v>
      </c>
      <c r="N118" s="8">
        <v>9.33</v>
      </c>
      <c r="O118" s="8">
        <v>9.2899999999999991</v>
      </c>
      <c r="P118" s="8">
        <v>9.4</v>
      </c>
      <c r="Q118" s="8">
        <v>9.4499999999999993</v>
      </c>
      <c r="R118" s="8">
        <v>9.2899999999999991</v>
      </c>
      <c r="S118" s="8">
        <v>9.34</v>
      </c>
      <c r="T118" s="8">
        <v>9.39</v>
      </c>
      <c r="U118" s="8">
        <v>9.5299999999999994</v>
      </c>
      <c r="V118" s="8">
        <v>9.6300000000000008</v>
      </c>
      <c r="W118" s="8">
        <v>9.6199999999999992</v>
      </c>
      <c r="X118" s="8">
        <v>9.6999999999999993</v>
      </c>
      <c r="Y118" s="8">
        <v>9.75</v>
      </c>
      <c r="Z118" s="8">
        <v>9.7899999999999991</v>
      </c>
      <c r="AA118" s="8">
        <v>9.7100000000000009</v>
      </c>
      <c r="AB118" s="8">
        <v>9.8000000000000007</v>
      </c>
      <c r="AC118" s="8">
        <v>9.69</v>
      </c>
      <c r="AD118" s="8">
        <v>9.7200000000000006</v>
      </c>
      <c r="AE118" s="8">
        <v>9.7799999999999994</v>
      </c>
      <c r="AF118" s="8">
        <v>9.8000000000000007</v>
      </c>
      <c r="AG118" s="8">
        <v>9.8800000000000008</v>
      </c>
      <c r="AH118" s="8">
        <v>9.8800000000000008</v>
      </c>
      <c r="AI118" s="8">
        <v>9.8800000000000008</v>
      </c>
      <c r="AJ118" s="8">
        <v>9.9</v>
      </c>
      <c r="AK118" s="8">
        <v>9.9700000000000006</v>
      </c>
      <c r="AL118" s="17">
        <v>9.9499999999999993</v>
      </c>
      <c r="AM118" s="8">
        <v>9.94</v>
      </c>
      <c r="AN118" s="8">
        <v>9.9499999999999993</v>
      </c>
      <c r="AO118" s="17">
        <v>9.91</v>
      </c>
      <c r="AP118" s="17">
        <v>9.85</v>
      </c>
      <c r="AQ118" s="17">
        <v>9.7799999999999994</v>
      </c>
      <c r="AR118" s="8">
        <v>9.85</v>
      </c>
      <c r="AS118" s="8">
        <v>9.81</v>
      </c>
      <c r="AT118" s="8">
        <v>9.8000000000000007</v>
      </c>
      <c r="AU118" s="17">
        <v>9.8699999999999992</v>
      </c>
      <c r="AV118" s="17">
        <v>9.94</v>
      </c>
      <c r="AW118" s="8">
        <v>9.89</v>
      </c>
      <c r="AX118" s="17">
        <v>9.81</v>
      </c>
      <c r="AY118" s="17">
        <v>9.9600000000000009</v>
      </c>
      <c r="AZ118" s="17">
        <v>10.07</v>
      </c>
      <c r="BA118" s="17">
        <v>10.07</v>
      </c>
      <c r="BB118" s="17">
        <v>10.34</v>
      </c>
      <c r="BC118" s="8">
        <v>10.56</v>
      </c>
      <c r="BD118" s="17">
        <v>10.55</v>
      </c>
      <c r="BE118" s="17"/>
    </row>
    <row r="119" spans="3:57" x14ac:dyDescent="0.2">
      <c r="C119" s="5" t="s">
        <v>72</v>
      </c>
      <c r="D119" s="6" t="s">
        <v>58</v>
      </c>
      <c r="E119" s="17">
        <v>10.36</v>
      </c>
      <c r="F119" s="8">
        <v>10.32</v>
      </c>
      <c r="G119" s="8">
        <v>10.36</v>
      </c>
      <c r="H119" s="8">
        <v>10.51</v>
      </c>
      <c r="I119" s="8">
        <v>10.5</v>
      </c>
      <c r="J119" s="8">
        <v>10.53</v>
      </c>
      <c r="K119" s="8">
        <v>10.47</v>
      </c>
      <c r="L119" s="8">
        <v>10.52</v>
      </c>
      <c r="M119" s="8">
        <v>10.5</v>
      </c>
      <c r="N119" s="8">
        <v>10.51</v>
      </c>
      <c r="O119" s="8">
        <v>10.49</v>
      </c>
      <c r="P119" s="8">
        <v>10.59</v>
      </c>
      <c r="Q119" s="8">
        <v>10.39</v>
      </c>
      <c r="R119" s="8">
        <v>10.47</v>
      </c>
      <c r="S119" s="8">
        <v>10.57</v>
      </c>
      <c r="T119" s="8">
        <v>10.65</v>
      </c>
      <c r="U119" s="8">
        <v>10.72</v>
      </c>
      <c r="V119" s="8">
        <v>10.74</v>
      </c>
      <c r="W119" s="8">
        <v>10.67</v>
      </c>
      <c r="X119" s="8">
        <v>10.75</v>
      </c>
      <c r="Y119" s="8">
        <v>10.75</v>
      </c>
      <c r="Z119" s="8">
        <v>10.81</v>
      </c>
      <c r="AA119" s="8">
        <v>10.84</v>
      </c>
      <c r="AB119" s="8">
        <v>10.83</v>
      </c>
      <c r="AC119" s="8">
        <v>10.85</v>
      </c>
      <c r="AD119" s="8">
        <v>10.84</v>
      </c>
      <c r="AE119" s="8">
        <v>10.78</v>
      </c>
      <c r="AF119" s="8">
        <v>10.73</v>
      </c>
      <c r="AG119" s="8">
        <v>10.66</v>
      </c>
      <c r="AH119" s="8">
        <v>10.55</v>
      </c>
      <c r="AI119" s="8">
        <v>10.56</v>
      </c>
      <c r="AJ119" s="8">
        <v>10.62</v>
      </c>
      <c r="AK119" s="8">
        <v>10.49</v>
      </c>
      <c r="AL119" s="17">
        <v>10.45</v>
      </c>
      <c r="AM119" s="8">
        <v>10.45</v>
      </c>
      <c r="AN119" s="8">
        <v>10.37</v>
      </c>
      <c r="AO119" s="17">
        <v>10.36</v>
      </c>
      <c r="AP119" s="17">
        <v>10.26</v>
      </c>
      <c r="AQ119" s="17">
        <v>10.23</v>
      </c>
      <c r="AR119" s="8">
        <v>10.220000000000001</v>
      </c>
      <c r="AS119" s="8">
        <v>10.220000000000001</v>
      </c>
      <c r="AT119" s="8">
        <v>10.15</v>
      </c>
      <c r="AU119" s="17">
        <v>10.07</v>
      </c>
      <c r="AV119" s="17">
        <v>10.039999999999999</v>
      </c>
      <c r="AW119" s="8">
        <v>9.98</v>
      </c>
      <c r="AX119" s="17">
        <v>10</v>
      </c>
      <c r="AY119" s="17">
        <v>10</v>
      </c>
      <c r="AZ119" s="8">
        <v>10.02</v>
      </c>
      <c r="BA119" s="17">
        <v>9.9700000000000006</v>
      </c>
      <c r="BB119" s="8">
        <v>9.9700000000000006</v>
      </c>
      <c r="BC119" s="8">
        <v>10.01</v>
      </c>
      <c r="BD119" s="17">
        <v>10.02</v>
      </c>
      <c r="BE119" s="17"/>
    </row>
    <row r="120" spans="3:57" x14ac:dyDescent="0.2">
      <c r="C120" s="5" t="s">
        <v>73</v>
      </c>
      <c r="D120" s="6" t="s">
        <v>58</v>
      </c>
      <c r="E120" s="17">
        <v>9.57</v>
      </c>
      <c r="F120" s="8">
        <v>9.64</v>
      </c>
      <c r="G120" s="8">
        <v>9.56</v>
      </c>
      <c r="H120" s="8">
        <v>9.49</v>
      </c>
      <c r="I120" s="8">
        <v>9.5500000000000007</v>
      </c>
      <c r="J120" s="8">
        <v>9.64</v>
      </c>
      <c r="K120" s="8">
        <v>9.49</v>
      </c>
      <c r="L120" s="8">
        <v>9.5500000000000007</v>
      </c>
      <c r="M120" s="8">
        <v>9.74</v>
      </c>
      <c r="N120" s="8">
        <v>9.74</v>
      </c>
      <c r="O120" s="8">
        <v>9.64</v>
      </c>
      <c r="P120" s="8">
        <v>9.7100000000000009</v>
      </c>
      <c r="Q120" s="8">
        <v>9.9</v>
      </c>
      <c r="R120" s="8">
        <v>9.91</v>
      </c>
      <c r="S120" s="8">
        <v>9.9600000000000009</v>
      </c>
      <c r="T120" s="8">
        <v>9.9700000000000006</v>
      </c>
      <c r="U120" s="8">
        <v>10.01</v>
      </c>
      <c r="V120" s="8">
        <v>9.98</v>
      </c>
      <c r="W120" s="8">
        <v>9.98</v>
      </c>
      <c r="X120" s="8">
        <v>10</v>
      </c>
      <c r="Y120" s="8">
        <v>9.99</v>
      </c>
      <c r="Z120" s="8">
        <v>9.94</v>
      </c>
      <c r="AA120" s="8">
        <v>9.89</v>
      </c>
      <c r="AB120" s="8">
        <v>9.93</v>
      </c>
      <c r="AC120" s="8">
        <v>9.74</v>
      </c>
      <c r="AD120" s="8">
        <v>9.68</v>
      </c>
      <c r="AE120" s="8">
        <v>9.66</v>
      </c>
      <c r="AF120" s="8">
        <v>9.74</v>
      </c>
      <c r="AG120" s="8">
        <v>9.73</v>
      </c>
      <c r="AH120" s="8">
        <v>9.65</v>
      </c>
      <c r="AI120" s="8">
        <v>9.6</v>
      </c>
      <c r="AJ120" s="8">
        <v>9.5399999999999991</v>
      </c>
      <c r="AK120" s="8">
        <v>9.6199999999999992</v>
      </c>
      <c r="AL120" s="17">
        <v>9.52</v>
      </c>
      <c r="AM120" s="8">
        <v>9.4700000000000006</v>
      </c>
      <c r="AN120" s="8">
        <v>9.51</v>
      </c>
      <c r="AO120" s="17">
        <v>9.5299999999999994</v>
      </c>
      <c r="AP120" s="17" t="s">
        <v>113</v>
      </c>
      <c r="AQ120" s="17">
        <v>9.3800000000000008</v>
      </c>
      <c r="AR120" s="8">
        <v>9.41</v>
      </c>
      <c r="AS120" s="8">
        <v>9.42</v>
      </c>
      <c r="AT120" s="8">
        <v>9.33</v>
      </c>
      <c r="AU120" s="17">
        <v>9.25</v>
      </c>
      <c r="AV120" s="17">
        <v>9.32</v>
      </c>
      <c r="AW120" s="8">
        <v>9.26</v>
      </c>
      <c r="AX120" s="17">
        <v>9.27</v>
      </c>
      <c r="AY120" s="17">
        <v>9.1999999999999993</v>
      </c>
      <c r="AZ120" s="8">
        <v>9.27</v>
      </c>
      <c r="BA120" s="17">
        <v>9.2899999999999991</v>
      </c>
      <c r="BB120" s="8">
        <v>9.08</v>
      </c>
      <c r="BC120" s="8">
        <v>9.23</v>
      </c>
      <c r="BD120" s="17">
        <v>9.2200000000000006</v>
      </c>
      <c r="BE120" s="17"/>
    </row>
    <row r="121" spans="3:57" x14ac:dyDescent="0.2">
      <c r="C121" s="5" t="s">
        <v>74</v>
      </c>
      <c r="D121" s="6" t="s">
        <v>58</v>
      </c>
      <c r="E121" s="17">
        <v>3.1</v>
      </c>
      <c r="F121" s="8">
        <v>3.12</v>
      </c>
      <c r="G121" s="8">
        <v>3.11</v>
      </c>
      <c r="H121" s="8">
        <v>3.1</v>
      </c>
      <c r="I121" s="8">
        <v>3.1</v>
      </c>
      <c r="J121" s="8">
        <v>3.09</v>
      </c>
      <c r="K121" s="8">
        <v>3.1</v>
      </c>
      <c r="L121" s="8">
        <v>3.11</v>
      </c>
      <c r="M121" s="8">
        <v>3.15</v>
      </c>
      <c r="N121" s="8">
        <v>3.15</v>
      </c>
      <c r="O121" s="8">
        <v>3.13</v>
      </c>
      <c r="P121" s="8">
        <v>3.14</v>
      </c>
      <c r="Q121" s="8">
        <v>3.15</v>
      </c>
      <c r="R121" s="8">
        <v>3.15</v>
      </c>
      <c r="S121" s="8">
        <v>3.12</v>
      </c>
      <c r="T121" s="8">
        <v>3.1</v>
      </c>
      <c r="U121" s="8">
        <v>3.09</v>
      </c>
      <c r="V121" s="8">
        <v>3.1</v>
      </c>
      <c r="W121" s="8">
        <v>3.09</v>
      </c>
      <c r="X121" s="8">
        <v>3.08</v>
      </c>
      <c r="Y121" s="8">
        <v>3.09</v>
      </c>
      <c r="Z121" s="8">
        <v>3.07</v>
      </c>
      <c r="AA121" s="8">
        <v>3.09</v>
      </c>
      <c r="AB121" s="8">
        <v>3.09</v>
      </c>
      <c r="AC121" s="8">
        <v>3.1</v>
      </c>
      <c r="AD121" s="8">
        <v>3.1</v>
      </c>
      <c r="AE121" s="8">
        <v>3.11</v>
      </c>
      <c r="AF121" s="8">
        <v>3.11</v>
      </c>
      <c r="AG121" s="8">
        <v>3.11</v>
      </c>
      <c r="AH121" s="8">
        <v>3.11</v>
      </c>
      <c r="AI121" s="8">
        <v>3.11</v>
      </c>
      <c r="AJ121" s="8">
        <v>3.1</v>
      </c>
      <c r="AK121" s="8">
        <v>3.11</v>
      </c>
      <c r="AL121" s="17">
        <v>3.1</v>
      </c>
      <c r="AM121" s="8">
        <v>3.11</v>
      </c>
      <c r="AN121" s="8">
        <v>3.1</v>
      </c>
      <c r="AO121" s="17">
        <v>3.09</v>
      </c>
      <c r="AP121" s="17">
        <v>3.08</v>
      </c>
      <c r="AQ121" s="17">
        <v>3.07</v>
      </c>
      <c r="AR121" s="8">
        <v>3.06</v>
      </c>
      <c r="AS121" s="8">
        <v>3.05</v>
      </c>
      <c r="AT121" s="8">
        <v>3.05</v>
      </c>
      <c r="AU121" s="17">
        <v>3.05</v>
      </c>
      <c r="AV121" s="17">
        <v>3.08</v>
      </c>
      <c r="AW121" s="8">
        <v>3.01</v>
      </c>
      <c r="AX121" s="17">
        <v>3.02</v>
      </c>
      <c r="AY121" s="17">
        <v>3.03</v>
      </c>
      <c r="AZ121" s="8">
        <v>3.01</v>
      </c>
      <c r="BA121" s="17">
        <v>3.01</v>
      </c>
      <c r="BB121" s="8">
        <v>3.04</v>
      </c>
      <c r="BC121" s="8">
        <v>3.05</v>
      </c>
      <c r="BD121" s="17">
        <v>3.05</v>
      </c>
      <c r="BE121" s="17"/>
    </row>
    <row r="122" spans="3:57" x14ac:dyDescent="0.2">
      <c r="C122" s="16" t="s">
        <v>78</v>
      </c>
      <c r="D122" s="6" t="s">
        <v>58</v>
      </c>
      <c r="E122" s="17">
        <v>0.83</v>
      </c>
      <c r="F122" s="8">
        <v>0.85</v>
      </c>
      <c r="G122" s="8">
        <v>0.85</v>
      </c>
      <c r="H122" s="8">
        <v>0.85</v>
      </c>
      <c r="I122" s="8">
        <v>0.85</v>
      </c>
      <c r="J122" s="8">
        <v>0.86</v>
      </c>
      <c r="K122" s="8">
        <v>0.86</v>
      </c>
      <c r="L122" s="8">
        <v>0.86</v>
      </c>
      <c r="M122" s="8">
        <v>0.86</v>
      </c>
      <c r="N122" s="8">
        <v>0.86</v>
      </c>
      <c r="O122" s="8">
        <v>0.87</v>
      </c>
      <c r="P122" s="8">
        <v>0.87</v>
      </c>
      <c r="Q122" s="8">
        <v>0.87</v>
      </c>
      <c r="R122" s="8">
        <v>0.88</v>
      </c>
      <c r="S122" s="8">
        <v>0.89</v>
      </c>
      <c r="T122" s="8">
        <v>0.89</v>
      </c>
      <c r="U122" s="8">
        <v>0.9</v>
      </c>
      <c r="V122" s="8">
        <v>0.89</v>
      </c>
      <c r="W122" s="8">
        <v>0.89</v>
      </c>
      <c r="X122" s="8">
        <v>0.89</v>
      </c>
      <c r="Y122" s="8">
        <v>0.89</v>
      </c>
      <c r="Z122" s="8">
        <v>0.89</v>
      </c>
      <c r="AA122" s="8">
        <v>0.89</v>
      </c>
      <c r="AB122" s="8">
        <v>0.87</v>
      </c>
      <c r="AC122" s="8">
        <v>0.87</v>
      </c>
      <c r="AD122" s="8">
        <v>0.87</v>
      </c>
      <c r="AE122" s="8">
        <v>0.87</v>
      </c>
      <c r="AF122" s="8">
        <v>0.86</v>
      </c>
      <c r="AG122" s="8">
        <v>0.86</v>
      </c>
      <c r="AH122" s="8">
        <v>0.85</v>
      </c>
      <c r="AI122" s="8">
        <v>0.85</v>
      </c>
      <c r="AJ122" s="76">
        <v>0.85</v>
      </c>
      <c r="AK122" s="76">
        <v>0.84</v>
      </c>
      <c r="AL122" s="76">
        <v>0.83</v>
      </c>
      <c r="AM122" s="8">
        <v>0.83</v>
      </c>
      <c r="AN122" s="8">
        <v>0.82</v>
      </c>
      <c r="AO122" s="17">
        <v>0.82</v>
      </c>
      <c r="AP122" s="17">
        <v>0.81</v>
      </c>
      <c r="AQ122" s="17">
        <v>0.8</v>
      </c>
      <c r="AR122" s="8">
        <v>0.8</v>
      </c>
      <c r="AS122" s="8">
        <v>0.79</v>
      </c>
      <c r="AT122" s="8">
        <v>0.8</v>
      </c>
      <c r="AU122" s="17">
        <v>0.79</v>
      </c>
      <c r="AV122" s="17">
        <v>0.79</v>
      </c>
      <c r="AW122" s="8">
        <v>0.79</v>
      </c>
      <c r="AX122" s="17">
        <v>0.79</v>
      </c>
      <c r="AY122" s="17">
        <v>0.78</v>
      </c>
      <c r="AZ122" s="8">
        <v>0.78</v>
      </c>
      <c r="BA122" s="17">
        <v>0.78</v>
      </c>
      <c r="BB122" s="8">
        <v>0.79</v>
      </c>
      <c r="BC122" s="8" t="s">
        <v>114</v>
      </c>
      <c r="BD122" s="17">
        <v>0.79</v>
      </c>
      <c r="BE122" s="17"/>
    </row>
    <row r="123" spans="3:57" x14ac:dyDescent="0.2">
      <c r="C123" s="16" t="s">
        <v>79</v>
      </c>
      <c r="D123" s="6" t="s">
        <v>58</v>
      </c>
      <c r="E123" s="17">
        <v>1.56</v>
      </c>
      <c r="F123" s="8">
        <v>1.58</v>
      </c>
      <c r="G123" s="8">
        <v>1.6</v>
      </c>
      <c r="H123" s="8">
        <v>1.61</v>
      </c>
      <c r="I123" s="8">
        <v>1.62</v>
      </c>
      <c r="J123" s="8">
        <v>1.6</v>
      </c>
      <c r="K123" s="8">
        <v>1.6</v>
      </c>
      <c r="L123" s="8">
        <v>1.6</v>
      </c>
      <c r="M123" s="8">
        <v>1.6</v>
      </c>
      <c r="N123" s="8">
        <v>1.6</v>
      </c>
      <c r="O123" s="8">
        <v>1.58</v>
      </c>
      <c r="P123" s="8">
        <v>1.58</v>
      </c>
      <c r="Q123" s="8">
        <v>1.58</v>
      </c>
      <c r="R123" s="8">
        <v>1.56</v>
      </c>
      <c r="S123" s="8">
        <v>1.55</v>
      </c>
      <c r="T123" s="8">
        <v>1.53</v>
      </c>
      <c r="U123" s="8">
        <v>1.53</v>
      </c>
      <c r="V123" s="8">
        <v>1.54</v>
      </c>
      <c r="W123" s="8">
        <v>1.53</v>
      </c>
      <c r="X123" s="8">
        <v>1.53</v>
      </c>
      <c r="Y123" s="8">
        <v>1.53</v>
      </c>
      <c r="Z123" s="8">
        <v>1.53</v>
      </c>
      <c r="AA123" s="8">
        <v>1.53</v>
      </c>
      <c r="AB123" s="8">
        <v>1.54</v>
      </c>
      <c r="AC123" s="8">
        <v>1.54</v>
      </c>
      <c r="AD123" s="8">
        <v>1.54</v>
      </c>
      <c r="AE123" s="8">
        <v>1.53</v>
      </c>
      <c r="AF123" s="8">
        <v>1.54</v>
      </c>
      <c r="AG123" s="8">
        <v>1.55</v>
      </c>
      <c r="AH123" s="8">
        <v>1.54</v>
      </c>
      <c r="AI123" s="8">
        <v>1.53</v>
      </c>
      <c r="AJ123" s="76">
        <v>1.54</v>
      </c>
      <c r="AK123" s="76">
        <v>1.53</v>
      </c>
      <c r="AL123" s="76">
        <v>1.52</v>
      </c>
      <c r="AM123" s="8">
        <v>1.53</v>
      </c>
      <c r="AN123" s="8">
        <v>1.55</v>
      </c>
      <c r="AO123" s="17">
        <v>1.55</v>
      </c>
      <c r="AP123" s="17">
        <v>1.56</v>
      </c>
      <c r="AQ123" s="17">
        <v>1.57</v>
      </c>
      <c r="AR123" s="8">
        <v>1.57</v>
      </c>
      <c r="AS123" s="8">
        <v>1.57</v>
      </c>
      <c r="AT123" s="8">
        <v>1.54</v>
      </c>
      <c r="AU123" s="17">
        <v>1.55</v>
      </c>
      <c r="AV123" s="17">
        <v>1.52</v>
      </c>
      <c r="AW123" s="8">
        <v>1.52</v>
      </c>
      <c r="AX123" s="17">
        <v>1.51</v>
      </c>
      <c r="AY123" s="17">
        <v>1.51</v>
      </c>
      <c r="AZ123" s="8">
        <v>1.53</v>
      </c>
      <c r="BA123" s="17">
        <v>1.53</v>
      </c>
      <c r="BB123" s="8">
        <v>1.53</v>
      </c>
      <c r="BC123" s="8">
        <v>1.53</v>
      </c>
      <c r="BD123" s="17">
        <v>1.53</v>
      </c>
      <c r="BE123" s="17"/>
    </row>
    <row r="124" spans="3:57" x14ac:dyDescent="0.2">
      <c r="C124" s="16" t="s">
        <v>80</v>
      </c>
      <c r="D124" s="6" t="s">
        <v>58</v>
      </c>
      <c r="E124" s="17">
        <v>1.74</v>
      </c>
      <c r="F124" s="8">
        <v>1.65</v>
      </c>
      <c r="G124" s="8">
        <v>1.64</v>
      </c>
      <c r="H124" s="8">
        <v>1.62</v>
      </c>
      <c r="I124" s="8">
        <v>1.68</v>
      </c>
      <c r="J124" s="8">
        <v>1.66</v>
      </c>
      <c r="K124" s="8">
        <v>1.62</v>
      </c>
      <c r="L124" s="8">
        <v>1.57</v>
      </c>
      <c r="M124" s="8">
        <v>1.49</v>
      </c>
      <c r="N124" s="8">
        <v>1.49</v>
      </c>
      <c r="O124" s="8">
        <v>1.5</v>
      </c>
      <c r="P124" s="8">
        <v>1.48</v>
      </c>
      <c r="Q124" s="8">
        <v>1.44</v>
      </c>
      <c r="R124" s="8">
        <v>1.41</v>
      </c>
      <c r="S124" s="8">
        <v>1.41</v>
      </c>
      <c r="T124" s="8">
        <v>1.41</v>
      </c>
      <c r="U124" s="8">
        <v>1.41</v>
      </c>
      <c r="V124" s="8">
        <v>1.4</v>
      </c>
      <c r="W124" s="8">
        <v>1.38</v>
      </c>
      <c r="X124" s="8">
        <v>1.36</v>
      </c>
      <c r="Y124" s="8">
        <v>1.34</v>
      </c>
      <c r="Z124" s="8">
        <v>1.33</v>
      </c>
      <c r="AA124" s="8">
        <v>1.33</v>
      </c>
      <c r="AB124" s="8">
        <v>1.31</v>
      </c>
      <c r="AC124" s="8">
        <v>1.29</v>
      </c>
      <c r="AD124" s="8">
        <v>1.26</v>
      </c>
      <c r="AE124" s="8">
        <v>1.3</v>
      </c>
      <c r="AF124" s="8">
        <v>1.29</v>
      </c>
      <c r="AG124" s="8">
        <v>1.3</v>
      </c>
      <c r="AH124" s="8">
        <v>1.36</v>
      </c>
      <c r="AI124" s="8">
        <v>1.34</v>
      </c>
      <c r="AJ124" s="76">
        <v>1.34</v>
      </c>
      <c r="AK124" s="76">
        <v>1.33</v>
      </c>
      <c r="AL124" s="76">
        <v>1.32</v>
      </c>
      <c r="AM124" s="8">
        <v>1.32</v>
      </c>
      <c r="AN124" s="8">
        <v>1.32</v>
      </c>
      <c r="AO124" s="17">
        <v>1.35</v>
      </c>
      <c r="AP124" s="17">
        <v>1.35</v>
      </c>
      <c r="AQ124" s="17">
        <v>1.34</v>
      </c>
      <c r="AR124" s="8">
        <v>1.34</v>
      </c>
      <c r="AS124" s="8">
        <v>1.33</v>
      </c>
      <c r="AT124" s="8">
        <v>1.32</v>
      </c>
      <c r="AU124" s="17">
        <v>1.36</v>
      </c>
      <c r="AV124" s="17">
        <v>1.39</v>
      </c>
      <c r="AW124" s="8">
        <v>1.43</v>
      </c>
      <c r="AX124" s="17">
        <v>1.47</v>
      </c>
      <c r="AY124" s="17">
        <v>1.46</v>
      </c>
      <c r="AZ124" s="8">
        <v>1.43</v>
      </c>
      <c r="BA124" s="17">
        <v>1.44</v>
      </c>
      <c r="BB124" s="8">
        <v>1.45</v>
      </c>
      <c r="BC124" s="8">
        <v>1.46</v>
      </c>
      <c r="BD124" s="17">
        <v>1.46</v>
      </c>
      <c r="BE124" s="17"/>
    </row>
    <row r="125" spans="3:57" x14ac:dyDescent="0.2">
      <c r="C125" s="16" t="s">
        <v>81</v>
      </c>
      <c r="D125" s="6" t="s">
        <v>58</v>
      </c>
      <c r="E125" s="17">
        <v>1.1100000000000001</v>
      </c>
      <c r="F125" s="8">
        <v>1.0900000000000001</v>
      </c>
      <c r="G125" s="8">
        <v>1.0900000000000001</v>
      </c>
      <c r="H125" s="8">
        <v>1.08</v>
      </c>
      <c r="I125" s="8">
        <v>1.07</v>
      </c>
      <c r="J125" s="8">
        <v>1.08</v>
      </c>
      <c r="K125" s="8">
        <v>1.1000000000000001</v>
      </c>
      <c r="L125" s="8">
        <v>1.0900000000000001</v>
      </c>
      <c r="M125" s="8">
        <v>1.0900000000000001</v>
      </c>
      <c r="N125" s="8">
        <v>1.0900000000000001</v>
      </c>
      <c r="O125" s="8">
        <v>1.1100000000000001</v>
      </c>
      <c r="P125" s="8">
        <v>1.1000000000000001</v>
      </c>
      <c r="Q125" s="8">
        <v>1.1200000000000001</v>
      </c>
      <c r="R125" s="8">
        <v>1.1299999999999999</v>
      </c>
      <c r="S125" s="8">
        <v>1.1299999999999999</v>
      </c>
      <c r="T125" s="8">
        <v>1.1299999999999999</v>
      </c>
      <c r="U125" s="8">
        <v>1.1399999999999999</v>
      </c>
      <c r="V125" s="8">
        <v>1.1399999999999999</v>
      </c>
      <c r="W125" s="8">
        <v>1.1299999999999999</v>
      </c>
      <c r="X125" s="8">
        <v>1.1299999999999999</v>
      </c>
      <c r="Y125" s="8">
        <v>1.1299999999999999</v>
      </c>
      <c r="Z125" s="8">
        <v>1.1399999999999999</v>
      </c>
      <c r="AA125" s="8">
        <v>1.1299999999999999</v>
      </c>
      <c r="AB125" s="8">
        <v>1.1299999999999999</v>
      </c>
      <c r="AC125" s="8">
        <v>1.1200000000000001</v>
      </c>
      <c r="AD125" s="8">
        <v>1.1299999999999999</v>
      </c>
      <c r="AE125" s="8">
        <v>1.1200000000000001</v>
      </c>
      <c r="AF125" s="8">
        <v>1.1100000000000001</v>
      </c>
      <c r="AG125" s="8">
        <v>1.1000000000000001</v>
      </c>
      <c r="AH125" s="8">
        <v>1.1000000000000001</v>
      </c>
      <c r="AI125" s="8">
        <v>1.08</v>
      </c>
      <c r="AJ125" s="76">
        <v>1.07</v>
      </c>
      <c r="AK125" s="76">
        <v>1.06</v>
      </c>
      <c r="AL125" s="76">
        <v>1.06</v>
      </c>
      <c r="AM125" s="8">
        <v>1.04</v>
      </c>
      <c r="AN125" s="8">
        <v>1.03</v>
      </c>
      <c r="AO125" s="17">
        <v>1.02</v>
      </c>
      <c r="AP125" s="17">
        <v>1.02</v>
      </c>
      <c r="AQ125" s="17">
        <v>1.02</v>
      </c>
      <c r="AR125" s="8">
        <v>1.02</v>
      </c>
      <c r="AS125" s="8">
        <v>1.02</v>
      </c>
      <c r="AT125" s="8">
        <v>1.02</v>
      </c>
      <c r="AU125" s="17">
        <v>1.02</v>
      </c>
      <c r="AV125" s="17">
        <v>1.01</v>
      </c>
      <c r="AW125" s="8">
        <v>1.01</v>
      </c>
      <c r="AX125" s="17">
        <v>1.01</v>
      </c>
      <c r="AY125" s="17">
        <v>1.01</v>
      </c>
      <c r="AZ125" s="8">
        <v>1.02</v>
      </c>
      <c r="BA125" s="17">
        <v>1.02</v>
      </c>
      <c r="BB125" s="8">
        <v>1.02</v>
      </c>
      <c r="BC125" s="8">
        <v>1.02</v>
      </c>
      <c r="BD125" s="17">
        <v>1.02</v>
      </c>
      <c r="BE125" s="17"/>
    </row>
    <row r="126" spans="3:57" x14ac:dyDescent="0.2">
      <c r="C126" s="16" t="s">
        <v>82</v>
      </c>
      <c r="D126" s="6" t="s">
        <v>58</v>
      </c>
      <c r="E126" s="17">
        <v>3.71</v>
      </c>
      <c r="F126" s="8">
        <v>3.73</v>
      </c>
      <c r="G126" s="8">
        <v>3.78</v>
      </c>
      <c r="H126" s="8">
        <v>3.81</v>
      </c>
      <c r="I126" s="8">
        <v>3.78</v>
      </c>
      <c r="J126" s="8">
        <v>3.81</v>
      </c>
      <c r="K126" s="8">
        <v>4.34</v>
      </c>
      <c r="L126" s="8">
        <v>4.01</v>
      </c>
      <c r="M126" s="8">
        <v>3.97</v>
      </c>
      <c r="N126" s="8">
        <v>3.98</v>
      </c>
      <c r="O126" s="8">
        <v>4.04</v>
      </c>
      <c r="P126" s="8">
        <v>4.0999999999999996</v>
      </c>
      <c r="Q126" s="8">
        <v>4.01</v>
      </c>
      <c r="R126" s="8">
        <v>3.78</v>
      </c>
      <c r="S126" s="8">
        <v>3.58</v>
      </c>
      <c r="T126" s="8">
        <v>3.53</v>
      </c>
      <c r="U126" s="8">
        <v>3.45</v>
      </c>
      <c r="V126" s="8">
        <v>3.38</v>
      </c>
      <c r="W126" s="8">
        <v>3.31</v>
      </c>
      <c r="X126" s="8">
        <v>3.25</v>
      </c>
      <c r="Y126" s="8">
        <v>3.2</v>
      </c>
      <c r="Z126" s="8">
        <v>3.17</v>
      </c>
      <c r="AA126" s="8">
        <v>3.1</v>
      </c>
      <c r="AB126" s="8">
        <v>3.06</v>
      </c>
      <c r="AC126" s="8">
        <v>3.07</v>
      </c>
      <c r="AD126" s="8">
        <v>3.02</v>
      </c>
      <c r="AE126" s="8">
        <v>3.05</v>
      </c>
      <c r="AF126" s="8">
        <v>3.1</v>
      </c>
      <c r="AG126" s="8">
        <v>3.13</v>
      </c>
      <c r="AH126" s="8">
        <v>3.17</v>
      </c>
      <c r="AI126" s="8">
        <v>3.26</v>
      </c>
      <c r="AJ126" s="76">
        <v>3.17</v>
      </c>
      <c r="AK126" s="76">
        <v>3.07</v>
      </c>
      <c r="AL126" s="76">
        <v>3.05</v>
      </c>
      <c r="AM126" s="8">
        <v>3.12</v>
      </c>
      <c r="AN126" s="8">
        <v>3.27</v>
      </c>
      <c r="AO126" s="17">
        <v>3.39</v>
      </c>
      <c r="AP126" s="17">
        <v>3.32</v>
      </c>
      <c r="AQ126" s="17">
        <v>3.2</v>
      </c>
      <c r="AR126" s="8">
        <v>3.12</v>
      </c>
      <c r="AS126" s="8">
        <v>3.1</v>
      </c>
      <c r="AT126" s="8">
        <v>3.11</v>
      </c>
      <c r="AU126" s="17">
        <v>3.16</v>
      </c>
      <c r="AV126" s="17">
        <v>3.24</v>
      </c>
      <c r="AW126" s="8">
        <v>3.36</v>
      </c>
      <c r="AX126" s="17">
        <v>3.54</v>
      </c>
      <c r="AY126" s="17">
        <v>3.59</v>
      </c>
      <c r="AZ126" s="8">
        <v>3.44</v>
      </c>
      <c r="BA126" s="17">
        <v>3.43</v>
      </c>
      <c r="BB126" s="8">
        <v>3.39</v>
      </c>
      <c r="BC126" s="8">
        <v>3.43</v>
      </c>
      <c r="BD126" s="17">
        <v>3.44</v>
      </c>
      <c r="BE126" s="17"/>
    </row>
    <row r="127" spans="3:57" x14ac:dyDescent="0.2">
      <c r="C127" s="16" t="s">
        <v>84</v>
      </c>
      <c r="D127" s="6" t="s">
        <v>85</v>
      </c>
      <c r="E127" s="17">
        <v>0.9</v>
      </c>
      <c r="F127" s="8">
        <v>0.9</v>
      </c>
      <c r="G127" s="8">
        <v>0.9</v>
      </c>
      <c r="H127" s="8">
        <v>0.91</v>
      </c>
      <c r="I127" s="8">
        <v>0.91</v>
      </c>
      <c r="J127" s="8">
        <v>0.91</v>
      </c>
      <c r="K127" s="8">
        <v>0.9</v>
      </c>
      <c r="L127" s="8">
        <v>0.91</v>
      </c>
      <c r="M127" s="8">
        <v>0.9</v>
      </c>
      <c r="N127" s="8">
        <v>0.9</v>
      </c>
      <c r="O127" s="8">
        <v>0.9</v>
      </c>
      <c r="P127" s="8">
        <v>0.89</v>
      </c>
      <c r="Q127" s="8">
        <v>0.89</v>
      </c>
      <c r="R127" s="8">
        <v>0.86</v>
      </c>
      <c r="S127" s="8">
        <v>0.86</v>
      </c>
      <c r="T127" s="8">
        <v>0.86</v>
      </c>
      <c r="U127" s="8">
        <v>0.86</v>
      </c>
      <c r="V127" s="8">
        <v>0.86</v>
      </c>
      <c r="W127" s="8">
        <v>0.86</v>
      </c>
      <c r="X127" s="8">
        <v>0.86</v>
      </c>
      <c r="Y127" s="8">
        <v>0.86</v>
      </c>
      <c r="Z127" s="8">
        <v>0.86</v>
      </c>
      <c r="AA127" s="8">
        <v>0.86</v>
      </c>
      <c r="AB127" s="8">
        <v>0.86</v>
      </c>
      <c r="AC127" s="8">
        <v>0.87</v>
      </c>
      <c r="AD127" s="8">
        <v>0.86</v>
      </c>
      <c r="AE127" s="8">
        <v>0.86</v>
      </c>
      <c r="AF127" s="8">
        <v>0.86</v>
      </c>
      <c r="AG127" s="8">
        <v>0.86</v>
      </c>
      <c r="AH127" s="8">
        <v>0.86</v>
      </c>
      <c r="AI127" s="8">
        <v>0.86</v>
      </c>
      <c r="AJ127" s="76">
        <v>0.86</v>
      </c>
      <c r="AK127" s="76">
        <v>0.86</v>
      </c>
      <c r="AL127" s="76">
        <v>0.86</v>
      </c>
      <c r="AM127" s="8">
        <v>0.86</v>
      </c>
      <c r="AN127" s="8">
        <v>0.86</v>
      </c>
      <c r="AO127" s="17">
        <v>0.86</v>
      </c>
      <c r="AP127" s="17">
        <v>0.86</v>
      </c>
      <c r="AQ127" s="17">
        <v>0.87</v>
      </c>
      <c r="AR127" s="8">
        <v>0.86</v>
      </c>
      <c r="AS127" s="8">
        <v>0.86</v>
      </c>
      <c r="AT127" s="8">
        <v>0.87</v>
      </c>
      <c r="AU127" s="17">
        <v>0.87</v>
      </c>
      <c r="AV127" s="17">
        <v>0.87</v>
      </c>
      <c r="AW127" s="8">
        <v>0.87</v>
      </c>
      <c r="AX127" s="17">
        <v>0.86</v>
      </c>
      <c r="AY127" s="17">
        <v>0.87</v>
      </c>
      <c r="AZ127" s="8">
        <v>0.87</v>
      </c>
      <c r="BA127" s="17">
        <v>0.86</v>
      </c>
      <c r="BB127" s="8">
        <v>0.87</v>
      </c>
      <c r="BC127" s="8">
        <v>0.88</v>
      </c>
      <c r="BD127" s="17">
        <v>0.88</v>
      </c>
      <c r="BE127" s="17"/>
    </row>
    <row r="128" spans="3:57" x14ac:dyDescent="0.2">
      <c r="C128" s="16" t="s">
        <v>86</v>
      </c>
      <c r="D128" s="6" t="s">
        <v>58</v>
      </c>
      <c r="E128" s="17">
        <v>1.91</v>
      </c>
      <c r="F128" s="8">
        <v>1.97</v>
      </c>
      <c r="G128" s="8">
        <v>1.97</v>
      </c>
      <c r="H128" s="8">
        <v>1.97</v>
      </c>
      <c r="I128" s="8">
        <v>2.04</v>
      </c>
      <c r="J128" s="8">
        <v>2.2400000000000002</v>
      </c>
      <c r="K128" s="8">
        <v>2.29</v>
      </c>
      <c r="L128" s="8">
        <v>2.39</v>
      </c>
      <c r="M128" s="8">
        <v>2.5299999999999998</v>
      </c>
      <c r="N128" s="8">
        <v>2.46</v>
      </c>
      <c r="O128" s="8">
        <v>2.54</v>
      </c>
      <c r="P128" s="8">
        <v>2.63</v>
      </c>
      <c r="Q128" s="8">
        <v>2.57</v>
      </c>
      <c r="R128" s="8">
        <v>2.5</v>
      </c>
      <c r="S128" s="8">
        <v>2.39</v>
      </c>
      <c r="T128" s="8">
        <v>2.36</v>
      </c>
      <c r="U128" s="8">
        <v>2.3199999999999998</v>
      </c>
      <c r="V128" s="8">
        <v>2.27</v>
      </c>
      <c r="W128" s="8">
        <v>2.17</v>
      </c>
      <c r="X128" s="8">
        <v>2.1</v>
      </c>
      <c r="Y128" s="8">
        <v>2.0699999999999998</v>
      </c>
      <c r="Z128" s="8">
        <v>1.99</v>
      </c>
      <c r="AA128" s="8">
        <v>1.93</v>
      </c>
      <c r="AB128" s="8">
        <v>1.87</v>
      </c>
      <c r="AC128" s="8">
        <v>1.85</v>
      </c>
      <c r="AD128" s="8">
        <v>1.85</v>
      </c>
      <c r="AE128" s="8">
        <v>1.83</v>
      </c>
      <c r="AF128" s="8">
        <v>1.83</v>
      </c>
      <c r="AG128" s="8">
        <v>1.78</v>
      </c>
      <c r="AH128" s="8">
        <v>1.77</v>
      </c>
      <c r="AI128" s="8">
        <v>1.75</v>
      </c>
      <c r="AJ128" s="76">
        <v>1.75</v>
      </c>
      <c r="AK128" s="76">
        <v>1.74</v>
      </c>
      <c r="AL128" s="76">
        <v>1.73</v>
      </c>
      <c r="AM128" s="8">
        <v>1.73</v>
      </c>
      <c r="AN128" s="8">
        <v>1.76</v>
      </c>
      <c r="AO128" s="17">
        <v>1.77</v>
      </c>
      <c r="AP128" s="17">
        <v>1.75</v>
      </c>
      <c r="AQ128" s="17">
        <v>1.76</v>
      </c>
      <c r="AR128" s="8">
        <v>1.74</v>
      </c>
      <c r="AS128" s="8">
        <v>1.76</v>
      </c>
      <c r="AT128" s="8">
        <v>1.77</v>
      </c>
      <c r="AU128" s="17">
        <v>1.77</v>
      </c>
      <c r="AV128" s="17">
        <v>1.76</v>
      </c>
      <c r="AW128" s="8">
        <v>1.77</v>
      </c>
      <c r="AX128" s="17">
        <v>1.77</v>
      </c>
      <c r="AY128" s="17">
        <v>1.78</v>
      </c>
      <c r="AZ128" s="8">
        <v>1.74</v>
      </c>
      <c r="BA128" s="17">
        <v>1.75</v>
      </c>
      <c r="BB128" s="8">
        <v>1.78</v>
      </c>
      <c r="BC128" s="8">
        <v>1.83</v>
      </c>
      <c r="BD128" s="17">
        <v>1.83</v>
      </c>
      <c r="BE128" s="17"/>
    </row>
    <row r="129" spans="3:57" x14ac:dyDescent="0.2">
      <c r="C129" s="16" t="s">
        <v>104</v>
      </c>
      <c r="D129" s="6" t="s">
        <v>58</v>
      </c>
      <c r="E129" s="17">
        <v>1.96</v>
      </c>
      <c r="F129" s="8">
        <v>1.94</v>
      </c>
      <c r="G129" s="8">
        <v>1.92</v>
      </c>
      <c r="H129" s="8">
        <v>1.91</v>
      </c>
      <c r="I129" s="8">
        <v>1.94</v>
      </c>
      <c r="J129" s="8">
        <v>1.95</v>
      </c>
      <c r="K129" s="8">
        <v>1.94</v>
      </c>
      <c r="L129" s="8">
        <v>1.94</v>
      </c>
      <c r="M129" s="8">
        <v>1.94</v>
      </c>
      <c r="N129" s="8">
        <v>1.93</v>
      </c>
      <c r="O129" s="8">
        <v>1.96</v>
      </c>
      <c r="P129" s="8">
        <v>1.98</v>
      </c>
      <c r="Q129" s="8">
        <v>1.99</v>
      </c>
      <c r="R129" s="8">
        <v>1.99</v>
      </c>
      <c r="S129" s="8">
        <v>1.97</v>
      </c>
      <c r="T129" s="8">
        <v>1.97</v>
      </c>
      <c r="U129" s="8">
        <v>1.96</v>
      </c>
      <c r="V129" s="8">
        <v>1.99</v>
      </c>
      <c r="W129" s="8">
        <v>2</v>
      </c>
      <c r="X129" s="8">
        <v>1.95</v>
      </c>
      <c r="Y129" s="8">
        <v>1.9</v>
      </c>
      <c r="Z129" s="8">
        <v>1.87</v>
      </c>
      <c r="AA129" s="8">
        <v>1.85</v>
      </c>
      <c r="AB129" s="8">
        <v>1.8</v>
      </c>
      <c r="AC129" s="8">
        <v>1.78</v>
      </c>
      <c r="AD129" s="8">
        <v>1.76</v>
      </c>
      <c r="AE129" s="8">
        <v>1.74</v>
      </c>
      <c r="AF129" s="8">
        <v>1.74</v>
      </c>
      <c r="AG129" s="8">
        <v>1.71</v>
      </c>
      <c r="AH129" s="8">
        <v>1.7</v>
      </c>
      <c r="AI129" s="8">
        <v>1.7</v>
      </c>
      <c r="AJ129" s="76">
        <v>1.69</v>
      </c>
      <c r="AK129" s="76">
        <v>1.67</v>
      </c>
      <c r="AL129" s="76">
        <v>1.67</v>
      </c>
      <c r="AM129" s="8">
        <v>1.67</v>
      </c>
      <c r="AN129" s="8">
        <v>1.67</v>
      </c>
      <c r="AO129" s="17">
        <v>1.66</v>
      </c>
      <c r="AP129" s="17">
        <v>1.71</v>
      </c>
      <c r="AQ129" s="17">
        <v>1.72</v>
      </c>
      <c r="AR129" s="8">
        <v>1.73</v>
      </c>
      <c r="AS129" s="8">
        <v>1.77</v>
      </c>
      <c r="AT129" s="8">
        <v>1.79</v>
      </c>
      <c r="AU129" s="17">
        <v>1.8</v>
      </c>
      <c r="AV129" s="17">
        <v>1.79</v>
      </c>
      <c r="AW129" s="8">
        <v>1.79</v>
      </c>
      <c r="AX129" s="17">
        <v>1.82</v>
      </c>
      <c r="AY129" s="17">
        <v>1.81</v>
      </c>
      <c r="AZ129" s="8">
        <v>1.86</v>
      </c>
      <c r="BA129" s="17">
        <v>1.86</v>
      </c>
      <c r="BB129" s="8">
        <v>1.87</v>
      </c>
      <c r="BC129" s="8">
        <v>1.89</v>
      </c>
      <c r="BD129" s="17">
        <v>1.89</v>
      </c>
      <c r="BE129" s="17"/>
    </row>
    <row r="130" spans="3:57" x14ac:dyDescent="0.2">
      <c r="C130" s="16" t="s">
        <v>87</v>
      </c>
      <c r="D130" s="6" t="s">
        <v>58</v>
      </c>
      <c r="E130" s="17">
        <v>0.96</v>
      </c>
      <c r="F130" s="8">
        <v>0.96</v>
      </c>
      <c r="G130" s="8">
        <v>0.96</v>
      </c>
      <c r="H130" s="8">
        <v>0.97</v>
      </c>
      <c r="I130" s="8">
        <v>0.97</v>
      </c>
      <c r="J130" s="8">
        <v>0.97</v>
      </c>
      <c r="K130" s="8">
        <v>0.97</v>
      </c>
      <c r="L130" s="8">
        <v>0.97</v>
      </c>
      <c r="M130" s="8">
        <v>0.96</v>
      </c>
      <c r="N130" s="8">
        <v>0.96</v>
      </c>
      <c r="O130" s="8">
        <v>0.95</v>
      </c>
      <c r="P130" s="8">
        <v>0.97</v>
      </c>
      <c r="Q130" s="8">
        <v>0.96</v>
      </c>
      <c r="R130" s="8">
        <v>0.97</v>
      </c>
      <c r="S130" s="8">
        <v>0.97</v>
      </c>
      <c r="T130" s="8">
        <v>0.97</v>
      </c>
      <c r="U130" s="8">
        <v>0.97</v>
      </c>
      <c r="V130" s="8">
        <v>0.97</v>
      </c>
      <c r="W130" s="8">
        <v>0.97</v>
      </c>
      <c r="X130" s="8">
        <v>0.96</v>
      </c>
      <c r="Y130" s="8">
        <v>0.96</v>
      </c>
      <c r="Z130" s="8">
        <v>0.96</v>
      </c>
      <c r="AA130" s="8">
        <v>0.96</v>
      </c>
      <c r="AB130" s="8">
        <v>0.95</v>
      </c>
      <c r="AC130" s="8">
        <v>0.95</v>
      </c>
      <c r="AD130" s="8">
        <v>0.95</v>
      </c>
      <c r="AE130" s="8">
        <v>0.95</v>
      </c>
      <c r="AF130" s="8">
        <v>0.94</v>
      </c>
      <c r="AG130" s="8">
        <v>0.94</v>
      </c>
      <c r="AH130" s="8">
        <v>0.93</v>
      </c>
      <c r="AI130" s="8">
        <v>0.93</v>
      </c>
      <c r="AJ130" s="76">
        <v>0.93</v>
      </c>
      <c r="AK130" s="76">
        <v>0.93</v>
      </c>
      <c r="AL130" s="76">
        <v>0.93</v>
      </c>
      <c r="AM130" s="8">
        <v>0.94</v>
      </c>
      <c r="AN130" s="8">
        <v>0.94</v>
      </c>
      <c r="AO130" s="17">
        <v>0.94</v>
      </c>
      <c r="AP130" s="17">
        <v>0.94</v>
      </c>
      <c r="AQ130" s="17">
        <v>0.95</v>
      </c>
      <c r="AR130" s="8">
        <v>0.95</v>
      </c>
      <c r="AS130" s="8">
        <v>0.95</v>
      </c>
      <c r="AT130" s="8">
        <v>0.95</v>
      </c>
      <c r="AU130" s="17">
        <v>0.95</v>
      </c>
      <c r="AV130" s="17">
        <v>0.95</v>
      </c>
      <c r="AW130" s="8">
        <v>0.95</v>
      </c>
      <c r="AX130" s="17">
        <v>0.95</v>
      </c>
      <c r="AY130" s="17">
        <v>0.95</v>
      </c>
      <c r="AZ130" s="8">
        <v>0.95</v>
      </c>
      <c r="BA130" s="17">
        <v>0.95</v>
      </c>
      <c r="BB130" s="8">
        <v>0.95</v>
      </c>
      <c r="BC130" s="8">
        <v>0.95</v>
      </c>
      <c r="BD130" s="17">
        <v>0.95</v>
      </c>
      <c r="BE130" s="17"/>
    </row>
    <row r="131" spans="3:57" x14ac:dyDescent="0.2">
      <c r="C131" s="16" t="s">
        <v>88</v>
      </c>
      <c r="D131" s="6" t="s">
        <v>58</v>
      </c>
      <c r="E131" s="17">
        <v>1.61</v>
      </c>
      <c r="F131" s="8">
        <v>1.56</v>
      </c>
      <c r="G131" s="8">
        <v>1.55</v>
      </c>
      <c r="H131" s="8">
        <v>1.52</v>
      </c>
      <c r="I131" s="8">
        <v>1.5</v>
      </c>
      <c r="J131" s="8">
        <v>1.48</v>
      </c>
      <c r="K131" s="8">
        <v>1.46</v>
      </c>
      <c r="L131" s="8">
        <v>1.46</v>
      </c>
      <c r="M131" s="8">
        <v>1.45</v>
      </c>
      <c r="N131" s="8">
        <v>1.45</v>
      </c>
      <c r="O131" s="8">
        <v>1.42</v>
      </c>
      <c r="P131" s="8">
        <v>1.42</v>
      </c>
      <c r="Q131" s="8">
        <v>1.42</v>
      </c>
      <c r="R131" s="8">
        <v>1.41</v>
      </c>
      <c r="S131" s="8">
        <v>1.38</v>
      </c>
      <c r="T131" s="8">
        <v>1.37</v>
      </c>
      <c r="U131" s="8">
        <v>1.37</v>
      </c>
      <c r="V131" s="8">
        <v>1.37</v>
      </c>
      <c r="W131" s="8">
        <v>1.36</v>
      </c>
      <c r="X131" s="8">
        <v>1.36</v>
      </c>
      <c r="Y131" s="8">
        <v>1.35</v>
      </c>
      <c r="Z131" s="8">
        <v>1.36</v>
      </c>
      <c r="AA131" s="8">
        <v>1.36</v>
      </c>
      <c r="AB131" s="8">
        <v>1.36</v>
      </c>
      <c r="AC131" s="8">
        <v>1.37</v>
      </c>
      <c r="AD131" s="8">
        <v>1.35</v>
      </c>
      <c r="AE131" s="8">
        <v>1.35</v>
      </c>
      <c r="AF131" s="8">
        <v>1.34</v>
      </c>
      <c r="AG131" s="8">
        <v>1.35</v>
      </c>
      <c r="AH131" s="8">
        <v>1.36</v>
      </c>
      <c r="AI131" s="8">
        <v>1.37</v>
      </c>
      <c r="AJ131" s="76">
        <v>1.4</v>
      </c>
      <c r="AK131" s="76">
        <v>1.41</v>
      </c>
      <c r="AL131" s="76">
        <v>1.45</v>
      </c>
      <c r="AM131" s="8">
        <v>1.49</v>
      </c>
      <c r="AN131" s="8">
        <v>1.5</v>
      </c>
      <c r="AO131" s="17">
        <v>1.52</v>
      </c>
      <c r="AP131" s="17">
        <v>1.53</v>
      </c>
      <c r="AQ131" s="17">
        <v>1.55</v>
      </c>
      <c r="AR131" s="8">
        <v>1.56</v>
      </c>
      <c r="AS131" s="8">
        <v>1.54</v>
      </c>
      <c r="AT131" s="8">
        <v>1.55</v>
      </c>
      <c r="AU131" s="17">
        <v>1.55</v>
      </c>
      <c r="AV131" s="17">
        <v>1.55</v>
      </c>
      <c r="AW131" s="8">
        <v>1.51</v>
      </c>
      <c r="AX131" s="17">
        <v>1.48</v>
      </c>
      <c r="AY131" s="17">
        <v>1.47</v>
      </c>
      <c r="AZ131" s="8">
        <v>1.47</v>
      </c>
      <c r="BA131" s="17">
        <v>1.47</v>
      </c>
      <c r="BB131" s="8">
        <v>1.46</v>
      </c>
      <c r="BC131" s="8">
        <v>1.46</v>
      </c>
      <c r="BD131" s="17">
        <v>1.46</v>
      </c>
      <c r="BE131" s="17"/>
    </row>
    <row r="132" spans="3:57" x14ac:dyDescent="0.2">
      <c r="C132" s="18" t="s">
        <v>91</v>
      </c>
      <c r="D132" s="6" t="s">
        <v>58</v>
      </c>
      <c r="E132" s="17">
        <v>1.62</v>
      </c>
      <c r="F132" s="8">
        <v>1.59</v>
      </c>
      <c r="G132" s="8">
        <v>1.59</v>
      </c>
      <c r="H132" s="8">
        <v>1.58</v>
      </c>
      <c r="I132" s="8">
        <v>1.6</v>
      </c>
      <c r="J132" s="8">
        <v>1.64</v>
      </c>
      <c r="K132" s="8">
        <v>1.65</v>
      </c>
      <c r="L132" s="8">
        <v>1.68</v>
      </c>
      <c r="M132" s="8">
        <v>1.74</v>
      </c>
      <c r="N132" s="8">
        <v>1.75</v>
      </c>
      <c r="O132" s="8">
        <v>1.79</v>
      </c>
      <c r="P132" s="8">
        <v>1.82</v>
      </c>
      <c r="Q132" s="8">
        <v>1.86</v>
      </c>
      <c r="R132" s="8">
        <v>1.81</v>
      </c>
      <c r="S132" s="8">
        <v>1.8</v>
      </c>
      <c r="T132" s="8">
        <v>1.8</v>
      </c>
      <c r="U132" s="8">
        <v>1.83</v>
      </c>
      <c r="V132" s="8">
        <v>1.84</v>
      </c>
      <c r="W132" s="8">
        <v>1.83</v>
      </c>
      <c r="X132" s="8">
        <v>1.82</v>
      </c>
      <c r="Y132" s="8">
        <v>1.81</v>
      </c>
      <c r="Z132" s="8">
        <v>1.74</v>
      </c>
      <c r="AA132" s="8">
        <v>1.8</v>
      </c>
      <c r="AB132" s="8">
        <v>1.84</v>
      </c>
      <c r="AC132" s="8">
        <v>1.78</v>
      </c>
      <c r="AD132" s="8">
        <v>1.7</v>
      </c>
      <c r="AE132" s="8">
        <v>1.7</v>
      </c>
      <c r="AF132" s="8">
        <v>1.72</v>
      </c>
      <c r="AG132" s="8">
        <v>1.72</v>
      </c>
      <c r="AH132" s="8">
        <v>1.76</v>
      </c>
      <c r="AI132" s="8">
        <v>1.75</v>
      </c>
      <c r="AJ132" s="76">
        <v>1.74</v>
      </c>
      <c r="AK132" s="76">
        <v>1.74</v>
      </c>
      <c r="AL132" s="76">
        <v>1.79</v>
      </c>
      <c r="AM132" s="8">
        <v>1.9</v>
      </c>
      <c r="AN132" s="8">
        <v>1.89</v>
      </c>
      <c r="AO132" s="17">
        <v>1.87</v>
      </c>
      <c r="AP132" s="17">
        <v>1.87</v>
      </c>
      <c r="AQ132" s="17">
        <v>1.85</v>
      </c>
      <c r="AR132" s="8">
        <v>1.88</v>
      </c>
      <c r="AS132" s="8">
        <v>1.91</v>
      </c>
      <c r="AT132" s="8">
        <v>1.76</v>
      </c>
      <c r="AU132" s="17">
        <v>1.73</v>
      </c>
      <c r="AV132" s="17">
        <v>1.83</v>
      </c>
      <c r="AW132" s="8">
        <v>1.75</v>
      </c>
      <c r="AX132" s="17">
        <v>1.71</v>
      </c>
      <c r="AY132" s="17">
        <v>1.71</v>
      </c>
      <c r="AZ132" s="8">
        <v>1.68</v>
      </c>
      <c r="BA132" s="17">
        <v>1.68</v>
      </c>
      <c r="BB132" s="8">
        <v>1.62</v>
      </c>
      <c r="BC132" s="8">
        <v>1.63</v>
      </c>
      <c r="BD132" s="17">
        <v>1.63</v>
      </c>
      <c r="BE132" s="17"/>
    </row>
    <row r="133" spans="3:57" x14ac:dyDescent="0.2">
      <c r="C133" s="18" t="s">
        <v>100</v>
      </c>
      <c r="D133" s="6" t="s">
        <v>58</v>
      </c>
      <c r="E133" s="17">
        <v>1.41</v>
      </c>
      <c r="F133" s="8">
        <v>1.37</v>
      </c>
      <c r="G133" s="8">
        <v>1.33</v>
      </c>
      <c r="H133" s="8">
        <v>1.31</v>
      </c>
      <c r="I133" s="8">
        <v>1.29</v>
      </c>
      <c r="J133" s="8">
        <v>1.3</v>
      </c>
      <c r="K133" s="8">
        <v>1.31</v>
      </c>
      <c r="L133" s="8">
        <v>1.3</v>
      </c>
      <c r="M133" s="8">
        <v>1.29</v>
      </c>
      <c r="N133" s="8">
        <v>1.29</v>
      </c>
      <c r="O133" s="8">
        <v>1.32</v>
      </c>
      <c r="P133" s="8">
        <v>1.33</v>
      </c>
      <c r="Q133" s="8">
        <v>1.33</v>
      </c>
      <c r="R133" s="8">
        <v>1.32</v>
      </c>
      <c r="S133" s="8">
        <v>1.33</v>
      </c>
      <c r="T133" s="17">
        <v>1.34</v>
      </c>
      <c r="U133" s="8">
        <v>1.34</v>
      </c>
      <c r="V133" s="8">
        <v>1.35</v>
      </c>
      <c r="W133" s="8">
        <v>1.34</v>
      </c>
      <c r="X133" s="8">
        <v>1.33</v>
      </c>
      <c r="Y133" s="8">
        <v>1.34</v>
      </c>
      <c r="Z133" s="8">
        <v>1.28</v>
      </c>
      <c r="AA133" s="8">
        <v>1.29</v>
      </c>
      <c r="AB133" s="8">
        <v>1.29</v>
      </c>
      <c r="AC133" s="8">
        <v>1.3</v>
      </c>
      <c r="AD133" s="8">
        <v>1.3</v>
      </c>
      <c r="AE133" s="8">
        <v>1.31</v>
      </c>
      <c r="AF133" s="8">
        <v>1.32</v>
      </c>
      <c r="AG133" s="8">
        <v>1.34</v>
      </c>
      <c r="AH133" s="8">
        <v>1.34</v>
      </c>
      <c r="AI133" s="8">
        <v>1.34</v>
      </c>
      <c r="AJ133" s="76">
        <v>1.36</v>
      </c>
      <c r="AK133" s="76">
        <v>1.39</v>
      </c>
      <c r="AL133" s="76">
        <v>1.39</v>
      </c>
      <c r="AM133" s="8">
        <v>1.42</v>
      </c>
      <c r="AN133" s="8">
        <v>1.43</v>
      </c>
      <c r="AO133" s="17">
        <v>1.43</v>
      </c>
      <c r="AP133" s="17">
        <v>1.46</v>
      </c>
      <c r="AQ133" s="17">
        <v>1.47</v>
      </c>
      <c r="AR133" s="8">
        <v>1.48</v>
      </c>
      <c r="AS133" s="8">
        <v>1.47</v>
      </c>
      <c r="AT133" s="8">
        <v>1.48</v>
      </c>
      <c r="AU133" s="17">
        <v>1.47</v>
      </c>
      <c r="AV133" s="17">
        <v>1.55</v>
      </c>
      <c r="AW133" s="8">
        <v>1.48</v>
      </c>
      <c r="AX133" s="17">
        <v>1.44</v>
      </c>
      <c r="AY133" s="17">
        <v>1.42</v>
      </c>
      <c r="AZ133" s="8">
        <v>1.41</v>
      </c>
      <c r="BA133" s="17">
        <v>1.4</v>
      </c>
      <c r="BB133" s="8">
        <v>1.38</v>
      </c>
      <c r="BC133" s="8">
        <v>1.82</v>
      </c>
      <c r="BD133" s="17">
        <v>1.37</v>
      </c>
      <c r="BE133" s="17"/>
    </row>
    <row r="134" spans="3:57" x14ac:dyDescent="0.2">
      <c r="C134" s="16" t="s">
        <v>89</v>
      </c>
      <c r="D134" s="6" t="s">
        <v>58</v>
      </c>
      <c r="E134" s="17">
        <v>1.58</v>
      </c>
      <c r="F134" s="17">
        <v>1.57</v>
      </c>
      <c r="G134" s="17">
        <v>1.58</v>
      </c>
      <c r="H134" s="17">
        <v>1.61</v>
      </c>
      <c r="I134" s="17">
        <v>1.6</v>
      </c>
      <c r="J134" s="8">
        <v>1.62</v>
      </c>
      <c r="K134" s="8">
        <v>1.61</v>
      </c>
      <c r="L134" s="17">
        <v>1.63</v>
      </c>
      <c r="M134" s="17">
        <v>1.62</v>
      </c>
      <c r="N134" s="17">
        <v>1.63</v>
      </c>
      <c r="O134" s="17">
        <v>1.64</v>
      </c>
      <c r="P134" s="17">
        <v>1.62</v>
      </c>
      <c r="Q134" s="17">
        <v>1.61</v>
      </c>
      <c r="R134" s="17">
        <v>1.61</v>
      </c>
      <c r="S134" s="17">
        <v>1.61</v>
      </c>
      <c r="T134" s="17">
        <v>1.61</v>
      </c>
      <c r="U134" s="17">
        <v>1.61</v>
      </c>
      <c r="V134" s="17">
        <v>1.62</v>
      </c>
      <c r="W134" s="17">
        <v>1.61</v>
      </c>
      <c r="X134" s="17">
        <v>1.61</v>
      </c>
      <c r="Y134" s="17">
        <v>1.61</v>
      </c>
      <c r="Z134" s="17">
        <v>1.63</v>
      </c>
      <c r="AA134" s="17">
        <v>1.64</v>
      </c>
      <c r="AB134" s="17">
        <v>1.62</v>
      </c>
      <c r="AC134" s="17">
        <v>1.64</v>
      </c>
      <c r="AD134" s="17">
        <v>1.65</v>
      </c>
      <c r="AE134" s="17">
        <v>1.66</v>
      </c>
      <c r="AF134" s="17">
        <v>1.65</v>
      </c>
      <c r="AG134" s="17">
        <v>1.64</v>
      </c>
      <c r="AH134" s="17">
        <v>1.63</v>
      </c>
      <c r="AI134" s="17">
        <v>1.64</v>
      </c>
      <c r="AJ134" s="76">
        <v>1.63</v>
      </c>
      <c r="AK134" s="76">
        <v>1.63</v>
      </c>
      <c r="AL134" s="76">
        <v>1.65</v>
      </c>
      <c r="AM134" s="17">
        <v>1.64</v>
      </c>
      <c r="AN134" s="17">
        <v>1.64</v>
      </c>
      <c r="AO134" s="17">
        <v>1.62</v>
      </c>
      <c r="AP134" s="17">
        <v>1.61</v>
      </c>
      <c r="AQ134" s="17">
        <v>1.6</v>
      </c>
      <c r="AR134" s="17">
        <v>1.61</v>
      </c>
      <c r="AS134" s="17">
        <v>1.6</v>
      </c>
      <c r="AT134" s="17">
        <v>1.59</v>
      </c>
      <c r="AU134" s="17">
        <v>1.57</v>
      </c>
      <c r="AV134" s="17">
        <v>1.57</v>
      </c>
      <c r="AW134" s="17">
        <v>1.56</v>
      </c>
      <c r="AX134" s="17">
        <v>1.56</v>
      </c>
      <c r="AY134" s="17">
        <v>1.59</v>
      </c>
      <c r="AZ134" s="17">
        <v>1.57</v>
      </c>
      <c r="BA134" s="17">
        <v>1.58</v>
      </c>
      <c r="BB134" s="17">
        <v>1.59</v>
      </c>
      <c r="BC134" s="17">
        <v>1.6</v>
      </c>
      <c r="BD134" s="17">
        <v>1.59</v>
      </c>
      <c r="BE134" s="17"/>
    </row>
    <row r="135" spans="3:57" x14ac:dyDescent="0.2">
      <c r="C135" s="16" t="s">
        <v>95</v>
      </c>
      <c r="D135" s="6" t="s">
        <v>58</v>
      </c>
      <c r="E135" s="17">
        <v>1.64</v>
      </c>
      <c r="F135" s="17">
        <v>1.65</v>
      </c>
      <c r="G135" s="17">
        <v>1.65</v>
      </c>
      <c r="H135" s="17">
        <v>1.65</v>
      </c>
      <c r="I135" s="17">
        <v>1.65</v>
      </c>
      <c r="J135" s="17">
        <v>1.64</v>
      </c>
      <c r="K135" s="17">
        <v>1.64</v>
      </c>
      <c r="L135" s="17">
        <v>1.63</v>
      </c>
      <c r="M135" s="17">
        <v>1.62</v>
      </c>
      <c r="N135" s="17">
        <v>1.62</v>
      </c>
      <c r="O135" s="17">
        <v>1.63</v>
      </c>
      <c r="P135" s="17">
        <v>1.64</v>
      </c>
      <c r="Q135" s="17">
        <v>1.64</v>
      </c>
      <c r="R135" s="17">
        <v>1.63</v>
      </c>
      <c r="S135" s="17">
        <v>1.62</v>
      </c>
      <c r="T135" s="17">
        <v>1.63</v>
      </c>
      <c r="U135" s="17">
        <v>1.62</v>
      </c>
      <c r="V135" s="17">
        <v>1.6</v>
      </c>
      <c r="W135" s="17">
        <v>1.6</v>
      </c>
      <c r="X135" s="17">
        <v>1.61</v>
      </c>
      <c r="Y135" s="17">
        <v>1.65</v>
      </c>
      <c r="Z135" s="17">
        <v>1.69</v>
      </c>
      <c r="AA135" s="17">
        <v>1.63</v>
      </c>
      <c r="AB135" s="17">
        <v>1.65</v>
      </c>
      <c r="AC135" s="17">
        <v>1.65</v>
      </c>
      <c r="AD135" s="17">
        <v>1.66</v>
      </c>
      <c r="AE135" s="17">
        <v>1.66</v>
      </c>
      <c r="AF135" s="17">
        <v>1.67</v>
      </c>
      <c r="AG135" s="17">
        <v>1.66</v>
      </c>
      <c r="AH135" s="17">
        <v>1.65</v>
      </c>
      <c r="AI135" s="17">
        <v>1.67</v>
      </c>
      <c r="AJ135" s="76">
        <v>1.65</v>
      </c>
      <c r="AK135" s="76">
        <v>1.63</v>
      </c>
      <c r="AL135" s="76">
        <v>1.67</v>
      </c>
      <c r="AM135" s="17">
        <v>1.65</v>
      </c>
      <c r="AN135" s="17">
        <v>1.61</v>
      </c>
      <c r="AO135" s="17">
        <v>1.61</v>
      </c>
      <c r="AP135" s="17">
        <v>1.58</v>
      </c>
      <c r="AQ135" s="17">
        <v>1.55</v>
      </c>
      <c r="AR135" s="17">
        <v>1.56</v>
      </c>
      <c r="AS135" s="17">
        <v>1.55</v>
      </c>
      <c r="AT135" s="17">
        <v>1.55</v>
      </c>
      <c r="AU135" s="17">
        <v>1.53</v>
      </c>
      <c r="AV135" s="17">
        <v>1.54</v>
      </c>
      <c r="AW135" s="17">
        <v>1.57</v>
      </c>
      <c r="AX135" s="17">
        <v>1.56</v>
      </c>
      <c r="AY135" s="17">
        <v>1.56</v>
      </c>
      <c r="AZ135" s="17">
        <v>1.55</v>
      </c>
      <c r="BA135" s="17">
        <v>1.55</v>
      </c>
      <c r="BB135" s="17">
        <v>1.56</v>
      </c>
      <c r="BC135" s="17">
        <v>1.57</v>
      </c>
      <c r="BD135" s="17">
        <v>1.57</v>
      </c>
      <c r="BE135" s="17"/>
    </row>
    <row r="136" spans="3:57" x14ac:dyDescent="0.2">
      <c r="C136" s="23" t="s">
        <v>96</v>
      </c>
      <c r="D136" s="6" t="s">
        <v>58</v>
      </c>
      <c r="E136" s="17">
        <v>1.75</v>
      </c>
      <c r="F136" s="17">
        <v>1.77</v>
      </c>
      <c r="G136" s="17">
        <v>1.78</v>
      </c>
      <c r="H136" s="17">
        <v>1.76</v>
      </c>
      <c r="I136" s="17">
        <v>1.76</v>
      </c>
      <c r="J136" s="17">
        <v>1.8</v>
      </c>
      <c r="K136" s="17">
        <v>1.81</v>
      </c>
      <c r="L136" s="17">
        <v>1.87</v>
      </c>
      <c r="M136" s="17">
        <v>1.92</v>
      </c>
      <c r="N136" s="17">
        <v>1.92</v>
      </c>
      <c r="O136" s="17">
        <v>1.91</v>
      </c>
      <c r="P136" s="17">
        <v>1.94</v>
      </c>
      <c r="Q136" s="17">
        <v>2.0099999999999998</v>
      </c>
      <c r="R136" s="17">
        <v>1.99</v>
      </c>
      <c r="S136" s="17">
        <v>1.99</v>
      </c>
      <c r="T136" s="17">
        <v>2</v>
      </c>
      <c r="U136" s="17">
        <v>2.0099999999999998</v>
      </c>
      <c r="V136" s="17">
        <v>2.04</v>
      </c>
      <c r="W136" s="17">
        <v>2.11</v>
      </c>
      <c r="X136" s="17">
        <v>2.16</v>
      </c>
      <c r="Y136" s="17">
        <v>2.19</v>
      </c>
      <c r="Z136" s="17">
        <v>2.21</v>
      </c>
      <c r="AA136" s="17">
        <v>2.2200000000000002</v>
      </c>
      <c r="AB136" s="17">
        <v>2.23</v>
      </c>
      <c r="AC136" s="17">
        <v>2.2200000000000002</v>
      </c>
      <c r="AD136" s="17">
        <v>2.23</v>
      </c>
      <c r="AE136" s="17">
        <v>2.2000000000000002</v>
      </c>
      <c r="AF136" s="17">
        <v>2.16</v>
      </c>
      <c r="AG136" s="17">
        <v>2.0499999999999998</v>
      </c>
      <c r="AH136" s="17">
        <v>1.97</v>
      </c>
      <c r="AI136" s="17">
        <v>1.94</v>
      </c>
      <c r="AJ136" s="76">
        <v>1.91</v>
      </c>
      <c r="AK136" s="76">
        <v>1.87</v>
      </c>
      <c r="AL136" s="76">
        <v>1.86</v>
      </c>
      <c r="AM136" s="17">
        <v>1.81</v>
      </c>
      <c r="AN136" s="17">
        <v>1.81</v>
      </c>
      <c r="AO136" s="17">
        <v>1.79</v>
      </c>
      <c r="AP136" s="17">
        <v>1.77</v>
      </c>
      <c r="AQ136" s="17">
        <v>1.76</v>
      </c>
      <c r="AR136" s="17">
        <v>1.76</v>
      </c>
      <c r="AS136" s="17">
        <v>1.8</v>
      </c>
      <c r="AT136" s="17">
        <v>1.85</v>
      </c>
      <c r="AU136" s="17">
        <v>1.89</v>
      </c>
      <c r="AV136" s="17">
        <v>1.88</v>
      </c>
      <c r="AW136" s="17">
        <v>1.88</v>
      </c>
      <c r="AX136" s="17">
        <v>1.87</v>
      </c>
      <c r="AY136" s="17">
        <v>1.85</v>
      </c>
      <c r="AZ136" s="17">
        <v>1.82</v>
      </c>
      <c r="BA136" s="17">
        <v>1.82</v>
      </c>
      <c r="BB136" s="17">
        <v>1.8</v>
      </c>
      <c r="BC136" s="17">
        <v>1.81</v>
      </c>
      <c r="BD136" s="17">
        <v>1.81</v>
      </c>
      <c r="BE136" s="17"/>
    </row>
    <row r="137" spans="3:57" x14ac:dyDescent="0.2">
      <c r="C137" s="67"/>
    </row>
    <row r="139" spans="3:57" x14ac:dyDescent="0.2">
      <c r="C139" s="23" t="s">
        <v>106</v>
      </c>
      <c r="D139" s="6" t="s">
        <v>58</v>
      </c>
      <c r="E139" s="17">
        <v>10.76</v>
      </c>
      <c r="F139" s="17">
        <v>10.69</v>
      </c>
      <c r="G139" s="17">
        <v>10.72</v>
      </c>
      <c r="H139" s="17">
        <v>10.78</v>
      </c>
      <c r="I139" s="17">
        <v>10.77</v>
      </c>
      <c r="J139" s="17">
        <v>10.72</v>
      </c>
      <c r="K139" s="17">
        <v>10.74</v>
      </c>
      <c r="L139" s="17">
        <v>10.73</v>
      </c>
      <c r="M139" s="17">
        <v>10.77</v>
      </c>
      <c r="N139" s="17">
        <v>10.77</v>
      </c>
      <c r="O139" s="17">
        <v>10.76</v>
      </c>
      <c r="P139" s="17">
        <v>10.72</v>
      </c>
      <c r="Q139" s="17">
        <v>10.99</v>
      </c>
      <c r="R139" s="17">
        <v>11.02</v>
      </c>
      <c r="S139" s="17">
        <v>10.83</v>
      </c>
      <c r="T139" s="17">
        <v>10.78</v>
      </c>
      <c r="U139" s="17">
        <v>10.74</v>
      </c>
      <c r="V139" s="36">
        <v>10.84</v>
      </c>
      <c r="W139" s="70">
        <v>10.9</v>
      </c>
      <c r="X139" s="17">
        <v>10.87</v>
      </c>
      <c r="Y139" s="70">
        <v>10.9</v>
      </c>
      <c r="Z139" s="70">
        <v>10.99</v>
      </c>
      <c r="AA139" s="17">
        <v>11.1</v>
      </c>
      <c r="AB139" s="70">
        <v>11.08</v>
      </c>
      <c r="AC139" s="17">
        <v>11.05</v>
      </c>
      <c r="AD139" s="70">
        <v>11.06</v>
      </c>
      <c r="AE139" s="17">
        <v>11.04</v>
      </c>
      <c r="AF139" s="34">
        <v>11.09</v>
      </c>
      <c r="AG139" s="17">
        <v>11.14</v>
      </c>
      <c r="AH139" s="17">
        <v>11.14</v>
      </c>
      <c r="AI139" s="17">
        <v>11.14</v>
      </c>
      <c r="AJ139" s="17">
        <v>11.15</v>
      </c>
      <c r="AK139" s="17">
        <v>11.15</v>
      </c>
      <c r="AL139" s="17">
        <v>11.13</v>
      </c>
      <c r="AM139" s="17">
        <v>11.16</v>
      </c>
      <c r="AN139" s="17">
        <v>11.17</v>
      </c>
      <c r="AO139" s="17">
        <v>1.1599999999999999</v>
      </c>
      <c r="AP139" s="17">
        <v>11.15</v>
      </c>
      <c r="AQ139" s="17">
        <v>11.15</v>
      </c>
      <c r="AR139" s="17">
        <v>11.16</v>
      </c>
      <c r="AS139" s="17">
        <v>11.14</v>
      </c>
      <c r="AT139" s="17">
        <v>11.14</v>
      </c>
      <c r="AU139" s="17">
        <v>11.14</v>
      </c>
      <c r="AV139" s="17">
        <v>11.15</v>
      </c>
      <c r="AW139" s="17">
        <v>11.2</v>
      </c>
      <c r="AX139" s="17">
        <v>11.23</v>
      </c>
      <c r="AY139" s="17">
        <v>11.27</v>
      </c>
      <c r="AZ139" s="17">
        <v>11.28</v>
      </c>
      <c r="BA139" s="17">
        <v>11.29</v>
      </c>
      <c r="BB139" s="17">
        <v>11.33</v>
      </c>
      <c r="BC139" s="17">
        <v>11.34</v>
      </c>
      <c r="BD139" s="17">
        <v>11.34</v>
      </c>
      <c r="BE139" s="23"/>
    </row>
    <row r="141" spans="3:57" x14ac:dyDescent="0.2">
      <c r="C141" s="79"/>
    </row>
  </sheetData>
  <mergeCells count="2">
    <mergeCell ref="D4:G4"/>
    <mergeCell ref="C53:D55"/>
  </mergeCells>
  <phoneticPr fontId="0" type="noConversion"/>
  <pageMargins left="0.75" right="0.75" top="0.16" bottom="1" header="0" footer="0"/>
  <pageSetup paperSize="9" orientation="landscape" horizontalDpi="300" verticalDpi="300" r:id="rId1"/>
  <headerFooter alignWithMargins="0"/>
  <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dimension ref="C2:BE142"/>
  <sheetViews>
    <sheetView topLeftCell="C100" workbookViewId="0">
      <pane xSplit="2" topLeftCell="AK1" activePane="topRight" state="frozen"/>
      <selection activeCell="C1" sqref="C1"/>
      <selection pane="topRight" activeCell="BB139" sqref="BB139"/>
    </sheetView>
  </sheetViews>
  <sheetFormatPr baseColWidth="10" defaultRowHeight="12.75" x14ac:dyDescent="0.2"/>
  <cols>
    <col min="3" max="3" width="25.7109375" customWidth="1"/>
    <col min="4" max="4" width="8.5703125" bestFit="1" customWidth="1"/>
    <col min="5" max="13" width="5.42578125" customWidth="1"/>
    <col min="14" max="21" width="5.42578125" bestFit="1" customWidth="1"/>
    <col min="22" max="22" width="5.7109375" customWidth="1"/>
    <col min="23" max="57" width="5.42578125" bestFit="1" customWidth="1"/>
    <col min="59" max="59" width="23.7109375" customWidth="1"/>
  </cols>
  <sheetData>
    <row r="2" spans="3:57" ht="18" customHeight="1" x14ac:dyDescent="0.2">
      <c r="D2" s="30"/>
    </row>
    <row r="3" spans="3:57" ht="21" customHeight="1" x14ac:dyDescent="0.2">
      <c r="D3" s="30"/>
      <c r="H3" s="30"/>
      <c r="K3" s="30"/>
      <c r="L3" s="30"/>
    </row>
    <row r="4" spans="3:57" ht="32.25" customHeight="1" x14ac:dyDescent="0.2">
      <c r="D4" s="214"/>
      <c r="E4" s="214"/>
      <c r="F4" s="214"/>
      <c r="G4" s="214"/>
    </row>
    <row r="5" spans="3:57" x14ac:dyDescent="0.2">
      <c r="E5" s="27"/>
    </row>
    <row r="6" spans="3:57" ht="24.95" customHeight="1" x14ac:dyDescent="0.25">
      <c r="M6" s="85"/>
    </row>
    <row r="7" spans="3:57" ht="24.95" customHeight="1" x14ac:dyDescent="0.2">
      <c r="C7" s="28" t="s">
        <v>98</v>
      </c>
    </row>
    <row r="8" spans="3:57" ht="15.75" x14ac:dyDescent="0.2">
      <c r="C8" s="29" t="s">
        <v>99</v>
      </c>
    </row>
    <row r="10" spans="3:57" ht="15" x14ac:dyDescent="0.25">
      <c r="M10" s="85"/>
    </row>
    <row r="12" spans="3:57" ht="15" customHeight="1" x14ac:dyDescent="0.2">
      <c r="C12" s="1" t="s">
        <v>0</v>
      </c>
      <c r="E12" s="2">
        <v>2012</v>
      </c>
      <c r="F12" s="2"/>
      <c r="G12" s="2"/>
      <c r="H12" s="2"/>
      <c r="I12" s="2"/>
      <c r="J12" s="2"/>
      <c r="K12" s="2"/>
      <c r="L12" s="2"/>
      <c r="M12" s="2"/>
    </row>
    <row r="13" spans="3:57" ht="13.5" thickBot="1" x14ac:dyDescent="0.25">
      <c r="C13" s="3" t="s">
        <v>2</v>
      </c>
      <c r="D13" s="3" t="s">
        <v>3</v>
      </c>
      <c r="E13" s="4" t="s">
        <v>15</v>
      </c>
      <c r="F13" s="4" t="s">
        <v>16</v>
      </c>
      <c r="G13" s="4" t="s">
        <v>17</v>
      </c>
      <c r="H13" s="4" t="s">
        <v>18</v>
      </c>
      <c r="I13" s="4" t="s">
        <v>19</v>
      </c>
      <c r="J13" s="4" t="s">
        <v>20</v>
      </c>
      <c r="K13" s="4" t="s">
        <v>21</v>
      </c>
      <c r="L13" s="4" t="s">
        <v>22</v>
      </c>
      <c r="M13" s="4" t="s">
        <v>23</v>
      </c>
      <c r="N13" s="4" t="s">
        <v>24</v>
      </c>
      <c r="O13" s="4" t="s">
        <v>25</v>
      </c>
      <c r="P13" s="4" t="s">
        <v>26</v>
      </c>
      <c r="Q13" s="4" t="s">
        <v>27</v>
      </c>
      <c r="R13" s="4" t="s">
        <v>28</v>
      </c>
      <c r="S13" s="4" t="s">
        <v>29</v>
      </c>
      <c r="T13" s="4" t="s">
        <v>30</v>
      </c>
      <c r="U13" s="4" t="s">
        <v>31</v>
      </c>
      <c r="V13" s="4" t="s">
        <v>32</v>
      </c>
      <c r="W13" s="4" t="s">
        <v>33</v>
      </c>
      <c r="X13" s="4" t="s">
        <v>34</v>
      </c>
      <c r="Y13" s="4" t="s">
        <v>35</v>
      </c>
      <c r="Z13" s="4" t="s">
        <v>36</v>
      </c>
      <c r="AA13" s="4" t="s">
        <v>37</v>
      </c>
      <c r="AB13" s="4" t="s">
        <v>38</v>
      </c>
      <c r="AC13" s="4" t="s">
        <v>39</v>
      </c>
      <c r="AD13" s="4" t="s">
        <v>40</v>
      </c>
      <c r="AE13" s="4" t="s">
        <v>41</v>
      </c>
      <c r="AF13" s="4" t="s">
        <v>42</v>
      </c>
      <c r="AG13" s="4" t="s">
        <v>43</v>
      </c>
      <c r="AH13" s="4" t="s">
        <v>44</v>
      </c>
      <c r="AI13" s="4" t="s">
        <v>45</v>
      </c>
      <c r="AJ13" s="4" t="s">
        <v>46</v>
      </c>
      <c r="AK13" s="4" t="s">
        <v>47</v>
      </c>
      <c r="AL13" s="4" t="s">
        <v>48</v>
      </c>
      <c r="AM13" s="4" t="s">
        <v>49</v>
      </c>
      <c r="AN13" s="4" t="s">
        <v>50</v>
      </c>
      <c r="AO13" s="4" t="s">
        <v>51</v>
      </c>
      <c r="AP13" s="4" t="s">
        <v>52</v>
      </c>
      <c r="AQ13" s="4" t="s">
        <v>53</v>
      </c>
      <c r="AR13" s="4" t="s">
        <v>54</v>
      </c>
      <c r="AS13" s="4" t="s">
        <v>55</v>
      </c>
      <c r="AT13" s="4" t="s">
        <v>4</v>
      </c>
      <c r="AU13" s="4" t="s">
        <v>5</v>
      </c>
      <c r="AV13" s="4" t="s">
        <v>6</v>
      </c>
      <c r="AW13" s="4" t="s">
        <v>7</v>
      </c>
      <c r="AX13" s="4" t="s">
        <v>8</v>
      </c>
      <c r="AY13" s="4" t="s">
        <v>9</v>
      </c>
      <c r="AZ13" s="4" t="s">
        <v>10</v>
      </c>
      <c r="BA13" s="4" t="s">
        <v>11</v>
      </c>
      <c r="BB13" s="4" t="s">
        <v>12</v>
      </c>
      <c r="BC13" s="4" t="s">
        <v>13</v>
      </c>
      <c r="BD13" s="4" t="s">
        <v>14</v>
      </c>
      <c r="BE13" s="4" t="s">
        <v>56</v>
      </c>
    </row>
    <row r="14" spans="3:57" ht="13.5" thickTop="1" x14ac:dyDescent="0.2">
      <c r="C14" s="5" t="s">
        <v>57</v>
      </c>
      <c r="D14" s="6" t="s">
        <v>58</v>
      </c>
      <c r="E14" s="76">
        <v>3.9</v>
      </c>
      <c r="F14" s="76">
        <v>3.91</v>
      </c>
      <c r="G14" s="17">
        <v>3.91</v>
      </c>
      <c r="H14" s="76">
        <v>3.9</v>
      </c>
      <c r="I14" s="8">
        <v>3.9</v>
      </c>
      <c r="J14" s="76">
        <v>3.86</v>
      </c>
      <c r="K14" s="76">
        <v>3.85</v>
      </c>
      <c r="L14" s="76">
        <v>3.85</v>
      </c>
      <c r="M14" s="76">
        <v>3.85</v>
      </c>
      <c r="N14" s="76">
        <v>3.86</v>
      </c>
      <c r="O14" s="76">
        <v>3.86</v>
      </c>
      <c r="P14" s="76">
        <v>3.86</v>
      </c>
      <c r="Q14" s="76">
        <v>3.86</v>
      </c>
      <c r="R14" s="76">
        <v>3.86</v>
      </c>
      <c r="S14" s="76">
        <v>3.84</v>
      </c>
      <c r="T14" s="76">
        <v>3.83</v>
      </c>
      <c r="U14" s="76">
        <v>3.82</v>
      </c>
      <c r="V14" s="76">
        <v>3.88</v>
      </c>
      <c r="W14" s="8">
        <v>3.77</v>
      </c>
      <c r="X14" s="8">
        <v>3.73</v>
      </c>
      <c r="Y14" s="8">
        <v>3.7</v>
      </c>
      <c r="Z14" s="8">
        <v>3.68</v>
      </c>
      <c r="AA14" s="8">
        <v>3.68</v>
      </c>
      <c r="AB14" s="8">
        <v>3.68</v>
      </c>
      <c r="AC14" s="8">
        <v>3.69</v>
      </c>
      <c r="AD14" s="8">
        <v>3.69</v>
      </c>
      <c r="AE14" s="8">
        <v>3.69</v>
      </c>
      <c r="AF14" s="76">
        <v>3.7</v>
      </c>
      <c r="AG14" s="8">
        <v>3.71</v>
      </c>
      <c r="AH14" s="8">
        <v>3.73</v>
      </c>
      <c r="AI14" s="8">
        <v>3.77</v>
      </c>
      <c r="AJ14" s="8">
        <v>3.79</v>
      </c>
      <c r="AK14" s="8">
        <v>3.81</v>
      </c>
      <c r="AL14" s="8">
        <v>3.83</v>
      </c>
      <c r="AM14" s="8">
        <v>3.85</v>
      </c>
      <c r="AN14" s="8">
        <v>3.86</v>
      </c>
      <c r="AO14" s="8">
        <v>3.86</v>
      </c>
      <c r="AP14" s="76">
        <v>3.86</v>
      </c>
      <c r="AQ14" s="76">
        <v>3.83</v>
      </c>
      <c r="AR14" s="76">
        <v>3.83</v>
      </c>
      <c r="AS14" s="76">
        <v>3.82</v>
      </c>
      <c r="AT14" s="76">
        <v>3.8</v>
      </c>
      <c r="AU14" s="76">
        <v>3.8</v>
      </c>
      <c r="AV14" s="76">
        <v>3.8</v>
      </c>
      <c r="AW14" s="76">
        <v>3.8</v>
      </c>
      <c r="AX14" s="76">
        <v>3.81</v>
      </c>
      <c r="AY14" s="76">
        <v>3.82</v>
      </c>
      <c r="AZ14" s="76">
        <v>3.85</v>
      </c>
      <c r="BA14" s="76">
        <v>3.87</v>
      </c>
      <c r="BB14" s="76">
        <v>3.9</v>
      </c>
      <c r="BC14" s="76">
        <v>3.91</v>
      </c>
      <c r="BD14" s="74">
        <v>3.91</v>
      </c>
      <c r="BE14" s="17"/>
    </row>
    <row r="15" spans="3:57" x14ac:dyDescent="0.2">
      <c r="C15" s="5" t="s">
        <v>59</v>
      </c>
      <c r="D15" s="6" t="s">
        <v>58</v>
      </c>
      <c r="E15" s="76">
        <v>6.51</v>
      </c>
      <c r="F15" s="76">
        <v>6.07</v>
      </c>
      <c r="G15" s="17">
        <v>5.61</v>
      </c>
      <c r="H15" s="76">
        <v>5.61</v>
      </c>
      <c r="I15" s="8">
        <v>5.61</v>
      </c>
      <c r="J15" s="76">
        <v>5.6</v>
      </c>
      <c r="K15" s="76">
        <v>5.6</v>
      </c>
      <c r="L15" s="76">
        <v>5.6</v>
      </c>
      <c r="M15" s="76">
        <v>5.53</v>
      </c>
      <c r="N15" s="76">
        <v>5.53</v>
      </c>
      <c r="O15" s="76">
        <v>5.61</v>
      </c>
      <c r="P15" s="76">
        <v>5.59</v>
      </c>
      <c r="Q15" s="76">
        <v>5.59</v>
      </c>
      <c r="R15" s="76">
        <v>5.67</v>
      </c>
      <c r="S15" s="76">
        <v>5.58</v>
      </c>
      <c r="T15" s="76">
        <v>5.5</v>
      </c>
      <c r="U15" s="76">
        <v>5.48</v>
      </c>
      <c r="V15" s="76">
        <v>5.39</v>
      </c>
      <c r="W15" s="8">
        <v>5.36</v>
      </c>
      <c r="X15" s="8">
        <v>5.26</v>
      </c>
      <c r="Y15" s="8">
        <v>5.25</v>
      </c>
      <c r="Z15" s="8">
        <v>5.26</v>
      </c>
      <c r="AA15" s="8">
        <v>5.29</v>
      </c>
      <c r="AB15" s="8">
        <v>5.26</v>
      </c>
      <c r="AC15" s="8">
        <v>5.31</v>
      </c>
      <c r="AD15" s="8">
        <v>5.31</v>
      </c>
      <c r="AE15" s="8">
        <v>5.51</v>
      </c>
      <c r="AF15" s="76">
        <v>5.72</v>
      </c>
      <c r="AG15" s="8">
        <v>5.9</v>
      </c>
      <c r="AH15" s="8">
        <v>5.92</v>
      </c>
      <c r="AI15" s="8">
        <v>5.97</v>
      </c>
      <c r="AJ15" s="8">
        <v>6.17</v>
      </c>
      <c r="AK15" s="8">
        <v>6.35</v>
      </c>
      <c r="AL15" s="8">
        <v>6.36</v>
      </c>
      <c r="AM15" s="8">
        <v>6.39</v>
      </c>
      <c r="AN15" s="8">
        <v>6.39</v>
      </c>
      <c r="AO15" s="8">
        <v>6.39</v>
      </c>
      <c r="AP15" s="76">
        <v>6.49</v>
      </c>
      <c r="AQ15" s="76">
        <v>6.5</v>
      </c>
      <c r="AR15" s="76">
        <v>6.49</v>
      </c>
      <c r="AS15" s="76">
        <v>6.46</v>
      </c>
      <c r="AT15" s="76">
        <v>6.46</v>
      </c>
      <c r="AU15" s="76">
        <v>6.46</v>
      </c>
      <c r="AV15" s="76">
        <v>6.46</v>
      </c>
      <c r="AW15" s="76">
        <v>6.47</v>
      </c>
      <c r="AX15" s="76">
        <v>6.45</v>
      </c>
      <c r="AY15" s="76">
        <v>6.45</v>
      </c>
      <c r="AZ15" s="76">
        <v>6.45</v>
      </c>
      <c r="BA15" s="76">
        <v>6.43</v>
      </c>
      <c r="BB15" s="76">
        <v>6.54</v>
      </c>
      <c r="BC15" s="76">
        <v>6.38</v>
      </c>
      <c r="BD15" s="68">
        <v>6.38</v>
      </c>
      <c r="BE15" s="17"/>
    </row>
    <row r="16" spans="3:57" x14ac:dyDescent="0.2">
      <c r="C16" s="5" t="s">
        <v>60</v>
      </c>
      <c r="D16" s="6" t="s">
        <v>58</v>
      </c>
      <c r="E16" s="76">
        <v>1.45</v>
      </c>
      <c r="F16" s="76">
        <v>1.44</v>
      </c>
      <c r="G16" s="17">
        <v>1.42</v>
      </c>
      <c r="H16" s="76">
        <v>1.43</v>
      </c>
      <c r="I16" s="8">
        <v>1.46</v>
      </c>
      <c r="J16" s="76">
        <v>1.51</v>
      </c>
      <c r="K16" s="76">
        <v>1.56</v>
      </c>
      <c r="L16" s="76">
        <v>1.6</v>
      </c>
      <c r="M16" s="76">
        <v>1.66</v>
      </c>
      <c r="N16" s="76">
        <v>1.67</v>
      </c>
      <c r="O16" s="76">
        <v>1.65</v>
      </c>
      <c r="P16" s="76">
        <v>1.67</v>
      </c>
      <c r="Q16" s="76">
        <v>1.67</v>
      </c>
      <c r="R16" s="76">
        <v>1.67</v>
      </c>
      <c r="S16" s="76">
        <v>1.67</v>
      </c>
      <c r="T16" s="76">
        <v>1.67</v>
      </c>
      <c r="U16" s="76">
        <v>1.67</v>
      </c>
      <c r="V16" s="76">
        <v>1.67</v>
      </c>
      <c r="W16" s="8">
        <v>1.67</v>
      </c>
      <c r="X16" s="8">
        <v>1.68</v>
      </c>
      <c r="Y16" s="8">
        <v>1.7</v>
      </c>
      <c r="Z16" s="8">
        <v>1.74</v>
      </c>
      <c r="AA16" s="8">
        <v>1.76</v>
      </c>
      <c r="AB16" s="8">
        <v>1.78</v>
      </c>
      <c r="AC16" s="8">
        <v>1.78</v>
      </c>
      <c r="AD16" s="8">
        <v>1.78</v>
      </c>
      <c r="AE16" s="8">
        <v>1.78</v>
      </c>
      <c r="AF16" s="76">
        <v>1.78</v>
      </c>
      <c r="AG16" s="8">
        <v>1.77</v>
      </c>
      <c r="AH16" s="8">
        <v>1.78</v>
      </c>
      <c r="AI16" s="8">
        <v>1.77</v>
      </c>
      <c r="AJ16" s="8">
        <v>1.8</v>
      </c>
      <c r="AK16" s="8">
        <v>1.81</v>
      </c>
      <c r="AL16" s="8">
        <v>1.84</v>
      </c>
      <c r="AM16" s="8">
        <v>1.88</v>
      </c>
      <c r="AN16" s="8">
        <v>1.9</v>
      </c>
      <c r="AO16" s="8">
        <v>1.91</v>
      </c>
      <c r="AP16" s="76">
        <v>1.92</v>
      </c>
      <c r="AQ16" s="76">
        <v>1.93</v>
      </c>
      <c r="AR16" s="76">
        <v>1.93</v>
      </c>
      <c r="AS16" s="76">
        <v>1.93</v>
      </c>
      <c r="AT16" s="76">
        <v>1.91</v>
      </c>
      <c r="AU16" s="76">
        <v>1.87</v>
      </c>
      <c r="AV16" s="76">
        <v>1.82</v>
      </c>
      <c r="AW16" s="76">
        <v>1.82</v>
      </c>
      <c r="AX16" s="76">
        <v>1.76</v>
      </c>
      <c r="AY16" s="76">
        <v>1.75</v>
      </c>
      <c r="AZ16" s="76">
        <v>1.73</v>
      </c>
      <c r="BA16" s="76">
        <v>1.69</v>
      </c>
      <c r="BB16" s="76">
        <v>1.7</v>
      </c>
      <c r="BC16" s="76">
        <v>1.68</v>
      </c>
      <c r="BD16" s="68">
        <v>1.7</v>
      </c>
      <c r="BE16" s="17"/>
    </row>
    <row r="17" spans="3:57" x14ac:dyDescent="0.2">
      <c r="C17" s="5" t="s">
        <v>61</v>
      </c>
      <c r="D17" s="6" t="s">
        <v>58</v>
      </c>
      <c r="E17" s="76">
        <v>1.81</v>
      </c>
      <c r="F17" s="76">
        <v>1.79</v>
      </c>
      <c r="G17" s="17">
        <v>1.82</v>
      </c>
      <c r="H17" s="76">
        <v>1.82</v>
      </c>
      <c r="I17" s="8">
        <v>1.74</v>
      </c>
      <c r="J17" s="76">
        <v>1.74</v>
      </c>
      <c r="K17" s="76">
        <v>1.75</v>
      </c>
      <c r="L17" s="76">
        <v>1.78</v>
      </c>
      <c r="M17" s="76">
        <v>1.86</v>
      </c>
      <c r="N17" s="76">
        <v>1.8</v>
      </c>
      <c r="O17" s="76">
        <v>1.8</v>
      </c>
      <c r="P17" s="76">
        <v>1.8</v>
      </c>
      <c r="Q17" s="76">
        <v>1.8</v>
      </c>
      <c r="R17" s="76">
        <v>1.81</v>
      </c>
      <c r="S17" s="76">
        <v>1.8</v>
      </c>
      <c r="T17" s="76">
        <v>1.85</v>
      </c>
      <c r="U17" s="76">
        <v>1.85</v>
      </c>
      <c r="V17" s="76">
        <v>1.84</v>
      </c>
      <c r="W17" s="8">
        <v>1.84</v>
      </c>
      <c r="X17" s="8">
        <v>1.84</v>
      </c>
      <c r="Y17" s="8">
        <v>1.83</v>
      </c>
      <c r="Z17" s="8">
        <v>1.82</v>
      </c>
      <c r="AA17" s="8">
        <v>1.83</v>
      </c>
      <c r="AB17" s="8">
        <v>1.83</v>
      </c>
      <c r="AC17" s="8">
        <v>1.82</v>
      </c>
      <c r="AD17" s="8">
        <v>1.81</v>
      </c>
      <c r="AE17" s="8">
        <v>1.8</v>
      </c>
      <c r="AF17" s="76">
        <v>1.8</v>
      </c>
      <c r="AG17" s="8">
        <v>1.83</v>
      </c>
      <c r="AH17" s="8">
        <v>1.83</v>
      </c>
      <c r="AI17" s="8">
        <v>1.94</v>
      </c>
      <c r="AJ17" s="8">
        <v>1.95</v>
      </c>
      <c r="AK17" s="8">
        <v>1.95</v>
      </c>
      <c r="AL17" s="8">
        <v>1.92</v>
      </c>
      <c r="AM17" s="8">
        <v>1.9</v>
      </c>
      <c r="AN17" s="8">
        <v>1.91</v>
      </c>
      <c r="AO17" s="8">
        <v>1.93</v>
      </c>
      <c r="AP17" s="76">
        <v>1.93</v>
      </c>
      <c r="AQ17" s="76">
        <v>1.9</v>
      </c>
      <c r="AR17" s="76">
        <v>1.91</v>
      </c>
      <c r="AS17" s="76">
        <v>1.89</v>
      </c>
      <c r="AT17" s="76">
        <v>1.88</v>
      </c>
      <c r="AU17" s="76">
        <v>1.88</v>
      </c>
      <c r="AV17" s="76">
        <v>1.86</v>
      </c>
      <c r="AW17" s="76">
        <v>1.88</v>
      </c>
      <c r="AX17" s="76">
        <v>1.91</v>
      </c>
      <c r="AY17" s="76">
        <v>1.91</v>
      </c>
      <c r="AZ17" s="76">
        <v>1.87</v>
      </c>
      <c r="BA17" s="76">
        <v>1.86</v>
      </c>
      <c r="BB17" s="76">
        <v>1.86</v>
      </c>
      <c r="BC17" s="76">
        <v>1.9</v>
      </c>
      <c r="BD17" s="68">
        <v>1.92</v>
      </c>
      <c r="BE17" s="17"/>
    </row>
    <row r="18" spans="3:57" x14ac:dyDescent="0.2">
      <c r="C18" s="5" t="s">
        <v>62</v>
      </c>
      <c r="D18" s="6" t="s">
        <v>58</v>
      </c>
      <c r="E18" s="76">
        <v>3.12</v>
      </c>
      <c r="F18" s="76">
        <v>3.12</v>
      </c>
      <c r="G18" s="17">
        <v>3.11</v>
      </c>
      <c r="H18" s="76">
        <v>3.12</v>
      </c>
      <c r="I18" s="8">
        <v>3.12</v>
      </c>
      <c r="J18" s="76">
        <v>3.19</v>
      </c>
      <c r="K18" s="76">
        <v>3.2</v>
      </c>
      <c r="L18" s="76">
        <v>3.2</v>
      </c>
      <c r="M18" s="76">
        <v>3.54</v>
      </c>
      <c r="N18" s="76">
        <v>3.58</v>
      </c>
      <c r="O18" s="76">
        <v>3.58</v>
      </c>
      <c r="P18" s="76">
        <v>3.58</v>
      </c>
      <c r="Q18" s="76">
        <v>3.58</v>
      </c>
      <c r="R18" s="76">
        <v>3.58</v>
      </c>
      <c r="S18" s="76">
        <v>3.58</v>
      </c>
      <c r="T18" s="76">
        <v>3.47</v>
      </c>
      <c r="U18" s="76">
        <v>3.31</v>
      </c>
      <c r="V18" s="76">
        <v>3.31</v>
      </c>
      <c r="W18" s="8">
        <v>3.31</v>
      </c>
      <c r="X18" s="8">
        <v>3.31</v>
      </c>
      <c r="Y18" s="8">
        <v>3.31</v>
      </c>
      <c r="Z18" s="8">
        <v>3.31</v>
      </c>
      <c r="AA18" s="8">
        <v>3.31</v>
      </c>
      <c r="AB18" s="8">
        <v>3.31</v>
      </c>
      <c r="AC18" s="8">
        <v>3.31</v>
      </c>
      <c r="AD18" s="8">
        <v>3.31</v>
      </c>
      <c r="AE18" s="8">
        <v>3.28</v>
      </c>
      <c r="AF18" s="76">
        <v>3.26</v>
      </c>
      <c r="AG18" s="8">
        <v>3.12</v>
      </c>
      <c r="AH18" s="8">
        <v>3.1</v>
      </c>
      <c r="AI18" s="8">
        <v>3.1</v>
      </c>
      <c r="AJ18" s="8">
        <v>3.1</v>
      </c>
      <c r="AK18" s="8">
        <v>3.11</v>
      </c>
      <c r="AL18" s="8">
        <v>3.11</v>
      </c>
      <c r="AM18" s="8">
        <v>3.11</v>
      </c>
      <c r="AN18" s="8">
        <v>3.33</v>
      </c>
      <c r="AO18" s="8">
        <v>3.36</v>
      </c>
      <c r="AP18" s="76">
        <v>3.38</v>
      </c>
      <c r="AQ18" s="76">
        <v>3.38</v>
      </c>
      <c r="AR18" s="76">
        <v>3.38</v>
      </c>
      <c r="AS18" s="76">
        <v>3.45</v>
      </c>
      <c r="AT18" s="76">
        <v>3.63</v>
      </c>
      <c r="AU18" s="76">
        <v>3.63</v>
      </c>
      <c r="AV18" s="76">
        <v>3.63</v>
      </c>
      <c r="AW18" s="76">
        <v>3.63</v>
      </c>
      <c r="AX18" s="76">
        <v>3.65</v>
      </c>
      <c r="AY18" s="76">
        <v>3.65</v>
      </c>
      <c r="AZ18" s="76">
        <v>3.65</v>
      </c>
      <c r="BA18" s="76">
        <v>3.65</v>
      </c>
      <c r="BB18" s="76">
        <v>3.65</v>
      </c>
      <c r="BC18" s="76">
        <v>3.52</v>
      </c>
      <c r="BD18" s="68">
        <v>3.2</v>
      </c>
      <c r="BE18" s="17"/>
    </row>
    <row r="19" spans="3:57" x14ac:dyDescent="0.2">
      <c r="C19" s="5" t="s">
        <v>75</v>
      </c>
      <c r="D19" s="20" t="s">
        <v>76</v>
      </c>
      <c r="E19" s="76">
        <v>0.96</v>
      </c>
      <c r="F19" s="76">
        <v>0.97</v>
      </c>
      <c r="G19" s="17">
        <v>0.98</v>
      </c>
      <c r="H19" s="76">
        <v>0.97</v>
      </c>
      <c r="I19" s="8">
        <v>0.97</v>
      </c>
      <c r="J19" s="76">
        <v>0.99</v>
      </c>
      <c r="K19" s="76">
        <v>1.04</v>
      </c>
      <c r="L19" s="76">
        <v>1.18</v>
      </c>
      <c r="M19" s="76">
        <v>1.28</v>
      </c>
      <c r="N19" s="76">
        <v>1.37</v>
      </c>
      <c r="O19" s="76">
        <v>1.44</v>
      </c>
      <c r="P19" s="76">
        <v>1.42</v>
      </c>
      <c r="Q19" s="76">
        <v>1.41</v>
      </c>
      <c r="R19" s="76">
        <v>1.43</v>
      </c>
      <c r="S19" s="76">
        <v>1.39</v>
      </c>
      <c r="T19" s="76">
        <v>1.35</v>
      </c>
      <c r="U19" s="76">
        <v>1.35</v>
      </c>
      <c r="V19" s="8">
        <v>1.28</v>
      </c>
      <c r="W19" s="8">
        <v>1.25</v>
      </c>
      <c r="X19" s="8">
        <v>1.22</v>
      </c>
      <c r="Y19" s="8">
        <v>1.1499999999999999</v>
      </c>
      <c r="Z19" s="8">
        <v>1.1200000000000001</v>
      </c>
      <c r="AA19" s="8">
        <v>1.1399999999999999</v>
      </c>
      <c r="AB19" s="8">
        <v>1.1599999999999999</v>
      </c>
      <c r="AC19" s="8">
        <v>1.1599999999999999</v>
      </c>
      <c r="AD19" s="8">
        <v>1.1599999999999999</v>
      </c>
      <c r="AE19" s="8">
        <v>1.1399999999999999</v>
      </c>
      <c r="AF19" s="76">
        <v>1.1399999999999999</v>
      </c>
      <c r="AG19" s="8">
        <v>1.1299999999999999</v>
      </c>
      <c r="AH19" s="8">
        <v>1.1299999999999999</v>
      </c>
      <c r="AI19" s="8">
        <v>1.1299999999999999</v>
      </c>
      <c r="AJ19" s="8">
        <v>1.1299999999999999</v>
      </c>
      <c r="AK19" s="8">
        <v>1.1499999999999999</v>
      </c>
      <c r="AL19" s="8">
        <v>1.1499999999999999</v>
      </c>
      <c r="AM19" s="8">
        <v>1.1200000000000001</v>
      </c>
      <c r="AN19" s="8">
        <v>1.1100000000000001</v>
      </c>
      <c r="AO19" s="8">
        <v>1.08</v>
      </c>
      <c r="AP19" s="76">
        <v>1.05</v>
      </c>
      <c r="AQ19" s="76">
        <v>1.04</v>
      </c>
      <c r="AR19" s="76">
        <v>1.04</v>
      </c>
      <c r="AS19" s="76">
        <v>1.05</v>
      </c>
      <c r="AT19" s="76">
        <v>1.05</v>
      </c>
      <c r="AU19" s="76">
        <v>1.04</v>
      </c>
      <c r="AV19" s="76">
        <v>1.04</v>
      </c>
      <c r="AW19" s="76">
        <v>1.05</v>
      </c>
      <c r="AX19" s="76">
        <v>1.05</v>
      </c>
      <c r="AY19" s="76">
        <v>1.06</v>
      </c>
      <c r="AZ19" s="76">
        <v>1.07</v>
      </c>
      <c r="BA19" s="76">
        <v>1.08</v>
      </c>
      <c r="BB19" s="76">
        <v>1.0900000000000001</v>
      </c>
      <c r="BC19" s="76">
        <v>1.07</v>
      </c>
      <c r="BD19" s="68">
        <v>1.06</v>
      </c>
      <c r="BE19" s="17"/>
    </row>
    <row r="20" spans="3:57" x14ac:dyDescent="0.2">
      <c r="C20" s="5" t="s">
        <v>63</v>
      </c>
      <c r="D20" s="6" t="s">
        <v>58</v>
      </c>
      <c r="E20" s="76">
        <v>5</v>
      </c>
      <c r="F20" s="76">
        <v>5</v>
      </c>
      <c r="G20" s="17">
        <v>4.0199999999999996</v>
      </c>
      <c r="H20" s="76">
        <v>3.4</v>
      </c>
      <c r="I20" s="8">
        <v>3.3</v>
      </c>
      <c r="J20" s="76">
        <v>3.2</v>
      </c>
      <c r="K20" s="76">
        <v>3.94</v>
      </c>
      <c r="L20" s="76">
        <v>4.4400000000000004</v>
      </c>
      <c r="M20" s="76">
        <v>4</v>
      </c>
      <c r="N20" s="76">
        <v>4.34</v>
      </c>
      <c r="O20" s="76">
        <v>5.4</v>
      </c>
      <c r="P20" s="76">
        <v>3.26</v>
      </c>
      <c r="Q20" s="76">
        <v>3.03</v>
      </c>
      <c r="R20" s="76">
        <v>3.05</v>
      </c>
      <c r="S20" s="76">
        <v>3.41</v>
      </c>
      <c r="T20" s="76">
        <v>4.6500000000000004</v>
      </c>
      <c r="U20" s="76">
        <v>4.49</v>
      </c>
      <c r="V20" s="8">
        <v>4</v>
      </c>
      <c r="W20" s="8">
        <v>3.5</v>
      </c>
      <c r="X20" s="76">
        <v>2.96</v>
      </c>
      <c r="Y20" s="8">
        <v>3.14</v>
      </c>
      <c r="Z20" s="8">
        <v>3.42</v>
      </c>
      <c r="AA20" s="76">
        <v>3.13</v>
      </c>
      <c r="AB20" s="76">
        <v>3.68</v>
      </c>
      <c r="AC20" s="8">
        <v>4.13</v>
      </c>
      <c r="AD20" s="8">
        <v>4.0599999999999996</v>
      </c>
      <c r="AE20" s="76">
        <v>4.17</v>
      </c>
      <c r="AF20" s="76">
        <v>4.17</v>
      </c>
      <c r="AG20" s="76">
        <v>4.18</v>
      </c>
      <c r="AH20" s="76">
        <v>3.54</v>
      </c>
      <c r="AI20" s="8">
        <v>3.53</v>
      </c>
      <c r="AJ20" s="8">
        <v>5.66</v>
      </c>
      <c r="AK20" s="76">
        <v>4.8600000000000003</v>
      </c>
      <c r="AL20" s="8">
        <v>5.51</v>
      </c>
      <c r="AM20" s="8">
        <v>5</v>
      </c>
      <c r="AN20" s="8">
        <v>5.34</v>
      </c>
      <c r="AO20" s="8">
        <v>4.34</v>
      </c>
      <c r="AP20" s="76">
        <v>3.92</v>
      </c>
      <c r="AQ20" s="76">
        <v>4.28</v>
      </c>
      <c r="AR20" s="76">
        <v>4.0999999999999996</v>
      </c>
      <c r="AS20" s="76">
        <v>3.15</v>
      </c>
      <c r="AT20" s="76">
        <v>3.85</v>
      </c>
      <c r="AU20" s="76">
        <v>4.74</v>
      </c>
      <c r="AV20" s="76">
        <v>4.25</v>
      </c>
      <c r="AW20" s="76">
        <v>4.08</v>
      </c>
      <c r="AX20" s="76">
        <v>4.08</v>
      </c>
      <c r="AY20" s="76">
        <v>3.75</v>
      </c>
      <c r="AZ20" s="76">
        <v>3.17</v>
      </c>
      <c r="BA20" s="76">
        <v>3.72</v>
      </c>
      <c r="BB20" s="76">
        <v>3.25</v>
      </c>
      <c r="BC20" s="76">
        <v>6.17</v>
      </c>
      <c r="BD20" s="76">
        <v>6.32</v>
      </c>
      <c r="BE20" s="17"/>
    </row>
    <row r="21" spans="3:57" x14ac:dyDescent="0.2">
      <c r="C21" s="5" t="s">
        <v>64</v>
      </c>
      <c r="D21" s="6" t="s">
        <v>58</v>
      </c>
      <c r="E21" s="76">
        <v>3.75</v>
      </c>
      <c r="F21" s="76">
        <v>3.45</v>
      </c>
      <c r="G21" s="17">
        <v>3</v>
      </c>
      <c r="H21" s="76">
        <v>2.54</v>
      </c>
      <c r="I21" s="8">
        <v>2.54</v>
      </c>
      <c r="J21" s="76">
        <v>2.7</v>
      </c>
      <c r="K21" s="76">
        <v>2.7</v>
      </c>
      <c r="L21" s="76">
        <v>3</v>
      </c>
      <c r="M21" s="76">
        <v>3.8</v>
      </c>
      <c r="N21" s="76">
        <v>4</v>
      </c>
      <c r="O21" s="76">
        <v>4.5</v>
      </c>
      <c r="P21" s="76">
        <v>3</v>
      </c>
      <c r="Q21" s="76">
        <v>2.85</v>
      </c>
      <c r="R21" s="76">
        <v>3</v>
      </c>
      <c r="S21" s="76">
        <v>3</v>
      </c>
      <c r="T21" s="76">
        <v>4.3</v>
      </c>
      <c r="U21" s="76">
        <v>4.3</v>
      </c>
      <c r="V21" s="76">
        <v>3.5</v>
      </c>
      <c r="W21" s="76">
        <v>3.4</v>
      </c>
      <c r="X21" s="76">
        <v>3</v>
      </c>
      <c r="Y21" s="8">
        <v>3.2</v>
      </c>
      <c r="Z21" s="8">
        <v>3.1</v>
      </c>
      <c r="AA21" s="76">
        <v>2.8</v>
      </c>
      <c r="AB21" s="76">
        <v>2.4</v>
      </c>
      <c r="AC21" s="8">
        <v>3.2</v>
      </c>
      <c r="AD21" s="8">
        <v>2.7</v>
      </c>
      <c r="AE21" s="76">
        <v>3.5</v>
      </c>
      <c r="AF21" s="76">
        <v>4</v>
      </c>
      <c r="AG21" s="76">
        <v>4</v>
      </c>
      <c r="AH21" s="76">
        <v>3.6</v>
      </c>
      <c r="AI21" s="8">
        <v>3.6</v>
      </c>
      <c r="AJ21" s="8">
        <v>3.9</v>
      </c>
      <c r="AK21" s="76">
        <v>4</v>
      </c>
      <c r="AL21" s="8">
        <v>4</v>
      </c>
      <c r="AM21" s="8">
        <v>3.81</v>
      </c>
      <c r="AN21" s="8">
        <v>3.45</v>
      </c>
      <c r="AO21" s="8">
        <v>3</v>
      </c>
      <c r="AP21" s="76">
        <v>3.4</v>
      </c>
      <c r="AQ21" s="76">
        <v>3.9</v>
      </c>
      <c r="AR21" s="76">
        <v>3.8</v>
      </c>
      <c r="AS21" s="76">
        <v>3.55</v>
      </c>
      <c r="AT21" s="76">
        <v>3.5</v>
      </c>
      <c r="AU21" s="76">
        <v>3.5</v>
      </c>
      <c r="AV21" s="76">
        <v>3.5</v>
      </c>
      <c r="AW21" s="76">
        <v>3.5</v>
      </c>
      <c r="AX21" s="76">
        <v>3.4</v>
      </c>
      <c r="AY21" s="76">
        <v>3.23</v>
      </c>
      <c r="AZ21" s="76">
        <v>3.25</v>
      </c>
      <c r="BA21" s="76">
        <v>3.27</v>
      </c>
      <c r="BB21" s="76">
        <v>3.27</v>
      </c>
      <c r="BC21" s="76">
        <v>3.65</v>
      </c>
      <c r="BD21" s="76">
        <v>4.22</v>
      </c>
      <c r="BE21" s="17"/>
    </row>
    <row r="22" spans="3:57" x14ac:dyDescent="0.2">
      <c r="C22" s="5" t="s">
        <v>65</v>
      </c>
      <c r="D22" s="6" t="s">
        <v>58</v>
      </c>
      <c r="E22" s="76">
        <v>1.35</v>
      </c>
      <c r="F22" s="76">
        <v>2.35</v>
      </c>
      <c r="G22" s="17">
        <v>2</v>
      </c>
      <c r="H22" s="76">
        <v>1</v>
      </c>
      <c r="I22" s="8">
        <v>1.1000000000000001</v>
      </c>
      <c r="J22" s="76">
        <v>0.88</v>
      </c>
      <c r="K22" s="76">
        <v>0.92</v>
      </c>
      <c r="L22" s="76">
        <v>1.21</v>
      </c>
      <c r="M22" s="76">
        <v>0.9</v>
      </c>
      <c r="N22" s="76">
        <v>1.1599999999999999</v>
      </c>
      <c r="O22" s="76">
        <v>0.61</v>
      </c>
      <c r="P22" s="76">
        <v>0.61</v>
      </c>
      <c r="Q22" s="76">
        <v>0.44</v>
      </c>
      <c r="R22" s="76">
        <v>0.59</v>
      </c>
      <c r="S22" s="76">
        <v>2</v>
      </c>
      <c r="T22" s="76">
        <v>1</v>
      </c>
      <c r="U22" s="76">
        <v>1.95</v>
      </c>
      <c r="V22" s="76">
        <v>1.75</v>
      </c>
      <c r="W22" s="76">
        <v>1.5</v>
      </c>
      <c r="X22" s="76">
        <v>1.7</v>
      </c>
      <c r="Y22" s="8">
        <v>1.5</v>
      </c>
      <c r="Z22" s="8">
        <v>0.98</v>
      </c>
      <c r="AA22" s="76">
        <v>1.46</v>
      </c>
      <c r="AB22" s="76">
        <v>2.27</v>
      </c>
      <c r="AC22" s="8">
        <v>2</v>
      </c>
      <c r="AD22" s="8">
        <v>1.94</v>
      </c>
      <c r="AE22" s="76">
        <v>3.3</v>
      </c>
      <c r="AF22" s="76">
        <v>2.93</v>
      </c>
      <c r="AG22" s="76">
        <v>3.11</v>
      </c>
      <c r="AH22" s="76">
        <v>3.04</v>
      </c>
      <c r="AI22" s="8">
        <v>2.86</v>
      </c>
      <c r="AJ22" s="8">
        <v>3.54</v>
      </c>
      <c r="AK22" s="76">
        <v>2.89</v>
      </c>
      <c r="AL22" s="8">
        <v>2.38</v>
      </c>
      <c r="AM22" s="8">
        <v>2.23</v>
      </c>
      <c r="AN22" s="8">
        <v>1.65</v>
      </c>
      <c r="AO22" s="8">
        <v>1.99</v>
      </c>
      <c r="AP22" s="76">
        <v>1.45</v>
      </c>
      <c r="AQ22" s="76">
        <v>2.2200000000000002</v>
      </c>
      <c r="AR22" s="76">
        <v>1.75</v>
      </c>
      <c r="AS22" s="76">
        <v>0.83</v>
      </c>
      <c r="AT22" s="76">
        <v>1.05</v>
      </c>
      <c r="AU22" s="76">
        <v>1</v>
      </c>
      <c r="AV22" s="76">
        <v>0.57999999999999996</v>
      </c>
      <c r="AW22" s="76">
        <v>0.79</v>
      </c>
      <c r="AX22" s="76">
        <v>0.7</v>
      </c>
      <c r="AY22" s="76">
        <v>0.63</v>
      </c>
      <c r="AZ22" s="76">
        <v>1.57</v>
      </c>
      <c r="BA22" s="76">
        <v>1.61</v>
      </c>
      <c r="BB22" s="76">
        <v>1.46</v>
      </c>
      <c r="BC22" s="76">
        <v>2.15</v>
      </c>
      <c r="BD22" s="76">
        <v>2</v>
      </c>
      <c r="BE22" s="17"/>
    </row>
    <row r="23" spans="3:57" x14ac:dyDescent="0.2">
      <c r="C23" s="5" t="s">
        <v>66</v>
      </c>
      <c r="D23" s="6" t="s">
        <v>58</v>
      </c>
      <c r="E23" s="76">
        <v>2.5</v>
      </c>
      <c r="F23" s="76">
        <v>2.5</v>
      </c>
      <c r="G23" s="17">
        <v>1.82</v>
      </c>
      <c r="H23" s="76">
        <v>2.82</v>
      </c>
      <c r="I23" s="8">
        <v>2.9</v>
      </c>
      <c r="J23" s="76">
        <v>3.1</v>
      </c>
      <c r="K23" s="76">
        <v>2.11</v>
      </c>
      <c r="L23" s="76">
        <v>1.38</v>
      </c>
      <c r="M23" s="76">
        <v>1.28</v>
      </c>
      <c r="N23" s="76">
        <v>3</v>
      </c>
      <c r="O23" s="76">
        <v>2.0499999999999998</v>
      </c>
      <c r="P23" s="76">
        <v>2.33</v>
      </c>
      <c r="Q23" s="76">
        <v>1.1000000000000001</v>
      </c>
      <c r="R23" s="76">
        <v>2.0099999999999998</v>
      </c>
      <c r="S23" s="76">
        <v>3</v>
      </c>
      <c r="T23" s="76">
        <v>3.22</v>
      </c>
      <c r="U23" s="76">
        <v>3.06</v>
      </c>
      <c r="V23" s="76">
        <v>2.5</v>
      </c>
      <c r="W23" s="76">
        <v>2.4700000000000002</v>
      </c>
      <c r="X23" s="76">
        <v>2</v>
      </c>
      <c r="Y23" s="8">
        <v>2.75</v>
      </c>
      <c r="Z23" s="8">
        <v>1.18</v>
      </c>
      <c r="AA23" s="76">
        <v>2</v>
      </c>
      <c r="AB23" s="76">
        <v>1.97</v>
      </c>
      <c r="AC23" s="8">
        <v>1.97</v>
      </c>
      <c r="AD23" s="8">
        <v>1.47</v>
      </c>
      <c r="AE23" s="76">
        <v>2.77</v>
      </c>
      <c r="AF23" s="76">
        <v>2.2599999999999998</v>
      </c>
      <c r="AG23" s="76">
        <v>2.2599999999999998</v>
      </c>
      <c r="AH23" s="76">
        <v>1.91</v>
      </c>
      <c r="AI23" s="8">
        <v>3.79</v>
      </c>
      <c r="AJ23" s="8">
        <v>2.74</v>
      </c>
      <c r="AK23" s="76">
        <v>2.27</v>
      </c>
      <c r="AL23" s="8">
        <v>2.66</v>
      </c>
      <c r="AM23" s="8">
        <v>3.07</v>
      </c>
      <c r="AN23" s="8">
        <v>3.5</v>
      </c>
      <c r="AO23" s="8">
        <v>2.5</v>
      </c>
      <c r="AP23" s="76">
        <v>2.1</v>
      </c>
      <c r="AQ23" s="76">
        <v>2.9</v>
      </c>
      <c r="AR23" s="76">
        <v>2.9</v>
      </c>
      <c r="AS23" s="76">
        <v>1.71</v>
      </c>
      <c r="AT23" s="76">
        <v>2.63</v>
      </c>
      <c r="AU23" s="76">
        <v>2.97</v>
      </c>
      <c r="AV23" s="76">
        <v>4.1100000000000003</v>
      </c>
      <c r="AW23" s="76">
        <v>3.11</v>
      </c>
      <c r="AX23" s="76">
        <v>3</v>
      </c>
      <c r="AY23" s="76">
        <v>2.8</v>
      </c>
      <c r="AZ23" s="76">
        <v>1.93</v>
      </c>
      <c r="BA23" s="76">
        <v>3.01</v>
      </c>
      <c r="BB23" s="76">
        <v>2.65</v>
      </c>
      <c r="BC23" s="76">
        <v>2.4500000000000002</v>
      </c>
      <c r="BD23" s="76">
        <v>2.98</v>
      </c>
      <c r="BE23" s="17"/>
    </row>
    <row r="24" spans="3:57" x14ac:dyDescent="0.2">
      <c r="C24" s="5" t="s">
        <v>67</v>
      </c>
      <c r="D24" s="6" t="s">
        <v>58</v>
      </c>
      <c r="E24" s="76">
        <v>5.48</v>
      </c>
      <c r="F24" s="76">
        <v>5.78</v>
      </c>
      <c r="G24" s="17">
        <v>5.31</v>
      </c>
      <c r="H24" s="76">
        <v>4.63</v>
      </c>
      <c r="I24" s="8">
        <v>4.7</v>
      </c>
      <c r="J24" s="76">
        <v>4.8</v>
      </c>
      <c r="K24" s="76">
        <v>4.3499999999999996</v>
      </c>
      <c r="L24" s="76">
        <v>5.0199999999999996</v>
      </c>
      <c r="M24" s="76">
        <v>5.36</v>
      </c>
      <c r="N24" s="76">
        <v>6.5</v>
      </c>
      <c r="O24" s="76">
        <v>5.99</v>
      </c>
      <c r="P24" s="76">
        <v>4.99</v>
      </c>
      <c r="Q24" s="76">
        <v>3.87</v>
      </c>
      <c r="R24" s="76">
        <v>3.35</v>
      </c>
      <c r="S24" s="76">
        <v>3.69</v>
      </c>
      <c r="T24" s="76">
        <v>4.51</v>
      </c>
      <c r="U24" s="76">
        <v>4.8499999999999996</v>
      </c>
      <c r="V24" s="76">
        <v>3.85</v>
      </c>
      <c r="W24" s="76">
        <v>3.44</v>
      </c>
      <c r="X24" s="76">
        <v>3.37</v>
      </c>
      <c r="Y24" s="8">
        <v>3.6</v>
      </c>
      <c r="Z24" s="8">
        <v>3.81</v>
      </c>
      <c r="AA24" s="76">
        <v>3.22</v>
      </c>
      <c r="AB24" s="76">
        <v>3.37</v>
      </c>
      <c r="AC24" s="8">
        <v>3.79</v>
      </c>
      <c r="AD24" s="8">
        <v>3.76</v>
      </c>
      <c r="AE24" s="76">
        <v>3.88</v>
      </c>
      <c r="AF24" s="76">
        <v>4.09</v>
      </c>
      <c r="AG24" s="76">
        <v>3.71</v>
      </c>
      <c r="AH24" s="76">
        <v>3.53</v>
      </c>
      <c r="AI24" s="8">
        <v>3.88</v>
      </c>
      <c r="AJ24" s="8">
        <v>5.5</v>
      </c>
      <c r="AK24" s="76">
        <v>3.11</v>
      </c>
      <c r="AL24" s="8">
        <v>4.1500000000000004</v>
      </c>
      <c r="AM24" s="8">
        <v>4.04</v>
      </c>
      <c r="AN24" s="8">
        <v>4.78</v>
      </c>
      <c r="AO24" s="8">
        <v>4.04</v>
      </c>
      <c r="AP24" s="76">
        <v>3.88</v>
      </c>
      <c r="AQ24" s="76">
        <v>4.68</v>
      </c>
      <c r="AR24" s="76">
        <v>5.1100000000000003</v>
      </c>
      <c r="AS24" s="76">
        <v>4.6500000000000004</v>
      </c>
      <c r="AT24" s="76">
        <v>4.78</v>
      </c>
      <c r="AU24" s="76">
        <v>5.08</v>
      </c>
      <c r="AV24" s="76">
        <v>4.63</v>
      </c>
      <c r="AW24" s="76">
        <v>4.8899999999999997</v>
      </c>
      <c r="AX24" s="76">
        <v>4.51</v>
      </c>
      <c r="AY24" s="76">
        <v>4.8600000000000003</v>
      </c>
      <c r="AZ24" s="76">
        <v>4.8600000000000003</v>
      </c>
      <c r="BA24" s="76">
        <v>6.56</v>
      </c>
      <c r="BB24" s="76">
        <v>5.15</v>
      </c>
      <c r="BC24" s="76">
        <v>5.68</v>
      </c>
      <c r="BD24" s="76">
        <v>5.68</v>
      </c>
      <c r="BE24" s="17"/>
    </row>
    <row r="25" spans="3:57" x14ac:dyDescent="0.2">
      <c r="C25" s="5" t="s">
        <v>68</v>
      </c>
      <c r="D25" s="6" t="s">
        <v>58</v>
      </c>
      <c r="E25" s="76">
        <v>1.22</v>
      </c>
      <c r="F25" s="76">
        <v>0.57999999999999996</v>
      </c>
      <c r="G25" s="17">
        <v>1.36</v>
      </c>
      <c r="H25" s="76">
        <v>1.28</v>
      </c>
      <c r="I25" s="8">
        <v>1.2</v>
      </c>
      <c r="J25" s="76">
        <v>1.72</v>
      </c>
      <c r="K25" s="76">
        <v>1.81</v>
      </c>
      <c r="L25" s="76">
        <v>1.1499999999999999</v>
      </c>
      <c r="M25" s="76">
        <v>1.97</v>
      </c>
      <c r="N25" s="76">
        <v>1.27</v>
      </c>
      <c r="O25" s="76">
        <v>1.18</v>
      </c>
      <c r="P25" s="76">
        <v>1</v>
      </c>
      <c r="Q25" s="76">
        <v>1.24</v>
      </c>
      <c r="R25" s="76">
        <v>1.1299999999999999</v>
      </c>
      <c r="S25" s="76">
        <v>1.03</v>
      </c>
      <c r="T25" s="76">
        <v>0.95</v>
      </c>
      <c r="U25" s="76">
        <v>1.0900000000000001</v>
      </c>
      <c r="V25" s="76">
        <v>1.04</v>
      </c>
      <c r="W25" s="76">
        <v>0.68</v>
      </c>
      <c r="X25" s="76">
        <v>0.6</v>
      </c>
      <c r="Y25" s="8">
        <v>0.76</v>
      </c>
      <c r="Z25" s="8">
        <v>0.57999999999999996</v>
      </c>
      <c r="AA25" s="76">
        <v>0.71</v>
      </c>
      <c r="AB25" s="76">
        <v>1.19</v>
      </c>
      <c r="AC25" s="8">
        <v>1.32</v>
      </c>
      <c r="AD25" s="8">
        <v>0.51</v>
      </c>
      <c r="AE25" s="76">
        <v>0.54</v>
      </c>
      <c r="AF25" s="76">
        <v>0.64</v>
      </c>
      <c r="AG25" s="76">
        <v>1.18</v>
      </c>
      <c r="AH25" s="76">
        <v>0.74</v>
      </c>
      <c r="AI25" s="8">
        <v>1.27</v>
      </c>
      <c r="AJ25" s="8">
        <v>0.89</v>
      </c>
      <c r="AK25" s="76">
        <v>0.73</v>
      </c>
      <c r="AL25" s="8">
        <v>0.78</v>
      </c>
      <c r="AM25" s="8">
        <v>0.76</v>
      </c>
      <c r="AN25" s="8">
        <v>0.79</v>
      </c>
      <c r="AO25" s="8">
        <v>0.74</v>
      </c>
      <c r="AP25" s="76">
        <v>0.76</v>
      </c>
      <c r="AQ25" s="76">
        <v>0.73</v>
      </c>
      <c r="AR25" s="76">
        <v>0.76</v>
      </c>
      <c r="AS25" s="76">
        <v>0.8</v>
      </c>
      <c r="AT25" s="76">
        <v>0.65</v>
      </c>
      <c r="AU25" s="76">
        <v>0.67</v>
      </c>
      <c r="AV25" s="76">
        <v>0.81</v>
      </c>
      <c r="AW25" s="76">
        <v>0.89</v>
      </c>
      <c r="AX25" s="76">
        <v>0.8</v>
      </c>
      <c r="AY25" s="76">
        <v>0.81</v>
      </c>
      <c r="AZ25" s="76">
        <v>0.87</v>
      </c>
      <c r="BA25" s="76">
        <v>1.1599999999999999</v>
      </c>
      <c r="BB25" s="76">
        <v>0.83</v>
      </c>
      <c r="BC25" s="76">
        <v>0.97</v>
      </c>
      <c r="BD25" s="76">
        <v>0.97</v>
      </c>
      <c r="BE25" s="17"/>
    </row>
    <row r="26" spans="3:57" x14ac:dyDescent="0.2">
      <c r="C26" s="5" t="s">
        <v>69</v>
      </c>
      <c r="D26" s="6" t="s">
        <v>58</v>
      </c>
      <c r="E26" s="76">
        <v>2</v>
      </c>
      <c r="F26" s="76">
        <v>1.7</v>
      </c>
      <c r="G26" s="17">
        <v>2</v>
      </c>
      <c r="H26" s="76">
        <v>1.6</v>
      </c>
      <c r="I26" s="8">
        <v>1.8</v>
      </c>
      <c r="J26" s="76">
        <v>1.5</v>
      </c>
      <c r="K26" s="76">
        <v>1.01</v>
      </c>
      <c r="L26" s="76">
        <v>1</v>
      </c>
      <c r="M26" s="76">
        <v>1.6</v>
      </c>
      <c r="N26" s="76">
        <v>1.74</v>
      </c>
      <c r="O26" s="76">
        <v>1.95</v>
      </c>
      <c r="P26" s="76">
        <v>2.2999999999999998</v>
      </c>
      <c r="Q26" s="76">
        <v>1.46</v>
      </c>
      <c r="R26" s="76">
        <v>1.76</v>
      </c>
      <c r="S26" s="76">
        <v>2.02</v>
      </c>
      <c r="T26" s="76">
        <v>1</v>
      </c>
      <c r="U26" s="76">
        <v>1.27</v>
      </c>
      <c r="V26" s="76">
        <v>1.5</v>
      </c>
      <c r="W26" s="76">
        <v>1.5</v>
      </c>
      <c r="X26" s="76">
        <v>1.1299999999999999</v>
      </c>
      <c r="Y26" s="8">
        <v>1.7</v>
      </c>
      <c r="Z26" s="8">
        <v>1.52</v>
      </c>
      <c r="AA26" s="76">
        <v>1.28</v>
      </c>
      <c r="AB26" s="76">
        <v>1.32</v>
      </c>
      <c r="AC26" s="8">
        <v>1.4</v>
      </c>
      <c r="AD26" s="8">
        <v>1.24</v>
      </c>
      <c r="AE26" s="76">
        <v>1.5</v>
      </c>
      <c r="AF26" s="76">
        <v>1.5</v>
      </c>
      <c r="AG26" s="76">
        <v>1.7</v>
      </c>
      <c r="AH26" s="76">
        <v>1.7</v>
      </c>
      <c r="AI26" s="8">
        <v>2.2000000000000002</v>
      </c>
      <c r="AJ26" s="8">
        <v>2</v>
      </c>
      <c r="AK26" s="76">
        <v>1.7</v>
      </c>
      <c r="AL26" s="8">
        <v>1.8</v>
      </c>
      <c r="AM26" s="8">
        <v>1.4</v>
      </c>
      <c r="AN26" s="8">
        <v>1.38</v>
      </c>
      <c r="AO26" s="8">
        <v>1.67</v>
      </c>
      <c r="AP26" s="76">
        <v>1.1100000000000001</v>
      </c>
      <c r="AQ26" s="76">
        <v>1.8</v>
      </c>
      <c r="AR26" s="76">
        <v>1.79</v>
      </c>
      <c r="AS26" s="76">
        <v>1.66</v>
      </c>
      <c r="AT26" s="76">
        <v>1.66</v>
      </c>
      <c r="AU26" s="76">
        <v>1.45</v>
      </c>
      <c r="AV26" s="76">
        <v>1.7</v>
      </c>
      <c r="AW26" s="76">
        <v>1.5</v>
      </c>
      <c r="AX26" s="76">
        <v>1.9</v>
      </c>
      <c r="AY26" s="76">
        <v>1.9</v>
      </c>
      <c r="AZ26" s="76">
        <v>1.76</v>
      </c>
      <c r="BA26" s="76">
        <v>2.1800000000000002</v>
      </c>
      <c r="BB26" s="76">
        <v>2.25</v>
      </c>
      <c r="BC26" s="76">
        <v>2.0499999999999998</v>
      </c>
      <c r="BD26" s="76">
        <v>2.0499999999999998</v>
      </c>
      <c r="BE26" s="17"/>
    </row>
    <row r="27" spans="3:57" x14ac:dyDescent="0.2">
      <c r="C27" s="5" t="s">
        <v>70</v>
      </c>
      <c r="D27" s="6" t="s">
        <v>58</v>
      </c>
      <c r="E27" s="76">
        <v>1.76</v>
      </c>
      <c r="F27" s="76">
        <v>1.22</v>
      </c>
      <c r="G27" s="17">
        <v>1.5</v>
      </c>
      <c r="H27" s="76">
        <v>0.99</v>
      </c>
      <c r="I27" s="8">
        <v>1.9</v>
      </c>
      <c r="J27" s="76">
        <v>2.2400000000000002</v>
      </c>
      <c r="K27" s="76">
        <v>2.0299999999999998</v>
      </c>
      <c r="L27" s="76">
        <v>1.1399999999999999</v>
      </c>
      <c r="M27" s="76">
        <v>1.22</v>
      </c>
      <c r="N27" s="76">
        <v>1.04</v>
      </c>
      <c r="O27" s="76">
        <v>1.01</v>
      </c>
      <c r="P27" s="76">
        <v>1.1200000000000001</v>
      </c>
      <c r="Q27" s="76">
        <v>1.03</v>
      </c>
      <c r="R27" s="76">
        <v>0.97</v>
      </c>
      <c r="S27" s="76">
        <v>1.59</v>
      </c>
      <c r="T27" s="76">
        <v>1.28</v>
      </c>
      <c r="U27" s="76">
        <v>1.53</v>
      </c>
      <c r="V27" s="76">
        <v>2.8</v>
      </c>
      <c r="W27" s="76">
        <v>2.5</v>
      </c>
      <c r="X27" s="76">
        <v>2</v>
      </c>
      <c r="Y27" s="8">
        <v>1.5</v>
      </c>
      <c r="Z27" s="8">
        <v>0.36</v>
      </c>
      <c r="AA27" s="76">
        <v>1.44</v>
      </c>
      <c r="AB27" s="76">
        <v>1.47</v>
      </c>
      <c r="AC27" s="8">
        <v>0.83</v>
      </c>
      <c r="AD27" s="8">
        <v>2.2400000000000002</v>
      </c>
      <c r="AE27" s="76">
        <v>1.77</v>
      </c>
      <c r="AF27" s="76">
        <v>2.08</v>
      </c>
      <c r="AG27" s="76">
        <v>0.62</v>
      </c>
      <c r="AH27" s="76">
        <v>1.1299999999999999</v>
      </c>
      <c r="AI27" s="8">
        <v>2.3199999999999998</v>
      </c>
      <c r="AJ27" s="8">
        <v>1.2</v>
      </c>
      <c r="AK27" s="76">
        <v>1.7</v>
      </c>
      <c r="AL27" s="8">
        <v>2.37</v>
      </c>
      <c r="AM27" s="8">
        <v>1.35</v>
      </c>
      <c r="AN27" s="8">
        <v>0.85</v>
      </c>
      <c r="AO27" s="8">
        <v>1.23</v>
      </c>
      <c r="AP27" s="76">
        <v>1.44</v>
      </c>
      <c r="AQ27" s="76">
        <v>0.95</v>
      </c>
      <c r="AR27" s="76">
        <v>0.85</v>
      </c>
      <c r="AS27" s="76">
        <v>0.73</v>
      </c>
      <c r="AT27" s="76">
        <v>0.79</v>
      </c>
      <c r="AU27" s="76">
        <v>0.89</v>
      </c>
      <c r="AV27" s="76">
        <v>0.9</v>
      </c>
      <c r="AW27" s="76">
        <v>0.99</v>
      </c>
      <c r="AX27" s="76">
        <v>1.78</v>
      </c>
      <c r="AY27" s="76">
        <v>1.2</v>
      </c>
      <c r="AZ27" s="76">
        <v>1.93</v>
      </c>
      <c r="BA27" s="76">
        <v>1.46</v>
      </c>
      <c r="BB27" s="76">
        <v>1.59</v>
      </c>
      <c r="BC27" s="76">
        <v>1.96</v>
      </c>
      <c r="BD27" s="76">
        <v>2.5</v>
      </c>
      <c r="BE27" s="17"/>
    </row>
    <row r="28" spans="3:57" x14ac:dyDescent="0.2">
      <c r="C28" s="5" t="s">
        <v>101</v>
      </c>
      <c r="D28" s="6" t="s">
        <v>58</v>
      </c>
      <c r="E28" s="76">
        <v>2.95</v>
      </c>
      <c r="F28" s="76">
        <v>3.31</v>
      </c>
      <c r="G28" s="17">
        <v>3.39</v>
      </c>
      <c r="H28" s="76">
        <v>1.89</v>
      </c>
      <c r="I28" s="8">
        <v>4.16</v>
      </c>
      <c r="J28" s="76">
        <v>5.16</v>
      </c>
      <c r="K28" s="76">
        <v>1.79</v>
      </c>
      <c r="L28" s="76">
        <v>2.85</v>
      </c>
      <c r="M28" s="76">
        <v>4.25</v>
      </c>
      <c r="N28" s="76">
        <v>3.99</v>
      </c>
      <c r="O28" s="76">
        <v>3.85</v>
      </c>
      <c r="P28" s="76">
        <v>3.46</v>
      </c>
      <c r="Q28" s="76">
        <v>2.81</v>
      </c>
      <c r="R28" s="76">
        <v>4.7</v>
      </c>
      <c r="S28" s="76">
        <v>5.0999999999999996</v>
      </c>
      <c r="T28" s="76">
        <v>5.03</v>
      </c>
      <c r="U28" s="76">
        <v>6.3</v>
      </c>
      <c r="V28" s="76">
        <v>2.65</v>
      </c>
      <c r="W28" s="76">
        <v>5.87</v>
      </c>
      <c r="X28" s="76">
        <v>3.96</v>
      </c>
      <c r="Y28" s="8">
        <v>4.8</v>
      </c>
      <c r="Z28" s="8">
        <v>1.82</v>
      </c>
      <c r="AA28" s="76">
        <v>2.63</v>
      </c>
      <c r="AB28" s="76">
        <v>2.36</v>
      </c>
      <c r="AC28" s="8">
        <v>6.35</v>
      </c>
      <c r="AD28" s="8">
        <v>4.83</v>
      </c>
      <c r="AE28" s="76">
        <v>4.5199999999999996</v>
      </c>
      <c r="AF28" s="76">
        <v>4.29</v>
      </c>
      <c r="AG28" s="76">
        <v>3.99</v>
      </c>
      <c r="AH28" s="76">
        <v>4.21</v>
      </c>
      <c r="AI28" s="8">
        <v>3.95</v>
      </c>
      <c r="AJ28" s="8">
        <v>3.78</v>
      </c>
      <c r="AK28" s="76">
        <v>4.6100000000000003</v>
      </c>
      <c r="AL28" s="8">
        <v>3.96</v>
      </c>
      <c r="AM28" s="8">
        <v>2.99</v>
      </c>
      <c r="AN28" s="8">
        <v>3.33</v>
      </c>
      <c r="AO28" s="8">
        <v>3.69</v>
      </c>
      <c r="AP28" s="76">
        <v>2.97</v>
      </c>
      <c r="AQ28" s="76">
        <v>2.96</v>
      </c>
      <c r="AR28" s="76">
        <v>3.44</v>
      </c>
      <c r="AS28" s="76">
        <v>2.87</v>
      </c>
      <c r="AT28" s="76">
        <v>2.63</v>
      </c>
      <c r="AU28" s="76">
        <v>4.66</v>
      </c>
      <c r="AV28" s="76">
        <v>5.35</v>
      </c>
      <c r="AW28" s="76">
        <v>2.41</v>
      </c>
      <c r="AX28" s="76">
        <v>1.63</v>
      </c>
      <c r="AY28" s="76">
        <v>1.1399999999999999</v>
      </c>
      <c r="AZ28" s="76">
        <v>2.7</v>
      </c>
      <c r="BA28" s="76">
        <v>2.85</v>
      </c>
      <c r="BB28" s="76">
        <v>1.23</v>
      </c>
      <c r="BC28" s="76">
        <v>1.26</v>
      </c>
      <c r="BD28" s="76">
        <v>1.51</v>
      </c>
      <c r="BE28" s="17"/>
    </row>
    <row r="29" spans="3:57" x14ac:dyDescent="0.2">
      <c r="C29" s="5" t="s">
        <v>71</v>
      </c>
      <c r="D29" s="6" t="s">
        <v>58</v>
      </c>
      <c r="E29" s="76">
        <v>2.2000000000000002</v>
      </c>
      <c r="F29" s="76">
        <v>2.2000000000000002</v>
      </c>
      <c r="G29" s="17">
        <v>2.2000000000000002</v>
      </c>
      <c r="H29" s="76">
        <v>2.2000000000000002</v>
      </c>
      <c r="I29" s="8">
        <v>2.2999999999999998</v>
      </c>
      <c r="J29" s="76">
        <v>2.2000000000000002</v>
      </c>
      <c r="K29" s="76">
        <v>2.2000000000000002</v>
      </c>
      <c r="L29" s="76">
        <v>2.2000000000000002</v>
      </c>
      <c r="M29" s="76">
        <v>2.2000000000000002</v>
      </c>
      <c r="N29" s="76">
        <v>2.2000000000000002</v>
      </c>
      <c r="O29" s="76">
        <v>2.2000000000000002</v>
      </c>
      <c r="P29" s="76">
        <v>2.2000000000000002</v>
      </c>
      <c r="Q29" s="76">
        <v>2.2000000000000002</v>
      </c>
      <c r="R29" s="76">
        <v>2.2000000000000002</v>
      </c>
      <c r="S29" s="76">
        <v>2.2000000000000002</v>
      </c>
      <c r="T29" s="76">
        <v>2.2000000000000002</v>
      </c>
      <c r="U29" s="76">
        <v>2.2000000000000002</v>
      </c>
      <c r="V29" s="76">
        <v>2.2000000000000002</v>
      </c>
      <c r="W29" s="76">
        <v>2.2000000000000002</v>
      </c>
      <c r="X29" s="76">
        <v>2.2000000000000002</v>
      </c>
      <c r="Y29" s="8">
        <v>2.2000000000000002</v>
      </c>
      <c r="Z29" s="8">
        <v>2.2000000000000002</v>
      </c>
      <c r="AA29" s="76">
        <v>2.1</v>
      </c>
      <c r="AB29" s="76">
        <v>2.1</v>
      </c>
      <c r="AC29" s="8">
        <v>2.15</v>
      </c>
      <c r="AD29" s="8">
        <v>2.15</v>
      </c>
      <c r="AE29" s="76">
        <v>2.15</v>
      </c>
      <c r="AF29" s="76">
        <v>2.15</v>
      </c>
      <c r="AG29" s="76">
        <v>2.15</v>
      </c>
      <c r="AH29" s="76">
        <v>2.15</v>
      </c>
      <c r="AI29" s="8">
        <v>2.15</v>
      </c>
      <c r="AJ29" s="8">
        <v>2.25</v>
      </c>
      <c r="AK29" s="76">
        <v>2.25</v>
      </c>
      <c r="AL29" s="8">
        <v>2.25</v>
      </c>
      <c r="AM29" s="8">
        <v>2.25</v>
      </c>
      <c r="AN29" s="8">
        <v>2.2000000000000002</v>
      </c>
      <c r="AO29" s="8">
        <v>2.2000000000000002</v>
      </c>
      <c r="AP29" s="76">
        <v>2.2000000000000002</v>
      </c>
      <c r="AQ29" s="76">
        <v>2.2000000000000002</v>
      </c>
      <c r="AR29" s="76">
        <v>2.2000000000000002</v>
      </c>
      <c r="AS29" s="76">
        <v>2.2000000000000002</v>
      </c>
      <c r="AT29" s="76">
        <v>2.2999999999999998</v>
      </c>
      <c r="AU29" s="76">
        <v>2.25</v>
      </c>
      <c r="AV29" s="76">
        <v>2.25</v>
      </c>
      <c r="AW29" s="76">
        <v>2.25</v>
      </c>
      <c r="AX29" s="76">
        <v>2.25</v>
      </c>
      <c r="AY29" s="76">
        <v>2.25</v>
      </c>
      <c r="AZ29" s="76">
        <v>2.2000000000000002</v>
      </c>
      <c r="BA29" s="76">
        <v>2.2000000000000002</v>
      </c>
      <c r="BB29" s="76">
        <v>2.2000000000000002</v>
      </c>
      <c r="BC29" s="76">
        <v>2.2000000000000002</v>
      </c>
      <c r="BD29" s="76">
        <v>2.1800000000000002</v>
      </c>
      <c r="BE29" s="17"/>
    </row>
    <row r="30" spans="3:57" x14ac:dyDescent="0.2">
      <c r="C30" s="5" t="s">
        <v>102</v>
      </c>
      <c r="D30" s="6" t="s">
        <v>58</v>
      </c>
      <c r="E30" s="76">
        <v>4.32</v>
      </c>
      <c r="F30" s="76">
        <v>4.33</v>
      </c>
      <c r="G30" s="17">
        <v>4.3</v>
      </c>
      <c r="H30" s="76">
        <v>4.33</v>
      </c>
      <c r="I30" s="8">
        <v>4.3099999999999996</v>
      </c>
      <c r="J30" s="76">
        <v>4.22</v>
      </c>
      <c r="K30" s="76">
        <v>4.2300000000000004</v>
      </c>
      <c r="L30" s="76">
        <v>4.2300000000000004</v>
      </c>
      <c r="M30" s="76">
        <v>4.2300000000000004</v>
      </c>
      <c r="N30" s="76">
        <v>4.3</v>
      </c>
      <c r="O30" s="76">
        <v>4.28</v>
      </c>
      <c r="P30" s="76">
        <v>4.42</v>
      </c>
      <c r="Q30" s="76">
        <v>4.45</v>
      </c>
      <c r="R30" s="76">
        <v>4.6900000000000004</v>
      </c>
      <c r="S30" s="76">
        <v>4.8</v>
      </c>
      <c r="T30" s="76">
        <v>4.82</v>
      </c>
      <c r="U30" s="76">
        <v>5.07</v>
      </c>
      <c r="V30" s="76">
        <v>5.07</v>
      </c>
      <c r="W30" s="76">
        <v>5.39</v>
      </c>
      <c r="X30" s="76">
        <v>4.55</v>
      </c>
      <c r="Y30" s="8">
        <v>4.55</v>
      </c>
      <c r="Z30" s="8">
        <v>4.62</v>
      </c>
      <c r="AA30" s="76">
        <v>4.66</v>
      </c>
      <c r="AB30" s="76">
        <v>4.6500000000000004</v>
      </c>
      <c r="AC30" s="8">
        <v>4.67</v>
      </c>
      <c r="AD30" s="8">
        <v>4.6100000000000003</v>
      </c>
      <c r="AE30" s="76">
        <v>4.6500000000000004</v>
      </c>
      <c r="AF30" s="76">
        <v>4.72</v>
      </c>
      <c r="AG30" s="76">
        <v>4.71</v>
      </c>
      <c r="AH30" s="76">
        <v>4.71</v>
      </c>
      <c r="AI30" s="8">
        <v>4.68</v>
      </c>
      <c r="AJ30" s="8">
        <v>4.49</v>
      </c>
      <c r="AK30" s="76">
        <v>4.42</v>
      </c>
      <c r="AL30" s="8">
        <v>4.3099999999999996</v>
      </c>
      <c r="AM30" s="8">
        <v>4.32</v>
      </c>
      <c r="AN30" s="8">
        <v>4.32</v>
      </c>
      <c r="AO30" s="8">
        <v>4.21</v>
      </c>
      <c r="AP30" s="76">
        <v>4.07</v>
      </c>
      <c r="AQ30" s="76">
        <v>4.0199999999999996</v>
      </c>
      <c r="AR30" s="76">
        <v>3.92</v>
      </c>
      <c r="AS30" s="76">
        <v>3.91</v>
      </c>
      <c r="AT30" s="76">
        <v>3.91</v>
      </c>
      <c r="AU30" s="76">
        <v>3.91</v>
      </c>
      <c r="AV30" s="76">
        <v>3.91</v>
      </c>
      <c r="AW30" s="76">
        <v>3.88</v>
      </c>
      <c r="AX30" s="76">
        <v>3.86</v>
      </c>
      <c r="AY30" s="76">
        <v>3.84</v>
      </c>
      <c r="AZ30" s="76">
        <v>3.73</v>
      </c>
      <c r="BA30" s="76">
        <v>3.73</v>
      </c>
      <c r="BB30" s="76">
        <v>3.76</v>
      </c>
      <c r="BC30" s="76">
        <v>3.77</v>
      </c>
      <c r="BD30" s="76">
        <v>3.77</v>
      </c>
      <c r="BE30" s="17"/>
    </row>
    <row r="31" spans="3:57" x14ac:dyDescent="0.2">
      <c r="C31" s="5" t="s">
        <v>72</v>
      </c>
      <c r="D31" s="6" t="s">
        <v>58</v>
      </c>
      <c r="E31" s="76">
        <v>3.48</v>
      </c>
      <c r="F31" s="76">
        <v>3.48</v>
      </c>
      <c r="G31" s="17">
        <v>3.75</v>
      </c>
      <c r="H31" s="76">
        <v>3.75</v>
      </c>
      <c r="I31" s="8">
        <v>3.75</v>
      </c>
      <c r="J31" s="76">
        <v>3.75</v>
      </c>
      <c r="K31" s="76">
        <v>3.75</v>
      </c>
      <c r="L31" s="76">
        <v>4.0599999999999996</v>
      </c>
      <c r="M31" s="76">
        <v>4.0599999999999996</v>
      </c>
      <c r="N31" s="76">
        <v>4.0599999999999996</v>
      </c>
      <c r="O31" s="76">
        <v>4.0599999999999996</v>
      </c>
      <c r="P31" s="76">
        <v>4.0599999999999996</v>
      </c>
      <c r="Q31" s="76">
        <v>4.0599999999999996</v>
      </c>
      <c r="R31" s="76">
        <v>4.0599999999999996</v>
      </c>
      <c r="S31" s="76">
        <v>4.0599999999999996</v>
      </c>
      <c r="T31" s="76">
        <v>4.0599999999999996</v>
      </c>
      <c r="U31" s="76">
        <v>5.07</v>
      </c>
      <c r="V31" s="76">
        <v>5.07</v>
      </c>
      <c r="W31" s="76">
        <v>5.07</v>
      </c>
      <c r="X31" s="76">
        <v>5.07</v>
      </c>
      <c r="Y31" s="8">
        <v>5.07</v>
      </c>
      <c r="Z31" s="8">
        <v>4.2</v>
      </c>
      <c r="AA31" s="76">
        <v>4.2</v>
      </c>
      <c r="AB31" s="76">
        <v>4.2</v>
      </c>
      <c r="AC31" s="8">
        <v>4.0999999999999996</v>
      </c>
      <c r="AD31" s="8">
        <v>4.0999999999999996</v>
      </c>
      <c r="AE31" s="76">
        <v>4.0999999999999996</v>
      </c>
      <c r="AF31" s="76">
        <v>4.0999999999999996</v>
      </c>
      <c r="AG31" s="76">
        <v>4.26</v>
      </c>
      <c r="AH31" s="76">
        <v>4.26</v>
      </c>
      <c r="AI31" s="8">
        <v>3.86</v>
      </c>
      <c r="AJ31" s="8">
        <v>3.86</v>
      </c>
      <c r="AK31" s="76">
        <v>3.86</v>
      </c>
      <c r="AL31" s="8">
        <v>3.86</v>
      </c>
      <c r="AM31" s="8">
        <v>3.86</v>
      </c>
      <c r="AN31" s="8">
        <v>3.86</v>
      </c>
      <c r="AO31" s="8">
        <v>3.86</v>
      </c>
      <c r="AP31" s="76">
        <v>3.86</v>
      </c>
      <c r="AQ31" s="76">
        <v>3.89</v>
      </c>
      <c r="AR31" s="76">
        <v>3.89</v>
      </c>
      <c r="AS31" s="76">
        <v>3.89</v>
      </c>
      <c r="AT31" s="76">
        <v>4.03</v>
      </c>
      <c r="AU31" s="76">
        <v>4.03</v>
      </c>
      <c r="AV31" s="76">
        <v>4.03</v>
      </c>
      <c r="AW31" s="76">
        <v>4.03</v>
      </c>
      <c r="AX31" s="76">
        <v>4.03</v>
      </c>
      <c r="AY31" s="76">
        <v>4.03</v>
      </c>
      <c r="AZ31" s="76">
        <v>3.97</v>
      </c>
      <c r="BA31" s="76">
        <v>3.97</v>
      </c>
      <c r="BB31" s="76">
        <v>3.97</v>
      </c>
      <c r="BC31" s="76">
        <v>3.74</v>
      </c>
      <c r="BD31" s="76">
        <v>3.74</v>
      </c>
      <c r="BE31" s="17"/>
    </row>
    <row r="32" spans="3:57" x14ac:dyDescent="0.2">
      <c r="C32" s="5" t="s">
        <v>73</v>
      </c>
      <c r="D32" s="6" t="s">
        <v>58</v>
      </c>
      <c r="E32" s="76">
        <v>2.2000000000000002</v>
      </c>
      <c r="F32" s="76">
        <v>1.89</v>
      </c>
      <c r="G32" s="17">
        <v>2.4</v>
      </c>
      <c r="H32" s="76">
        <v>2.21</v>
      </c>
      <c r="I32" s="8">
        <v>2.79</v>
      </c>
      <c r="J32" s="76">
        <v>4.8</v>
      </c>
      <c r="K32" s="76">
        <v>2.37</v>
      </c>
      <c r="L32" s="76">
        <v>1.58</v>
      </c>
      <c r="M32" s="76">
        <v>1.7</v>
      </c>
      <c r="N32" s="76">
        <v>1.7</v>
      </c>
      <c r="O32" s="76">
        <v>1.63</v>
      </c>
      <c r="P32" s="76">
        <v>1.75</v>
      </c>
      <c r="Q32" s="76">
        <v>2.5499999999999998</v>
      </c>
      <c r="R32" s="76">
        <v>2.17</v>
      </c>
      <c r="S32" s="76">
        <v>1.44</v>
      </c>
      <c r="T32" s="76">
        <v>1.28</v>
      </c>
      <c r="U32" s="76">
        <v>2</v>
      </c>
      <c r="V32" s="76">
        <v>2.6</v>
      </c>
      <c r="W32" s="76">
        <v>2.9</v>
      </c>
      <c r="X32" s="76">
        <v>3.1</v>
      </c>
      <c r="Y32" s="8">
        <v>3.3</v>
      </c>
      <c r="Z32" s="8">
        <v>3</v>
      </c>
      <c r="AA32" s="76">
        <v>3</v>
      </c>
      <c r="AB32" s="76">
        <v>2.85</v>
      </c>
      <c r="AC32" s="8">
        <v>2.85</v>
      </c>
      <c r="AD32" s="8">
        <v>1.1599999999999999</v>
      </c>
      <c r="AE32" s="76">
        <v>1.1599999999999999</v>
      </c>
      <c r="AF32" s="76">
        <v>1.26</v>
      </c>
      <c r="AG32" s="76">
        <v>2.44</v>
      </c>
      <c r="AH32" s="76">
        <v>2.6</v>
      </c>
      <c r="AI32" s="8">
        <v>2.19</v>
      </c>
      <c r="AJ32" s="8">
        <v>2.4300000000000002</v>
      </c>
      <c r="AK32" s="76">
        <v>2.33</v>
      </c>
      <c r="AL32" s="8">
        <v>2.37</v>
      </c>
      <c r="AM32" s="8">
        <v>2.33</v>
      </c>
      <c r="AN32" s="8">
        <v>2.33</v>
      </c>
      <c r="AO32" s="8">
        <v>2.7</v>
      </c>
      <c r="AP32" s="76">
        <v>3</v>
      </c>
      <c r="AQ32" s="76">
        <v>3.3</v>
      </c>
      <c r="AR32" s="76">
        <v>3.3</v>
      </c>
      <c r="AS32" s="76">
        <v>3.3</v>
      </c>
      <c r="AT32" s="76">
        <v>2.29</v>
      </c>
      <c r="AU32" s="76">
        <v>2.2999999999999998</v>
      </c>
      <c r="AV32" s="76">
        <v>2.5299999999999998</v>
      </c>
      <c r="AW32" s="76">
        <v>2.69</v>
      </c>
      <c r="AX32" s="76">
        <v>2.37</v>
      </c>
      <c r="AY32" s="76">
        <v>2.12</v>
      </c>
      <c r="AZ32" s="76">
        <v>2.3199999999999998</v>
      </c>
      <c r="BA32" s="76">
        <v>2.44</v>
      </c>
      <c r="BB32" s="76">
        <v>2</v>
      </c>
      <c r="BC32" s="76">
        <v>2.4</v>
      </c>
      <c r="BD32" s="76">
        <v>2.4</v>
      </c>
      <c r="BE32" s="17"/>
    </row>
    <row r="33" spans="3:57" x14ac:dyDescent="0.2">
      <c r="C33" s="5" t="s">
        <v>74</v>
      </c>
      <c r="D33" s="6" t="s">
        <v>58</v>
      </c>
      <c r="E33" s="76">
        <v>0.9</v>
      </c>
      <c r="F33" s="76">
        <v>0.9</v>
      </c>
      <c r="G33" s="17">
        <v>0.9</v>
      </c>
      <c r="H33" s="76">
        <v>0.9</v>
      </c>
      <c r="I33" s="8">
        <v>0.9</v>
      </c>
      <c r="J33" s="76">
        <v>0.9</v>
      </c>
      <c r="K33" s="76">
        <v>0.9</v>
      </c>
      <c r="L33" s="76">
        <v>0.9</v>
      </c>
      <c r="M33" s="76">
        <v>0.9</v>
      </c>
      <c r="N33" s="76">
        <v>0.9</v>
      </c>
      <c r="O33" s="76">
        <v>0.9</v>
      </c>
      <c r="P33" s="76">
        <v>0.9</v>
      </c>
      <c r="Q33" s="76">
        <v>0.9</v>
      </c>
      <c r="R33" s="76">
        <v>0.9</v>
      </c>
      <c r="S33" s="76">
        <v>0.9</v>
      </c>
      <c r="T33" s="76">
        <v>0.9</v>
      </c>
      <c r="U33" s="76">
        <v>0.9</v>
      </c>
      <c r="V33" s="76">
        <v>0.9</v>
      </c>
      <c r="W33" s="76">
        <v>0.9</v>
      </c>
      <c r="X33" s="76">
        <v>0.9</v>
      </c>
      <c r="Y33" s="8">
        <v>0.9</v>
      </c>
      <c r="Z33" s="8">
        <v>0.9</v>
      </c>
      <c r="AA33" s="76">
        <v>0.9</v>
      </c>
      <c r="AB33" s="76">
        <v>0.9</v>
      </c>
      <c r="AC33" s="8">
        <v>0.9</v>
      </c>
      <c r="AD33" s="8">
        <v>0.9</v>
      </c>
      <c r="AE33" s="76">
        <v>0.9</v>
      </c>
      <c r="AF33" s="76">
        <v>0.9</v>
      </c>
      <c r="AG33" s="76">
        <v>0.9</v>
      </c>
      <c r="AH33" s="76">
        <v>0.9</v>
      </c>
      <c r="AI33" s="8">
        <v>0.9</v>
      </c>
      <c r="AJ33" s="8">
        <v>0.9</v>
      </c>
      <c r="AK33" s="76">
        <v>0.9</v>
      </c>
      <c r="AL33" s="8">
        <v>0.9</v>
      </c>
      <c r="AM33" s="8">
        <v>0.9</v>
      </c>
      <c r="AN33" s="8">
        <v>0.9</v>
      </c>
      <c r="AO33" s="8">
        <v>0.7</v>
      </c>
      <c r="AP33" s="76">
        <v>0.7</v>
      </c>
      <c r="AQ33" s="76">
        <v>0.7</v>
      </c>
      <c r="AR33" s="76">
        <v>0.7</v>
      </c>
      <c r="AS33" s="76">
        <v>0.7</v>
      </c>
      <c r="AT33" s="76">
        <v>0.7</v>
      </c>
      <c r="AU33" s="76">
        <v>0.7</v>
      </c>
      <c r="AV33" s="76">
        <v>0.7</v>
      </c>
      <c r="AW33" s="76">
        <v>0.7</v>
      </c>
      <c r="AX33" s="76">
        <v>0.8</v>
      </c>
      <c r="AY33" s="76">
        <v>0.8</v>
      </c>
      <c r="AZ33" s="76">
        <v>0.8</v>
      </c>
      <c r="BA33" s="76">
        <v>0.8</v>
      </c>
      <c r="BB33" s="76">
        <v>0.8</v>
      </c>
      <c r="BC33" s="76">
        <v>0.8</v>
      </c>
      <c r="BD33" s="76">
        <v>0.8</v>
      </c>
      <c r="BE33" s="17"/>
    </row>
    <row r="34" spans="3:57" x14ac:dyDescent="0.2">
      <c r="C34" s="16" t="s">
        <v>78</v>
      </c>
      <c r="D34" s="6" t="s">
        <v>58</v>
      </c>
      <c r="E34" s="8">
        <v>9.2049999999999993E-2</v>
      </c>
      <c r="F34" s="8">
        <v>0.08</v>
      </c>
      <c r="G34" s="17">
        <v>7.0000000000000007E-2</v>
      </c>
      <c r="H34" s="8">
        <v>0.06</v>
      </c>
      <c r="I34" s="8">
        <v>0.06</v>
      </c>
      <c r="J34" s="8">
        <v>0.06</v>
      </c>
      <c r="K34" s="8">
        <v>0.06</v>
      </c>
      <c r="L34" s="8">
        <v>0.06</v>
      </c>
      <c r="M34" s="8">
        <v>0.15</v>
      </c>
      <c r="N34" s="8">
        <v>0.14000000000000001</v>
      </c>
      <c r="O34" s="8">
        <v>0.2</v>
      </c>
      <c r="P34" s="8">
        <v>0.22</v>
      </c>
      <c r="Q34" s="8">
        <v>0.24</v>
      </c>
      <c r="R34" s="8">
        <v>0.31</v>
      </c>
      <c r="S34" s="8">
        <v>0.48</v>
      </c>
      <c r="T34" s="8">
        <v>0.51</v>
      </c>
      <c r="U34" s="8">
        <v>0.51</v>
      </c>
      <c r="V34" s="8">
        <v>0.4</v>
      </c>
      <c r="W34" s="8">
        <v>0.4</v>
      </c>
      <c r="X34" s="8">
        <v>0.36</v>
      </c>
      <c r="Y34" s="8">
        <v>0.28000000000000003</v>
      </c>
      <c r="Z34" s="8">
        <v>0.28000000000000003</v>
      </c>
      <c r="AA34" s="8">
        <v>0.2</v>
      </c>
      <c r="AB34" s="8">
        <v>0.21</v>
      </c>
      <c r="AC34" s="8">
        <v>0.21</v>
      </c>
      <c r="AD34" s="8">
        <v>0.2</v>
      </c>
      <c r="AE34" s="8">
        <v>0.28000000000000003</v>
      </c>
      <c r="AF34" s="76">
        <v>0.32</v>
      </c>
      <c r="AG34" s="8">
        <v>0.31</v>
      </c>
      <c r="AH34" s="8">
        <v>0.28999999999999998</v>
      </c>
      <c r="AI34" s="8">
        <v>0.28999999999999998</v>
      </c>
      <c r="AJ34" s="8">
        <v>0.28999999999999998</v>
      </c>
      <c r="AK34" s="8">
        <v>0.28000000000000003</v>
      </c>
      <c r="AL34" s="8">
        <v>0.27</v>
      </c>
      <c r="AM34" s="8">
        <v>0.23</v>
      </c>
      <c r="AN34" s="8">
        <v>0.22</v>
      </c>
      <c r="AO34" s="8">
        <v>0.22</v>
      </c>
      <c r="AP34" s="68">
        <v>0.22</v>
      </c>
      <c r="AQ34" s="68">
        <v>0.22</v>
      </c>
      <c r="AR34" s="68">
        <v>0.19</v>
      </c>
      <c r="AS34" s="68">
        <v>0.2</v>
      </c>
      <c r="AT34" s="68">
        <v>0.19</v>
      </c>
      <c r="AU34" s="68">
        <v>0.2</v>
      </c>
      <c r="AV34" s="68">
        <v>0.2</v>
      </c>
      <c r="AW34" s="68">
        <v>0.21</v>
      </c>
      <c r="AX34" s="86">
        <v>0.23</v>
      </c>
      <c r="AY34" s="86">
        <v>0.24</v>
      </c>
      <c r="AZ34" s="86">
        <v>0.24</v>
      </c>
      <c r="BA34" s="86">
        <v>0.26</v>
      </c>
      <c r="BB34" s="86">
        <v>0.28000000000000003</v>
      </c>
      <c r="BC34" s="86">
        <v>0.28000000000000003</v>
      </c>
      <c r="BD34" s="86">
        <v>0.28999999999999998</v>
      </c>
      <c r="BE34" s="17"/>
    </row>
    <row r="35" spans="3:57" x14ac:dyDescent="0.2">
      <c r="C35" s="16" t="s">
        <v>79</v>
      </c>
      <c r="D35" s="6" t="s">
        <v>58</v>
      </c>
      <c r="E35" s="8">
        <v>0.44</v>
      </c>
      <c r="F35" s="8">
        <v>0.46</v>
      </c>
      <c r="G35" s="17">
        <v>0.47</v>
      </c>
      <c r="H35" s="8">
        <v>0.45</v>
      </c>
      <c r="I35" s="8">
        <v>0.42</v>
      </c>
      <c r="J35" s="8">
        <v>0.44</v>
      </c>
      <c r="K35" s="8">
        <v>0.45</v>
      </c>
      <c r="L35" s="8">
        <v>0.51</v>
      </c>
      <c r="M35" s="8">
        <v>0.59</v>
      </c>
      <c r="N35" s="8">
        <v>0.56999999999999995</v>
      </c>
      <c r="O35" s="8">
        <v>0.55000000000000004</v>
      </c>
      <c r="P35" s="8">
        <v>0.52</v>
      </c>
      <c r="Q35" s="8">
        <v>0.51</v>
      </c>
      <c r="R35" s="8">
        <v>0.53</v>
      </c>
      <c r="S35" s="8">
        <v>0.46</v>
      </c>
      <c r="T35" s="8">
        <v>0.45</v>
      </c>
      <c r="U35" s="8">
        <v>0.5</v>
      </c>
      <c r="V35" s="8">
        <v>0.47</v>
      </c>
      <c r="W35" s="8">
        <v>0.47</v>
      </c>
      <c r="X35" s="8">
        <v>0.52</v>
      </c>
      <c r="Y35" s="8">
        <v>0.54</v>
      </c>
      <c r="Z35" s="8">
        <v>0.57999999999999996</v>
      </c>
      <c r="AA35" s="8">
        <v>0.39</v>
      </c>
      <c r="AB35" s="8">
        <v>0.42</v>
      </c>
      <c r="AC35" s="8">
        <v>0.42</v>
      </c>
      <c r="AD35" s="8">
        <v>0.45</v>
      </c>
      <c r="AE35" s="8">
        <v>0.37</v>
      </c>
      <c r="AF35" s="76">
        <v>0.37</v>
      </c>
      <c r="AG35" s="8">
        <v>0.46</v>
      </c>
      <c r="AH35" s="8">
        <v>0.55000000000000004</v>
      </c>
      <c r="AI35" s="8">
        <v>0.4</v>
      </c>
      <c r="AJ35" s="8">
        <v>0.4</v>
      </c>
      <c r="AK35" s="8">
        <v>0.4</v>
      </c>
      <c r="AL35" s="8">
        <v>0.38</v>
      </c>
      <c r="AM35" s="8">
        <v>0.5</v>
      </c>
      <c r="AN35" s="8">
        <v>0.51</v>
      </c>
      <c r="AO35" s="8">
        <v>0.55000000000000004</v>
      </c>
      <c r="AP35" s="68">
        <v>0.48</v>
      </c>
      <c r="AQ35" s="68">
        <v>0.48</v>
      </c>
      <c r="AR35" s="68">
        <v>0.5</v>
      </c>
      <c r="AS35" s="68">
        <v>0.5</v>
      </c>
      <c r="AT35" s="68">
        <v>0.48</v>
      </c>
      <c r="AU35" s="68">
        <v>0.45</v>
      </c>
      <c r="AV35" s="68">
        <v>0.45</v>
      </c>
      <c r="AW35" s="68">
        <v>0.45</v>
      </c>
      <c r="AX35" s="86">
        <v>0.45</v>
      </c>
      <c r="AY35" s="86">
        <v>0.49</v>
      </c>
      <c r="AZ35" s="86">
        <v>0.5</v>
      </c>
      <c r="BA35" s="86">
        <v>0.52</v>
      </c>
      <c r="BB35" s="86">
        <v>0.65</v>
      </c>
      <c r="BC35" s="86">
        <v>0.57999999999999996</v>
      </c>
      <c r="BD35" s="86">
        <v>0.55000000000000004</v>
      </c>
      <c r="BE35" s="17"/>
    </row>
    <row r="36" spans="3:57" x14ac:dyDescent="0.2">
      <c r="C36" s="16" t="s">
        <v>80</v>
      </c>
      <c r="D36" s="6" t="s">
        <v>58</v>
      </c>
      <c r="E36" s="8">
        <v>0.35</v>
      </c>
      <c r="F36" s="8">
        <v>1.03</v>
      </c>
      <c r="G36" s="17">
        <v>1.38</v>
      </c>
      <c r="H36" s="8">
        <v>1.28</v>
      </c>
      <c r="I36" s="8">
        <v>1.1200000000000001</v>
      </c>
      <c r="J36" s="8">
        <v>1.06</v>
      </c>
      <c r="K36" s="8">
        <v>0.88</v>
      </c>
      <c r="L36" s="8">
        <v>0.87</v>
      </c>
      <c r="M36" s="8">
        <v>0.43</v>
      </c>
      <c r="N36" s="8">
        <v>0.44</v>
      </c>
      <c r="O36" s="8">
        <v>0.54</v>
      </c>
      <c r="P36" s="8">
        <v>0.39</v>
      </c>
      <c r="Q36" s="8">
        <v>0.38</v>
      </c>
      <c r="R36" s="8">
        <v>0.31</v>
      </c>
      <c r="S36" s="8">
        <v>0.21</v>
      </c>
      <c r="T36" s="8">
        <v>0.26</v>
      </c>
      <c r="U36" s="8">
        <v>0.2</v>
      </c>
      <c r="V36" s="8">
        <v>0.22</v>
      </c>
      <c r="W36" s="8">
        <v>0.22</v>
      </c>
      <c r="X36" s="8">
        <v>0.17</v>
      </c>
      <c r="Y36" s="8">
        <v>0.18</v>
      </c>
      <c r="Z36" s="8">
        <v>0.18</v>
      </c>
      <c r="AA36" s="8">
        <v>0.24</v>
      </c>
      <c r="AB36" s="8">
        <v>0.26</v>
      </c>
      <c r="AC36" s="8">
        <v>0.23</v>
      </c>
      <c r="AD36" s="8">
        <v>0.22</v>
      </c>
      <c r="AE36" s="8">
        <v>0.25</v>
      </c>
      <c r="AF36" s="76">
        <v>0.28999999999999998</v>
      </c>
      <c r="AG36" s="8">
        <v>0.28000000000000003</v>
      </c>
      <c r="AH36" s="8">
        <v>0.28000000000000003</v>
      </c>
      <c r="AI36" s="8">
        <v>0.34</v>
      </c>
      <c r="AJ36" s="8">
        <v>0.37</v>
      </c>
      <c r="AK36" s="8">
        <v>0.33</v>
      </c>
      <c r="AL36" s="8">
        <v>0.32</v>
      </c>
      <c r="AM36" s="8">
        <v>0.3</v>
      </c>
      <c r="AN36" s="8">
        <v>0.15</v>
      </c>
      <c r="AO36" s="8">
        <v>0.12</v>
      </c>
      <c r="AP36" s="68">
        <v>0.37</v>
      </c>
      <c r="AQ36" s="68">
        <v>0.39</v>
      </c>
      <c r="AR36" s="68">
        <v>0.49</v>
      </c>
      <c r="AS36" s="68">
        <v>0.38</v>
      </c>
      <c r="AT36" s="68">
        <v>0.33</v>
      </c>
      <c r="AU36" s="68">
        <v>0.21</v>
      </c>
      <c r="AV36" s="68">
        <v>0.27</v>
      </c>
      <c r="AW36" s="68">
        <v>0.56999999999999995</v>
      </c>
      <c r="AX36" s="86">
        <v>0.69</v>
      </c>
      <c r="AY36" s="86">
        <v>0.94</v>
      </c>
      <c r="AZ36" s="86">
        <v>1.06</v>
      </c>
      <c r="BA36" s="86">
        <v>1.63</v>
      </c>
      <c r="BB36" s="86">
        <v>1.43</v>
      </c>
      <c r="BC36" s="86">
        <v>1.06</v>
      </c>
      <c r="BD36" s="86">
        <v>0.55000000000000004</v>
      </c>
      <c r="BE36" s="17"/>
    </row>
    <row r="37" spans="3:57" x14ac:dyDescent="0.2">
      <c r="C37" s="16" t="s">
        <v>81</v>
      </c>
      <c r="D37" s="6" t="s">
        <v>58</v>
      </c>
      <c r="E37" s="76">
        <v>0.06</v>
      </c>
      <c r="F37" s="76">
        <v>0.06</v>
      </c>
      <c r="G37" s="17">
        <v>0.06</v>
      </c>
      <c r="H37" s="76">
        <v>0.05</v>
      </c>
      <c r="I37" s="8">
        <v>0.05</v>
      </c>
      <c r="J37" s="76">
        <v>0.05</v>
      </c>
      <c r="K37" s="76">
        <v>0.05</v>
      </c>
      <c r="L37" s="76">
        <v>0.05</v>
      </c>
      <c r="M37" s="76">
        <v>7.0000000000000007E-2</v>
      </c>
      <c r="N37" s="76">
        <v>7.0000000000000007E-2</v>
      </c>
      <c r="O37" s="76">
        <v>7.0000000000000007E-2</v>
      </c>
      <c r="P37" s="76">
        <v>0.08</v>
      </c>
      <c r="Q37" s="76">
        <v>7.0000000000000007E-2</v>
      </c>
      <c r="R37" s="76">
        <v>7.0000000000000007E-2</v>
      </c>
      <c r="S37" s="76">
        <v>7.0000000000000007E-2</v>
      </c>
      <c r="T37" s="76">
        <v>7.0000000000000007E-2</v>
      </c>
      <c r="U37" s="76">
        <v>0.06</v>
      </c>
      <c r="V37" s="76" t="s">
        <v>90</v>
      </c>
      <c r="W37" s="8" t="s">
        <v>90</v>
      </c>
      <c r="X37" s="8" t="s">
        <v>90</v>
      </c>
      <c r="Y37" s="8" t="s">
        <v>90</v>
      </c>
      <c r="Z37" s="8" t="s">
        <v>90</v>
      </c>
      <c r="AA37" s="8" t="s">
        <v>90</v>
      </c>
      <c r="AB37" s="8" t="s">
        <v>90</v>
      </c>
      <c r="AC37" s="8" t="s">
        <v>90</v>
      </c>
      <c r="AD37" s="8" t="s">
        <v>90</v>
      </c>
      <c r="AE37" s="8">
        <v>0.21</v>
      </c>
      <c r="AF37" s="76">
        <v>0.21</v>
      </c>
      <c r="AG37" s="8">
        <v>0.22</v>
      </c>
      <c r="AH37" s="8">
        <v>0.22</v>
      </c>
      <c r="AI37" s="8">
        <v>0.14000000000000001</v>
      </c>
      <c r="AJ37" s="8">
        <v>0.15</v>
      </c>
      <c r="AK37" s="8">
        <v>0.17</v>
      </c>
      <c r="AL37" s="8">
        <v>0.17</v>
      </c>
      <c r="AM37" s="8">
        <v>0.17</v>
      </c>
      <c r="AN37" s="8">
        <v>0.11</v>
      </c>
      <c r="AO37" s="8">
        <v>0.13</v>
      </c>
      <c r="AP37" s="68">
        <v>0.17</v>
      </c>
      <c r="AQ37" s="68">
        <v>0.18</v>
      </c>
      <c r="AR37" s="68">
        <v>0.2</v>
      </c>
      <c r="AS37" s="68">
        <v>0.2</v>
      </c>
      <c r="AT37" s="68">
        <v>0.2</v>
      </c>
      <c r="AU37" s="68">
        <v>0.21</v>
      </c>
      <c r="AV37" s="68">
        <v>0.19</v>
      </c>
      <c r="AW37" s="68">
        <v>0.19</v>
      </c>
      <c r="AX37" s="86">
        <v>0.18</v>
      </c>
      <c r="AY37" s="86">
        <v>0.18</v>
      </c>
      <c r="AZ37" s="86">
        <v>0.19</v>
      </c>
      <c r="BA37" s="86">
        <v>0.17</v>
      </c>
      <c r="BB37" s="86">
        <v>0.17</v>
      </c>
      <c r="BC37" s="86">
        <v>0.17</v>
      </c>
      <c r="BD37" s="86">
        <v>0.17</v>
      </c>
      <c r="BE37" s="17"/>
    </row>
    <row r="38" spans="3:57" x14ac:dyDescent="0.2">
      <c r="C38" s="16" t="s">
        <v>82</v>
      </c>
      <c r="D38" s="6" t="s">
        <v>58</v>
      </c>
      <c r="E38" s="8">
        <v>1.55</v>
      </c>
      <c r="F38" s="8">
        <v>2.14</v>
      </c>
      <c r="G38" s="17">
        <v>2.5099999999999998</v>
      </c>
      <c r="H38" s="8">
        <v>2.3199999999999998</v>
      </c>
      <c r="I38" s="8">
        <v>2.27</v>
      </c>
      <c r="J38" s="8">
        <v>2.68</v>
      </c>
      <c r="K38" s="8">
        <v>3.01</v>
      </c>
      <c r="L38" s="8">
        <v>3.1</v>
      </c>
      <c r="M38" s="8">
        <v>3.02</v>
      </c>
      <c r="N38" s="8">
        <v>3.01</v>
      </c>
      <c r="O38" s="8">
        <v>3.1</v>
      </c>
      <c r="P38" s="8">
        <v>3.01</v>
      </c>
      <c r="Q38" s="8">
        <v>2.4500000000000002</v>
      </c>
      <c r="R38" s="8">
        <v>1.85</v>
      </c>
      <c r="S38" s="8">
        <v>1.59</v>
      </c>
      <c r="T38" s="8">
        <v>1.51</v>
      </c>
      <c r="U38" s="8">
        <v>1.72</v>
      </c>
      <c r="V38" s="8">
        <v>1.5</v>
      </c>
      <c r="W38" s="8">
        <v>1.38</v>
      </c>
      <c r="X38" s="8">
        <v>0.97</v>
      </c>
      <c r="Y38" s="8">
        <v>0.94</v>
      </c>
      <c r="Z38" s="8">
        <v>1.05</v>
      </c>
      <c r="AA38" s="8">
        <v>1.73</v>
      </c>
      <c r="AB38" s="8">
        <v>1.98</v>
      </c>
      <c r="AC38" s="8">
        <v>1.78</v>
      </c>
      <c r="AD38" s="8">
        <v>1.58</v>
      </c>
      <c r="AE38" s="8">
        <v>1.18</v>
      </c>
      <c r="AF38" s="76">
        <v>1.28</v>
      </c>
      <c r="AG38" s="8">
        <v>1.44</v>
      </c>
      <c r="AH38" s="8">
        <v>1.72</v>
      </c>
      <c r="AI38" s="8">
        <v>1.91</v>
      </c>
      <c r="AJ38" s="8">
        <v>1.53</v>
      </c>
      <c r="AK38" s="8">
        <v>1.48</v>
      </c>
      <c r="AL38" s="8">
        <v>1.73</v>
      </c>
      <c r="AM38" s="8">
        <v>1.7</v>
      </c>
      <c r="AN38" s="8">
        <v>1.78</v>
      </c>
      <c r="AO38" s="8">
        <v>3.22</v>
      </c>
      <c r="AP38" s="68">
        <v>1.67</v>
      </c>
      <c r="AQ38" s="68">
        <v>1.57</v>
      </c>
      <c r="AR38" s="68">
        <v>1.48</v>
      </c>
      <c r="AS38" s="68">
        <v>1.34</v>
      </c>
      <c r="AT38" s="68">
        <v>1.32</v>
      </c>
      <c r="AU38" s="68">
        <v>1.1299999999999999</v>
      </c>
      <c r="AV38" s="68">
        <v>1.22</v>
      </c>
      <c r="AW38" s="68">
        <v>1.55</v>
      </c>
      <c r="AX38" s="86">
        <v>1.67</v>
      </c>
      <c r="AY38" s="86">
        <v>1.53</v>
      </c>
      <c r="AZ38" s="86">
        <v>1.49</v>
      </c>
      <c r="BA38" s="86">
        <v>1.78</v>
      </c>
      <c r="BB38" s="86">
        <v>2.5099999999999998</v>
      </c>
      <c r="BC38" s="86">
        <v>2.2400000000000002</v>
      </c>
      <c r="BD38" s="86">
        <v>1.71</v>
      </c>
      <c r="BE38" s="17"/>
    </row>
    <row r="39" spans="3:57" x14ac:dyDescent="0.2">
      <c r="C39" s="16" t="s">
        <v>84</v>
      </c>
      <c r="D39" s="6" t="s">
        <v>85</v>
      </c>
      <c r="E39" s="8">
        <v>0.28999999999999998</v>
      </c>
      <c r="F39" s="8">
        <v>0.26</v>
      </c>
      <c r="G39" s="17">
        <v>0.24</v>
      </c>
      <c r="H39" s="8">
        <v>0.25</v>
      </c>
      <c r="I39" s="8">
        <v>0.32</v>
      </c>
      <c r="J39" s="8">
        <v>0.34</v>
      </c>
      <c r="K39" s="8">
        <v>0.47</v>
      </c>
      <c r="L39" s="8">
        <v>0.47</v>
      </c>
      <c r="M39" s="8">
        <v>0.48</v>
      </c>
      <c r="N39" s="8">
        <v>0.48</v>
      </c>
      <c r="O39" s="8">
        <v>0.47</v>
      </c>
      <c r="P39" s="8">
        <v>0.35</v>
      </c>
      <c r="Q39" s="8">
        <v>0.33</v>
      </c>
      <c r="R39" s="8">
        <v>0.34</v>
      </c>
      <c r="S39" s="8">
        <v>0.32</v>
      </c>
      <c r="T39" s="8">
        <v>0.32</v>
      </c>
      <c r="U39" s="8">
        <v>0.27</v>
      </c>
      <c r="V39" s="8">
        <v>0.34</v>
      </c>
      <c r="W39" s="8">
        <v>0.37</v>
      </c>
      <c r="X39" s="8">
        <v>0.35</v>
      </c>
      <c r="Y39" s="8">
        <v>0.33</v>
      </c>
      <c r="Z39" s="8">
        <v>0.28999999999999998</v>
      </c>
      <c r="AA39" s="8">
        <v>0.33</v>
      </c>
      <c r="AB39" s="8">
        <v>0.32</v>
      </c>
      <c r="AC39" s="8">
        <v>0.31</v>
      </c>
      <c r="AD39" s="8">
        <v>0.31</v>
      </c>
      <c r="AE39" s="8">
        <v>0.38</v>
      </c>
      <c r="AF39" s="76">
        <v>0.38</v>
      </c>
      <c r="AG39" s="8">
        <v>0.36</v>
      </c>
      <c r="AH39" s="8">
        <v>0.4</v>
      </c>
      <c r="AI39" s="8">
        <v>0.4</v>
      </c>
      <c r="AJ39" s="8">
        <v>0.4</v>
      </c>
      <c r="AK39" s="8">
        <v>0.4</v>
      </c>
      <c r="AL39" s="8">
        <v>0.44</v>
      </c>
      <c r="AM39" s="8">
        <v>0.44</v>
      </c>
      <c r="AN39" s="8">
        <v>0.51</v>
      </c>
      <c r="AO39" s="8">
        <v>0.51</v>
      </c>
      <c r="AP39" s="68">
        <v>0.51</v>
      </c>
      <c r="AQ39" s="68">
        <v>0.44</v>
      </c>
      <c r="AR39" s="68">
        <v>0.44</v>
      </c>
      <c r="AS39" s="68">
        <v>0.44</v>
      </c>
      <c r="AT39" s="68">
        <v>0.32</v>
      </c>
      <c r="AU39" s="68">
        <v>0.28999999999999998</v>
      </c>
      <c r="AV39" s="68">
        <v>0.3</v>
      </c>
      <c r="AW39" s="68">
        <v>0.36</v>
      </c>
      <c r="AX39" s="86">
        <v>0.33</v>
      </c>
      <c r="AY39" s="86">
        <v>0.31</v>
      </c>
      <c r="AZ39" s="86">
        <v>0.32</v>
      </c>
      <c r="BA39" s="86">
        <v>0.32</v>
      </c>
      <c r="BB39" s="86">
        <v>0.3</v>
      </c>
      <c r="BC39" s="86">
        <v>0.36</v>
      </c>
      <c r="BD39" s="86">
        <v>0.34</v>
      </c>
      <c r="BE39" s="17"/>
    </row>
    <row r="40" spans="3:57" x14ac:dyDescent="0.2">
      <c r="C40" s="16" t="s">
        <v>86</v>
      </c>
      <c r="D40" s="6" t="s">
        <v>58</v>
      </c>
      <c r="E40" s="76">
        <v>0.62</v>
      </c>
      <c r="F40" s="76">
        <v>0.67</v>
      </c>
      <c r="G40" s="17">
        <v>0.63</v>
      </c>
      <c r="H40" s="76">
        <v>0.62</v>
      </c>
      <c r="I40" s="8">
        <v>0.78</v>
      </c>
      <c r="J40" s="76">
        <v>0.74</v>
      </c>
      <c r="K40" s="76">
        <v>0.7</v>
      </c>
      <c r="L40" s="76">
        <v>0.71</v>
      </c>
      <c r="M40" s="76">
        <v>0.89</v>
      </c>
      <c r="N40" s="76">
        <v>1.01</v>
      </c>
      <c r="O40" s="76">
        <v>0.82</v>
      </c>
      <c r="P40" s="76">
        <v>0.99</v>
      </c>
      <c r="Q40" s="76">
        <v>1.02</v>
      </c>
      <c r="R40" s="76">
        <v>1.1399999999999999</v>
      </c>
      <c r="S40" s="76">
        <v>0.94</v>
      </c>
      <c r="T40" s="76">
        <v>0.75</v>
      </c>
      <c r="U40" s="76">
        <v>0.7</v>
      </c>
      <c r="V40" s="76">
        <v>0.74</v>
      </c>
      <c r="W40" s="8">
        <v>0.57999999999999996</v>
      </c>
      <c r="X40" s="8">
        <v>0.49</v>
      </c>
      <c r="Y40" s="8">
        <v>0.39</v>
      </c>
      <c r="Z40" s="8">
        <v>0.35</v>
      </c>
      <c r="AA40" s="8">
        <v>0.4</v>
      </c>
      <c r="AB40" s="8">
        <v>0.4</v>
      </c>
      <c r="AC40" s="8">
        <v>0.41</v>
      </c>
      <c r="AD40" s="8">
        <v>0.36</v>
      </c>
      <c r="AE40" s="8">
        <v>0.35</v>
      </c>
      <c r="AF40" s="76">
        <v>0.37</v>
      </c>
      <c r="AG40" s="8">
        <v>0.4</v>
      </c>
      <c r="AH40" s="8">
        <v>0.36</v>
      </c>
      <c r="AI40" s="8">
        <v>0.38</v>
      </c>
      <c r="AJ40" s="8">
        <v>0.31</v>
      </c>
      <c r="AK40" s="8">
        <v>0.31</v>
      </c>
      <c r="AL40" s="8">
        <v>0.31</v>
      </c>
      <c r="AM40" s="8">
        <v>0.28000000000000003</v>
      </c>
      <c r="AN40" s="8">
        <v>0.38</v>
      </c>
      <c r="AO40" s="8">
        <v>0.56000000000000005</v>
      </c>
      <c r="AP40" s="68">
        <v>0.69</v>
      </c>
      <c r="AQ40" s="68">
        <v>0.65</v>
      </c>
      <c r="AR40" s="68">
        <v>0.71</v>
      </c>
      <c r="AS40" s="68">
        <v>0.84</v>
      </c>
      <c r="AT40" s="68">
        <v>0.86</v>
      </c>
      <c r="AU40" s="68">
        <v>0.73</v>
      </c>
      <c r="AV40" s="68">
        <v>0.7</v>
      </c>
      <c r="AW40" s="68">
        <v>0.84</v>
      </c>
      <c r="AX40" s="86">
        <v>0.83</v>
      </c>
      <c r="AY40" s="86">
        <v>0.54</v>
      </c>
      <c r="AZ40" s="86">
        <v>0.57999999999999996</v>
      </c>
      <c r="BA40" s="86">
        <v>0.95</v>
      </c>
      <c r="BB40" s="86">
        <v>1.1100000000000001</v>
      </c>
      <c r="BC40" s="86">
        <v>1.18</v>
      </c>
      <c r="BD40" s="86">
        <v>1.47</v>
      </c>
      <c r="BE40" s="17"/>
    </row>
    <row r="41" spans="3:57" x14ac:dyDescent="0.2">
      <c r="C41" s="16" t="s">
        <v>104</v>
      </c>
      <c r="D41" s="6" t="s">
        <v>58</v>
      </c>
      <c r="E41" s="76">
        <v>0.56000000000000005</v>
      </c>
      <c r="F41" s="76">
        <v>0.66</v>
      </c>
      <c r="G41" s="17">
        <v>0.53</v>
      </c>
      <c r="H41" s="76">
        <v>0.47</v>
      </c>
      <c r="I41" s="8">
        <v>0.52</v>
      </c>
      <c r="J41" s="76">
        <v>0.51</v>
      </c>
      <c r="K41" s="76">
        <v>0.56000000000000005</v>
      </c>
      <c r="L41" s="76">
        <v>0.59</v>
      </c>
      <c r="M41" s="76">
        <v>0.56999999999999995</v>
      </c>
      <c r="N41" s="76">
        <v>0.48</v>
      </c>
      <c r="O41" s="76">
        <v>0.43</v>
      </c>
      <c r="P41" s="76">
        <v>0.42</v>
      </c>
      <c r="Q41" s="76">
        <v>0.44</v>
      </c>
      <c r="R41" s="76">
        <v>0.54</v>
      </c>
      <c r="S41" s="76">
        <v>0.46</v>
      </c>
      <c r="T41" s="76">
        <v>0.46</v>
      </c>
      <c r="U41" s="76">
        <v>0.44</v>
      </c>
      <c r="V41" s="76">
        <v>0.5</v>
      </c>
      <c r="W41" s="8">
        <v>0.56000000000000005</v>
      </c>
      <c r="X41" s="8">
        <v>0.51</v>
      </c>
      <c r="Y41" s="8">
        <v>0.32</v>
      </c>
      <c r="Z41" s="8">
        <v>0.33</v>
      </c>
      <c r="AA41" s="8">
        <v>0.38</v>
      </c>
      <c r="AB41" s="8">
        <v>0.34</v>
      </c>
      <c r="AC41" s="8">
        <v>0.33</v>
      </c>
      <c r="AD41" s="8">
        <v>0.43</v>
      </c>
      <c r="AE41" s="8">
        <v>0.59</v>
      </c>
      <c r="AF41" s="76">
        <v>0.47</v>
      </c>
      <c r="AG41" s="8">
        <v>0.52</v>
      </c>
      <c r="AH41" s="8">
        <v>0.59</v>
      </c>
      <c r="AI41" s="8">
        <v>0.59</v>
      </c>
      <c r="AJ41" s="8">
        <v>0.59</v>
      </c>
      <c r="AK41" s="8">
        <v>0.59</v>
      </c>
      <c r="AL41" s="8">
        <v>0.54</v>
      </c>
      <c r="AM41" s="8">
        <v>0.5</v>
      </c>
      <c r="AN41" s="8">
        <v>0.55000000000000004</v>
      </c>
      <c r="AO41" s="8">
        <v>0.68</v>
      </c>
      <c r="AP41" s="68">
        <v>0.69</v>
      </c>
      <c r="AQ41" s="68">
        <v>0.72</v>
      </c>
      <c r="AR41" s="68">
        <v>0.62</v>
      </c>
      <c r="AS41" s="68">
        <v>0.8</v>
      </c>
      <c r="AT41" s="68">
        <v>0.69</v>
      </c>
      <c r="AU41" s="68">
        <v>0.54</v>
      </c>
      <c r="AV41" s="68">
        <v>0.48</v>
      </c>
      <c r="AW41" s="68">
        <v>0.51</v>
      </c>
      <c r="AX41" s="86">
        <v>0.54</v>
      </c>
      <c r="AY41" s="86">
        <v>0.44</v>
      </c>
      <c r="AZ41" s="86">
        <v>0.49</v>
      </c>
      <c r="BA41" s="86">
        <v>0.56000000000000005</v>
      </c>
      <c r="BB41" s="86">
        <v>0.65</v>
      </c>
      <c r="BC41" s="86">
        <v>0.51</v>
      </c>
      <c r="BD41" s="86">
        <v>0.41</v>
      </c>
      <c r="BE41" s="17"/>
    </row>
    <row r="42" spans="3:57" x14ac:dyDescent="0.2">
      <c r="C42" s="16" t="s">
        <v>87</v>
      </c>
      <c r="D42" s="6" t="s">
        <v>58</v>
      </c>
      <c r="E42" s="76">
        <v>0.12</v>
      </c>
      <c r="F42" s="76">
        <v>0.11</v>
      </c>
      <c r="G42" s="17">
        <v>0.11</v>
      </c>
      <c r="H42" s="76">
        <v>0.12</v>
      </c>
      <c r="I42" s="8">
        <v>0.14000000000000001</v>
      </c>
      <c r="J42" s="76">
        <v>0.14000000000000001</v>
      </c>
      <c r="K42" s="76">
        <v>0.15</v>
      </c>
      <c r="L42" s="76">
        <v>0.15</v>
      </c>
      <c r="M42" s="76">
        <v>0.31</v>
      </c>
      <c r="N42" s="76">
        <v>0.33</v>
      </c>
      <c r="O42" s="76">
        <v>0.25</v>
      </c>
      <c r="P42" s="76">
        <v>0.25</v>
      </c>
      <c r="Q42" s="76">
        <v>0.25</v>
      </c>
      <c r="R42" s="76">
        <v>0.25</v>
      </c>
      <c r="S42" s="76">
        <v>0.25</v>
      </c>
      <c r="T42" s="76">
        <v>0.25</v>
      </c>
      <c r="U42" s="76">
        <v>0.25</v>
      </c>
      <c r="V42" s="76">
        <v>0.35</v>
      </c>
      <c r="W42" s="8">
        <v>0.2</v>
      </c>
      <c r="X42" s="8">
        <v>0.2</v>
      </c>
      <c r="Y42" s="8">
        <v>0.2</v>
      </c>
      <c r="Z42" s="8">
        <v>0.25</v>
      </c>
      <c r="AA42" s="8">
        <v>0.25</v>
      </c>
      <c r="AB42" s="8">
        <v>0.25</v>
      </c>
      <c r="AC42" s="8">
        <v>0.25</v>
      </c>
      <c r="AD42" s="8">
        <v>0.3</v>
      </c>
      <c r="AE42" s="8">
        <v>0.09</v>
      </c>
      <c r="AF42" s="76">
        <v>0.09</v>
      </c>
      <c r="AG42" s="8">
        <v>0.19</v>
      </c>
      <c r="AH42" s="8">
        <v>0.21</v>
      </c>
      <c r="AI42" s="8">
        <v>0.21</v>
      </c>
      <c r="AJ42" s="8">
        <v>0.2</v>
      </c>
      <c r="AK42" s="8">
        <v>0.2</v>
      </c>
      <c r="AL42" s="8">
        <v>0.19</v>
      </c>
      <c r="AM42" s="8">
        <v>0.18</v>
      </c>
      <c r="AN42" s="8">
        <v>0.15</v>
      </c>
      <c r="AO42" s="8">
        <v>0.15</v>
      </c>
      <c r="AP42" s="68">
        <v>0.15</v>
      </c>
      <c r="AQ42" s="68">
        <v>0.15</v>
      </c>
      <c r="AR42" s="68">
        <v>0.14000000000000001</v>
      </c>
      <c r="AS42" s="68">
        <v>0.15</v>
      </c>
      <c r="AT42" s="68">
        <v>0.14000000000000001</v>
      </c>
      <c r="AU42" s="68">
        <v>0.13</v>
      </c>
      <c r="AV42" s="68">
        <v>0.12</v>
      </c>
      <c r="AW42" s="68">
        <v>0.12</v>
      </c>
      <c r="AX42" s="86">
        <v>0.12</v>
      </c>
      <c r="AY42" s="86">
        <v>0.12</v>
      </c>
      <c r="AZ42" s="86">
        <v>0.11</v>
      </c>
      <c r="BA42" s="86">
        <v>0.12</v>
      </c>
      <c r="BB42" s="86">
        <v>0.11</v>
      </c>
      <c r="BC42" s="86">
        <v>0.11</v>
      </c>
      <c r="BD42" s="86">
        <v>0.11</v>
      </c>
      <c r="BE42" s="17"/>
    </row>
    <row r="43" spans="3:57" x14ac:dyDescent="0.2">
      <c r="C43" s="16" t="s">
        <v>88</v>
      </c>
      <c r="D43" s="6" t="s">
        <v>58</v>
      </c>
      <c r="E43" s="76">
        <v>0.08</v>
      </c>
      <c r="F43" s="76">
        <v>0.08</v>
      </c>
      <c r="G43" s="17">
        <v>7.0000000000000007E-2</v>
      </c>
      <c r="H43" s="76">
        <v>0.08</v>
      </c>
      <c r="I43" s="8">
        <v>0.08</v>
      </c>
      <c r="J43" s="76">
        <v>7.0000000000000007E-2</v>
      </c>
      <c r="K43" s="76">
        <v>0.08</v>
      </c>
      <c r="L43" s="76">
        <v>0.09</v>
      </c>
      <c r="M43" s="76">
        <v>0.13</v>
      </c>
      <c r="N43" s="76">
        <v>0.14000000000000001</v>
      </c>
      <c r="O43" s="76">
        <v>0.14000000000000001</v>
      </c>
      <c r="P43" s="76">
        <v>0.15</v>
      </c>
      <c r="Q43" s="76">
        <v>0.14000000000000001</v>
      </c>
      <c r="R43" s="76">
        <v>0.23</v>
      </c>
      <c r="S43" s="76">
        <v>0.23</v>
      </c>
      <c r="T43" s="76">
        <v>0.23</v>
      </c>
      <c r="U43" s="76">
        <v>0.24</v>
      </c>
      <c r="V43" s="76">
        <v>0.26</v>
      </c>
      <c r="W43" s="8">
        <v>0.26</v>
      </c>
      <c r="X43" s="8">
        <v>0.27</v>
      </c>
      <c r="Y43" s="8">
        <v>0.28000000000000003</v>
      </c>
      <c r="Z43" s="8">
        <v>0.28000000000000003</v>
      </c>
      <c r="AA43" s="8">
        <v>0.3</v>
      </c>
      <c r="AB43" s="8">
        <v>0.3</v>
      </c>
      <c r="AC43" s="8">
        <v>0.33</v>
      </c>
      <c r="AD43" s="8">
        <v>0.34</v>
      </c>
      <c r="AE43" s="8">
        <v>0.42</v>
      </c>
      <c r="AF43" s="76">
        <v>0.38</v>
      </c>
      <c r="AG43" s="8">
        <v>0.31</v>
      </c>
      <c r="AH43" s="8">
        <v>0.32</v>
      </c>
      <c r="AI43" s="8">
        <v>0.31</v>
      </c>
      <c r="AJ43" s="8">
        <v>0.31</v>
      </c>
      <c r="AK43" s="8">
        <v>0.31</v>
      </c>
      <c r="AL43" s="8">
        <v>0.32</v>
      </c>
      <c r="AM43" s="8">
        <v>0.3</v>
      </c>
      <c r="AN43" s="8">
        <v>0.33</v>
      </c>
      <c r="AO43" s="8">
        <v>0.36</v>
      </c>
      <c r="AP43" s="68">
        <v>0.45</v>
      </c>
      <c r="AQ43" s="68">
        <v>0.45</v>
      </c>
      <c r="AR43" s="68">
        <v>0.39</v>
      </c>
      <c r="AS43" s="68">
        <v>0.37</v>
      </c>
      <c r="AT43" s="68">
        <v>0.28999999999999998</v>
      </c>
      <c r="AU43" s="68">
        <v>0.3</v>
      </c>
      <c r="AV43" s="68">
        <v>0.26</v>
      </c>
      <c r="AW43" s="68">
        <v>0.28999999999999998</v>
      </c>
      <c r="AX43" s="86">
        <v>0.26</v>
      </c>
      <c r="AY43" s="86">
        <v>0.24</v>
      </c>
      <c r="AZ43" s="86">
        <v>0.23</v>
      </c>
      <c r="BA43" s="86">
        <v>0.22</v>
      </c>
      <c r="BB43" s="86">
        <v>0.22</v>
      </c>
      <c r="BC43" s="86">
        <v>0.21</v>
      </c>
      <c r="BD43" s="86">
        <v>0.2</v>
      </c>
      <c r="BE43" s="17"/>
    </row>
    <row r="44" spans="3:57" x14ac:dyDescent="0.2">
      <c r="C44" s="18" t="s">
        <v>91</v>
      </c>
      <c r="D44" s="6" t="s">
        <v>58</v>
      </c>
      <c r="E44" s="76">
        <v>0.11</v>
      </c>
      <c r="F44" s="76">
        <v>0.13</v>
      </c>
      <c r="G44" s="17">
        <v>0.12</v>
      </c>
      <c r="H44" s="76">
        <v>0.13</v>
      </c>
      <c r="I44" s="8">
        <v>0.2</v>
      </c>
      <c r="J44" s="76">
        <v>0.21</v>
      </c>
      <c r="K44" s="76">
        <v>0.2</v>
      </c>
      <c r="L44" s="76">
        <v>0.2</v>
      </c>
      <c r="M44" s="76" t="s">
        <v>110</v>
      </c>
      <c r="N44" s="76"/>
      <c r="O44" s="76"/>
      <c r="P44" s="76"/>
      <c r="Q44" s="76"/>
      <c r="R44" s="76"/>
      <c r="S44" s="76" t="s">
        <v>90</v>
      </c>
      <c r="T44" s="76" t="s">
        <v>90</v>
      </c>
      <c r="U44" s="76"/>
      <c r="V44" s="76" t="s">
        <v>90</v>
      </c>
      <c r="W44" s="8" t="s">
        <v>90</v>
      </c>
      <c r="X44" s="8" t="s">
        <v>90</v>
      </c>
      <c r="Y44" s="8" t="s">
        <v>90</v>
      </c>
      <c r="Z44" s="8" t="s">
        <v>90</v>
      </c>
      <c r="AA44" s="8" t="s">
        <v>90</v>
      </c>
      <c r="AB44" s="8" t="s">
        <v>90</v>
      </c>
      <c r="AC44" s="8" t="s">
        <v>90</v>
      </c>
      <c r="AD44" s="8" t="s">
        <v>90</v>
      </c>
      <c r="AE44" s="8" t="s">
        <v>90</v>
      </c>
      <c r="AF44" s="76" t="s">
        <v>90</v>
      </c>
      <c r="AG44" s="8" t="s">
        <v>90</v>
      </c>
      <c r="AH44" s="8" t="s">
        <v>90</v>
      </c>
      <c r="AI44" s="8">
        <v>0.35</v>
      </c>
      <c r="AJ44" s="8">
        <v>0.34</v>
      </c>
      <c r="AK44" s="8">
        <v>0.37</v>
      </c>
      <c r="AL44" s="8">
        <v>0.37</v>
      </c>
      <c r="AM44" s="8">
        <v>0.37</v>
      </c>
      <c r="AN44" s="8">
        <v>0.28999999999999998</v>
      </c>
      <c r="AO44" s="8">
        <v>0.24</v>
      </c>
      <c r="AP44" s="68">
        <v>0.28000000000000003</v>
      </c>
      <c r="AQ44" s="68">
        <v>0.23</v>
      </c>
      <c r="AR44" s="68">
        <v>0.25</v>
      </c>
      <c r="AS44" s="68">
        <v>0.25</v>
      </c>
      <c r="AT44" s="68">
        <v>0.25</v>
      </c>
      <c r="AU44" s="68">
        <v>0.25</v>
      </c>
      <c r="AV44" s="68">
        <v>0.25</v>
      </c>
      <c r="AW44" s="68">
        <v>0.22</v>
      </c>
      <c r="AX44" s="86">
        <v>0.22</v>
      </c>
      <c r="AY44" s="86">
        <v>0.21</v>
      </c>
      <c r="AZ44" s="86">
        <v>0.19</v>
      </c>
      <c r="BA44" s="86">
        <v>0.19</v>
      </c>
      <c r="BB44" s="86">
        <v>0.19</v>
      </c>
      <c r="BC44" s="86">
        <v>0.2</v>
      </c>
      <c r="BD44" s="86">
        <v>0.21</v>
      </c>
      <c r="BE44" s="17"/>
    </row>
    <row r="45" spans="3:57" x14ac:dyDescent="0.2">
      <c r="C45" s="18" t="s">
        <v>100</v>
      </c>
      <c r="D45" s="6" t="s">
        <v>58</v>
      </c>
      <c r="E45" s="76">
        <v>0.12</v>
      </c>
      <c r="F45" s="76">
        <v>0.12</v>
      </c>
      <c r="G45" s="17">
        <v>0.13</v>
      </c>
      <c r="H45" s="76">
        <v>0.14000000000000001</v>
      </c>
      <c r="I45" s="8">
        <v>0.13</v>
      </c>
      <c r="J45" s="76">
        <v>0.14000000000000001</v>
      </c>
      <c r="K45" s="76">
        <v>0.14000000000000001</v>
      </c>
      <c r="L45" s="76">
        <v>0.14000000000000001</v>
      </c>
      <c r="M45" s="76">
        <v>0.19</v>
      </c>
      <c r="N45" s="76">
        <v>0.18</v>
      </c>
      <c r="O45" s="76">
        <v>0.17</v>
      </c>
      <c r="P45" s="76">
        <v>0.17</v>
      </c>
      <c r="Q45" s="76">
        <v>0.16</v>
      </c>
      <c r="R45" s="76">
        <v>0.19</v>
      </c>
      <c r="S45" s="76">
        <v>0.18</v>
      </c>
      <c r="T45" s="76">
        <v>0.19</v>
      </c>
      <c r="U45" s="76">
        <v>0.19</v>
      </c>
      <c r="V45" s="76">
        <v>0.19</v>
      </c>
      <c r="W45" s="8">
        <v>0.18</v>
      </c>
      <c r="X45" s="8">
        <v>0.19</v>
      </c>
      <c r="Y45" s="8">
        <v>0.19</v>
      </c>
      <c r="Z45" s="8">
        <v>0.2</v>
      </c>
      <c r="AA45" s="8">
        <v>0.2</v>
      </c>
      <c r="AB45" s="8">
        <v>0.19</v>
      </c>
      <c r="AC45" s="8">
        <v>0.19</v>
      </c>
      <c r="AD45" s="8">
        <v>0.19</v>
      </c>
      <c r="AE45" s="8">
        <v>0.17</v>
      </c>
      <c r="AF45" s="76" t="s">
        <v>90</v>
      </c>
      <c r="AG45" s="8">
        <v>0.17</v>
      </c>
      <c r="AH45" s="8">
        <v>0.17</v>
      </c>
      <c r="AI45" s="8">
        <v>0.21</v>
      </c>
      <c r="AJ45" s="8">
        <v>0.21</v>
      </c>
      <c r="AK45" s="8">
        <v>0.23</v>
      </c>
      <c r="AL45" s="8">
        <v>0.23</v>
      </c>
      <c r="AM45" s="8">
        <v>0.23</v>
      </c>
      <c r="AN45" s="8">
        <v>0.23</v>
      </c>
      <c r="AO45" s="8">
        <v>0.2</v>
      </c>
      <c r="AP45" s="68">
        <v>0.2</v>
      </c>
      <c r="AQ45" s="68">
        <v>0.21</v>
      </c>
      <c r="AR45" s="68">
        <v>0.28000000000000003</v>
      </c>
      <c r="AS45" s="68">
        <v>0.2</v>
      </c>
      <c r="AT45" s="68">
        <v>0.19</v>
      </c>
      <c r="AU45" s="68">
        <v>0.15</v>
      </c>
      <c r="AV45" s="68">
        <v>0.18</v>
      </c>
      <c r="AW45" s="68">
        <v>0.16</v>
      </c>
      <c r="AX45" s="86">
        <v>0.19</v>
      </c>
      <c r="AY45" s="86">
        <v>0.17</v>
      </c>
      <c r="AZ45" s="86">
        <v>0.16</v>
      </c>
      <c r="BA45" s="86">
        <v>0.12</v>
      </c>
      <c r="BB45" s="86">
        <v>0.1</v>
      </c>
      <c r="BC45" s="86">
        <v>0.11</v>
      </c>
      <c r="BD45" s="86">
        <v>0.11</v>
      </c>
      <c r="BE45" s="17"/>
    </row>
    <row r="46" spans="3:57" x14ac:dyDescent="0.2">
      <c r="C46" s="16" t="s">
        <v>89</v>
      </c>
      <c r="D46" s="6" t="s">
        <v>58</v>
      </c>
      <c r="E46" s="76">
        <v>0.33</v>
      </c>
      <c r="F46" s="76">
        <v>0.33</v>
      </c>
      <c r="G46" s="17">
        <v>0.31</v>
      </c>
      <c r="H46" s="76">
        <v>0.33</v>
      </c>
      <c r="I46" s="8">
        <v>0.33</v>
      </c>
      <c r="J46" s="76">
        <v>0.33</v>
      </c>
      <c r="K46" s="76">
        <v>0.33</v>
      </c>
      <c r="L46" s="76">
        <v>0.33</v>
      </c>
      <c r="M46" s="76">
        <v>0.33</v>
      </c>
      <c r="N46" s="76">
        <v>0.33</v>
      </c>
      <c r="O46" s="76">
        <v>0.33</v>
      </c>
      <c r="P46" s="76">
        <v>0.33</v>
      </c>
      <c r="Q46" s="76">
        <v>0.33</v>
      </c>
      <c r="R46" s="76">
        <v>0.33</v>
      </c>
      <c r="S46" s="76">
        <v>0.33</v>
      </c>
      <c r="T46" s="76">
        <v>0.33</v>
      </c>
      <c r="U46" s="76">
        <v>0.33</v>
      </c>
      <c r="V46" s="76">
        <v>0.33</v>
      </c>
      <c r="W46" s="8">
        <v>0.33</v>
      </c>
      <c r="X46" s="8">
        <v>0.33</v>
      </c>
      <c r="Y46" s="8">
        <v>0.36</v>
      </c>
      <c r="Z46" s="8">
        <v>0.36</v>
      </c>
      <c r="AA46" s="8">
        <v>0.36</v>
      </c>
      <c r="AB46" s="8">
        <v>0.36</v>
      </c>
      <c r="AC46" s="8">
        <v>0.36</v>
      </c>
      <c r="AD46" s="8">
        <v>0.38</v>
      </c>
      <c r="AE46" s="8">
        <v>0.36</v>
      </c>
      <c r="AF46" s="76">
        <v>0.36</v>
      </c>
      <c r="AG46" s="8">
        <v>0.36</v>
      </c>
      <c r="AH46" s="8">
        <v>0.36</v>
      </c>
      <c r="AI46" s="8">
        <v>0.36</v>
      </c>
      <c r="AJ46" s="8">
        <v>0.36</v>
      </c>
      <c r="AK46" s="8">
        <v>0.38</v>
      </c>
      <c r="AL46" s="8">
        <v>0.35</v>
      </c>
      <c r="AM46" s="8">
        <v>0.35</v>
      </c>
      <c r="AN46" s="8">
        <v>0.39</v>
      </c>
      <c r="AO46" s="8">
        <v>0.4</v>
      </c>
      <c r="AP46" s="68">
        <v>0.39</v>
      </c>
      <c r="AQ46" s="68">
        <v>0.41</v>
      </c>
      <c r="AR46" s="68">
        <v>0.46</v>
      </c>
      <c r="AS46" s="68">
        <v>0.46</v>
      </c>
      <c r="AT46" s="68">
        <v>0.48</v>
      </c>
      <c r="AU46" s="68">
        <v>0.47</v>
      </c>
      <c r="AV46" s="68">
        <v>0.47</v>
      </c>
      <c r="AW46" s="68">
        <v>0.44</v>
      </c>
      <c r="AX46" s="86">
        <v>0.48</v>
      </c>
      <c r="AY46" s="86">
        <v>0.48</v>
      </c>
      <c r="AZ46" s="86">
        <v>0.48</v>
      </c>
      <c r="BA46" s="86">
        <v>0.48</v>
      </c>
      <c r="BB46" s="86">
        <v>0.48</v>
      </c>
      <c r="BC46" s="86">
        <v>0.48</v>
      </c>
      <c r="BD46" s="86">
        <v>0.48</v>
      </c>
      <c r="BE46" s="17"/>
    </row>
    <row r="47" spans="3:57" x14ac:dyDescent="0.2">
      <c r="C47" s="16" t="s">
        <v>95</v>
      </c>
      <c r="D47" s="6" t="s">
        <v>58</v>
      </c>
      <c r="E47" s="76">
        <v>0.42</v>
      </c>
      <c r="F47" s="76">
        <v>0.42</v>
      </c>
      <c r="G47" s="17">
        <v>0.42</v>
      </c>
      <c r="H47" s="76">
        <v>0.42</v>
      </c>
      <c r="I47" s="8">
        <v>0.45</v>
      </c>
      <c r="J47" s="76">
        <v>0.45</v>
      </c>
      <c r="K47" s="76">
        <v>0.45</v>
      </c>
      <c r="L47" s="76">
        <v>0.45</v>
      </c>
      <c r="M47" s="76">
        <v>0.45</v>
      </c>
      <c r="N47" s="76">
        <v>0.45</v>
      </c>
      <c r="O47" s="76">
        <v>0.43</v>
      </c>
      <c r="P47" s="76">
        <v>0.43</v>
      </c>
      <c r="Q47" s="76">
        <v>0.43</v>
      </c>
      <c r="R47" s="76">
        <v>0.43</v>
      </c>
      <c r="S47" s="76">
        <v>0.43</v>
      </c>
      <c r="T47" s="76">
        <v>0.5</v>
      </c>
      <c r="U47" s="76">
        <v>0.47</v>
      </c>
      <c r="V47" s="76" t="s">
        <v>90</v>
      </c>
      <c r="W47" s="8" t="s">
        <v>90</v>
      </c>
      <c r="X47" s="8" t="s">
        <v>90</v>
      </c>
      <c r="Y47" s="8" t="s">
        <v>90</v>
      </c>
      <c r="Z47" s="8" t="s">
        <v>90</v>
      </c>
      <c r="AA47" s="8" t="s">
        <v>90</v>
      </c>
      <c r="AB47" s="8" t="s">
        <v>90</v>
      </c>
      <c r="AC47" s="8" t="s">
        <v>90</v>
      </c>
      <c r="AD47" s="8" t="s">
        <v>90</v>
      </c>
      <c r="AE47" s="8" t="s">
        <v>90</v>
      </c>
      <c r="AF47" s="76" t="s">
        <v>90</v>
      </c>
      <c r="AG47" s="8" t="s">
        <v>90</v>
      </c>
      <c r="AH47" s="8" t="s">
        <v>90</v>
      </c>
      <c r="AI47" s="8" t="s">
        <v>90</v>
      </c>
      <c r="AJ47" s="8" t="s">
        <v>90</v>
      </c>
      <c r="AK47" s="8">
        <v>0.48</v>
      </c>
      <c r="AL47" s="8">
        <v>0.42</v>
      </c>
      <c r="AM47" s="8">
        <v>0.46</v>
      </c>
      <c r="AN47" s="8">
        <v>0.47</v>
      </c>
      <c r="AO47" s="8">
        <v>0.48</v>
      </c>
      <c r="AP47" s="68">
        <v>0.48</v>
      </c>
      <c r="AQ47" s="68">
        <v>0.48</v>
      </c>
      <c r="AR47" s="68">
        <v>0.48</v>
      </c>
      <c r="AS47" s="68">
        <v>0.48</v>
      </c>
      <c r="AT47" s="68">
        <v>0.48</v>
      </c>
      <c r="AU47" s="68">
        <v>0.48</v>
      </c>
      <c r="AV47" s="68">
        <v>0.48</v>
      </c>
      <c r="AW47" s="68">
        <v>0.47</v>
      </c>
      <c r="AX47" s="86">
        <v>0.52</v>
      </c>
      <c r="AY47" s="86">
        <v>0.52</v>
      </c>
      <c r="AZ47" s="86">
        <v>0.52</v>
      </c>
      <c r="BA47" s="86">
        <v>0.52</v>
      </c>
      <c r="BB47" s="86">
        <v>0.52</v>
      </c>
      <c r="BC47" s="86">
        <v>0.52</v>
      </c>
      <c r="BD47" s="86">
        <v>0.55000000000000004</v>
      </c>
      <c r="BE47" s="17"/>
    </row>
    <row r="48" spans="3:57" ht="13.5" thickBot="1" x14ac:dyDescent="0.25">
      <c r="C48" s="23" t="s">
        <v>96</v>
      </c>
      <c r="D48" s="6" t="s">
        <v>58</v>
      </c>
      <c r="E48" s="76">
        <v>0.39</v>
      </c>
      <c r="F48" s="76">
        <v>0.43</v>
      </c>
      <c r="G48" s="17">
        <v>0.54</v>
      </c>
      <c r="H48" s="76">
        <v>0.53</v>
      </c>
      <c r="I48" s="8">
        <v>0.53</v>
      </c>
      <c r="J48" s="76">
        <v>0.53</v>
      </c>
      <c r="K48" s="76">
        <v>0.53</v>
      </c>
      <c r="L48" s="76">
        <v>0.53</v>
      </c>
      <c r="M48" s="76">
        <v>0.53</v>
      </c>
      <c r="N48" s="76">
        <v>0.53</v>
      </c>
      <c r="O48" s="76">
        <v>0.48</v>
      </c>
      <c r="P48" s="76">
        <v>0.42</v>
      </c>
      <c r="Q48" s="76">
        <v>0.38</v>
      </c>
      <c r="R48" s="76">
        <v>0.37</v>
      </c>
      <c r="S48" s="76">
        <v>0.42</v>
      </c>
      <c r="T48" s="76">
        <v>0.47</v>
      </c>
      <c r="U48" s="76">
        <v>0.46</v>
      </c>
      <c r="V48" s="76">
        <v>0.47</v>
      </c>
      <c r="W48" s="8">
        <v>0.56999999999999995</v>
      </c>
      <c r="X48" s="8">
        <v>0.56999999999999995</v>
      </c>
      <c r="Y48" s="8">
        <v>0.52</v>
      </c>
      <c r="Z48" s="8">
        <v>0.42</v>
      </c>
      <c r="AA48" s="8">
        <v>0.32</v>
      </c>
      <c r="AB48" s="8">
        <v>0.23</v>
      </c>
      <c r="AC48" s="8">
        <v>0.13</v>
      </c>
      <c r="AD48" s="8">
        <v>0.03</v>
      </c>
      <c r="AE48" s="8">
        <v>0.03</v>
      </c>
      <c r="AF48" s="76">
        <v>0.09</v>
      </c>
      <c r="AG48" s="8">
        <v>0.24</v>
      </c>
      <c r="AH48" s="8">
        <v>0.32</v>
      </c>
      <c r="AI48" s="8">
        <v>0.32</v>
      </c>
      <c r="AJ48" s="8">
        <v>0.32</v>
      </c>
      <c r="AK48" s="8">
        <v>0.32</v>
      </c>
      <c r="AL48" s="8">
        <v>0.37</v>
      </c>
      <c r="AM48" s="8">
        <v>0.37</v>
      </c>
      <c r="AN48" s="8">
        <v>0.37</v>
      </c>
      <c r="AO48" s="8">
        <v>0.37</v>
      </c>
      <c r="AP48" s="75">
        <v>0.37</v>
      </c>
      <c r="AQ48" s="75">
        <v>0.47</v>
      </c>
      <c r="AR48" s="75">
        <v>0.56999999999999995</v>
      </c>
      <c r="AS48" s="75">
        <v>0.66</v>
      </c>
      <c r="AT48" s="75">
        <v>0.83</v>
      </c>
      <c r="AU48" s="75">
        <v>0.92</v>
      </c>
      <c r="AV48" s="75">
        <v>0.93</v>
      </c>
      <c r="AW48" s="75">
        <v>0.92</v>
      </c>
      <c r="AX48" s="87">
        <v>0.88</v>
      </c>
      <c r="AY48" s="87">
        <v>0.73</v>
      </c>
      <c r="AZ48" s="87">
        <v>0.53</v>
      </c>
      <c r="BA48" s="87">
        <v>0.53</v>
      </c>
      <c r="BB48" s="87">
        <f>53.71/100</f>
        <v>0.53710000000000002</v>
      </c>
      <c r="BC48" s="87">
        <v>0.43</v>
      </c>
      <c r="BD48" s="87">
        <v>0.44</v>
      </c>
      <c r="BE48" s="23"/>
    </row>
    <row r="49" spans="3:57" ht="13.5" thickTop="1" x14ac:dyDescent="0.2">
      <c r="C49" s="78"/>
      <c r="D49" s="64"/>
      <c r="E49" s="65"/>
      <c r="F49" s="65"/>
      <c r="G49" s="65"/>
      <c r="H49" s="65"/>
      <c r="I49" s="65"/>
      <c r="J49" s="65"/>
      <c r="K49" s="65"/>
      <c r="L49" s="65"/>
      <c r="M49" s="65"/>
      <c r="P49" s="65"/>
      <c r="Q49" s="65"/>
      <c r="R49" s="65"/>
      <c r="S49" s="65"/>
      <c r="T49" s="65"/>
      <c r="U49" s="65"/>
      <c r="V49" s="65"/>
      <c r="W49" s="65"/>
      <c r="X49" s="65"/>
      <c r="Y49" s="65"/>
      <c r="Z49" s="65"/>
      <c r="AA49" s="65"/>
      <c r="AB49" s="65"/>
      <c r="AC49" s="65"/>
      <c r="AD49" s="65"/>
      <c r="AE49" s="65"/>
      <c r="AG49" s="65"/>
      <c r="AH49" s="65"/>
      <c r="AI49" s="65"/>
      <c r="AJ49" s="65"/>
      <c r="AK49" s="65"/>
      <c r="AL49" s="65"/>
      <c r="AM49" s="65"/>
      <c r="AN49" s="65"/>
      <c r="AO49" s="66"/>
      <c r="AP49" s="65"/>
      <c r="AQ49" s="65"/>
      <c r="AR49" s="65"/>
      <c r="AS49" s="65"/>
      <c r="AT49" s="65"/>
      <c r="AU49" s="65"/>
      <c r="AV49" s="65"/>
      <c r="AW49" s="65"/>
      <c r="AX49" s="65"/>
      <c r="AY49" s="65"/>
      <c r="AZ49" s="66"/>
      <c r="BA49" s="65"/>
      <c r="BB49" s="65"/>
      <c r="BC49" s="65"/>
    </row>
    <row r="51" spans="3:57" x14ac:dyDescent="0.2">
      <c r="C51" s="23" t="s">
        <v>105</v>
      </c>
      <c r="D51" s="6" t="s">
        <v>58</v>
      </c>
      <c r="E51" s="17">
        <v>5.7</v>
      </c>
      <c r="F51" s="17">
        <v>5.71</v>
      </c>
      <c r="G51" s="17">
        <v>5.41</v>
      </c>
      <c r="H51" s="17">
        <v>5.5</v>
      </c>
      <c r="I51" s="17">
        <v>5.19</v>
      </c>
      <c r="J51" s="17">
        <v>5.41</v>
      </c>
      <c r="K51" s="17">
        <v>4.62</v>
      </c>
      <c r="L51" s="17">
        <v>4.62</v>
      </c>
      <c r="M51" s="17">
        <v>4.6399999999999997</v>
      </c>
      <c r="N51" s="20">
        <v>4.7</v>
      </c>
      <c r="O51" s="20">
        <v>4.6500000000000004</v>
      </c>
      <c r="P51" s="20">
        <v>4.42</v>
      </c>
      <c r="Q51" s="20">
        <v>4.68</v>
      </c>
      <c r="R51" s="20">
        <v>4.5599999999999996</v>
      </c>
      <c r="S51" s="20">
        <v>4.4800000000000004</v>
      </c>
      <c r="T51" s="20">
        <v>4.51</v>
      </c>
      <c r="U51" s="17">
        <v>4.4000000000000004</v>
      </c>
      <c r="V51" s="20">
        <v>4.49</v>
      </c>
      <c r="W51" s="17">
        <v>4.5999999999999996</v>
      </c>
      <c r="X51" s="17">
        <v>4.5999999999999996</v>
      </c>
      <c r="Y51" s="20">
        <v>4.71</v>
      </c>
      <c r="Z51" s="17">
        <v>4.82</v>
      </c>
      <c r="AA51" s="17">
        <v>4.72</v>
      </c>
      <c r="AB51" s="17">
        <v>4.88</v>
      </c>
      <c r="AC51" s="62">
        <v>4.8600000000000003</v>
      </c>
      <c r="AD51" s="62">
        <v>4.8899999999999997</v>
      </c>
      <c r="AE51" s="62">
        <v>4.9000000000000004</v>
      </c>
      <c r="AF51" s="81">
        <v>4.8600000000000003</v>
      </c>
      <c r="AG51" s="62">
        <v>4.82</v>
      </c>
      <c r="AH51" s="62">
        <v>5</v>
      </c>
      <c r="AI51" s="17">
        <v>4.8600000000000003</v>
      </c>
      <c r="AJ51" s="17">
        <v>5.13</v>
      </c>
      <c r="AK51" s="17">
        <v>5.15</v>
      </c>
      <c r="AL51" s="17">
        <v>5.26</v>
      </c>
      <c r="AM51" s="17">
        <v>5.0999999999999996</v>
      </c>
      <c r="AN51" s="17">
        <v>5.0199999999999996</v>
      </c>
      <c r="AO51" s="17">
        <v>4.76</v>
      </c>
      <c r="AP51" s="62">
        <v>4.78</v>
      </c>
      <c r="AQ51" s="62">
        <v>4.96</v>
      </c>
      <c r="AR51" s="62">
        <v>5.14</v>
      </c>
      <c r="AS51" s="62">
        <v>4.84</v>
      </c>
      <c r="AT51" s="62">
        <v>5.13</v>
      </c>
      <c r="AU51" s="62">
        <v>5.12</v>
      </c>
      <c r="AV51" s="62">
        <v>5.3</v>
      </c>
      <c r="AW51" s="62">
        <v>5.12</v>
      </c>
      <c r="AX51" s="62">
        <v>4.9400000000000004</v>
      </c>
      <c r="AY51" s="17">
        <v>4.91</v>
      </c>
      <c r="AZ51" s="62">
        <v>4.91</v>
      </c>
      <c r="BA51" s="62">
        <v>3.35</v>
      </c>
      <c r="BB51" s="62">
        <v>4.58</v>
      </c>
      <c r="BC51" s="62">
        <v>4.49</v>
      </c>
      <c r="BD51" s="62">
        <v>4.34</v>
      </c>
      <c r="BE51" s="17"/>
    </row>
    <row r="53" spans="3:57" x14ac:dyDescent="0.2">
      <c r="C53" s="218"/>
      <c r="D53" s="216"/>
    </row>
    <row r="54" spans="3:57" x14ac:dyDescent="0.2">
      <c r="C54" s="216"/>
      <c r="D54" s="216"/>
    </row>
    <row r="55" spans="3:57" x14ac:dyDescent="0.2">
      <c r="C55" s="217"/>
      <c r="D55" s="217"/>
    </row>
    <row r="56" spans="3:57" x14ac:dyDescent="0.2">
      <c r="C56" s="1" t="s">
        <v>1</v>
      </c>
      <c r="E56" s="2">
        <v>2012</v>
      </c>
      <c r="F56" s="2"/>
      <c r="G56" s="2"/>
      <c r="H56" s="2"/>
      <c r="I56" s="2"/>
      <c r="J56" s="2"/>
      <c r="K56" s="2"/>
      <c r="L56" s="2"/>
      <c r="M56" s="2"/>
    </row>
    <row r="57" spans="3:57" x14ac:dyDescent="0.2">
      <c r="C57" s="3" t="s">
        <v>2</v>
      </c>
      <c r="D57" s="3" t="s">
        <v>3</v>
      </c>
      <c r="E57" s="4" t="s">
        <v>15</v>
      </c>
      <c r="F57" s="4" t="s">
        <v>16</v>
      </c>
      <c r="G57" s="4" t="s">
        <v>17</v>
      </c>
      <c r="H57" s="4" t="s">
        <v>18</v>
      </c>
      <c r="I57" s="4" t="s">
        <v>19</v>
      </c>
      <c r="J57" s="4" t="s">
        <v>20</v>
      </c>
      <c r="K57" s="4" t="s">
        <v>21</v>
      </c>
      <c r="L57" s="4" t="s">
        <v>22</v>
      </c>
      <c r="M57" s="4" t="s">
        <v>23</v>
      </c>
      <c r="N57" s="4" t="s">
        <v>24</v>
      </c>
      <c r="O57" s="4" t="s">
        <v>25</v>
      </c>
      <c r="P57" s="4" t="s">
        <v>26</v>
      </c>
      <c r="Q57" s="4" t="s">
        <v>27</v>
      </c>
      <c r="R57" s="4" t="s">
        <v>28</v>
      </c>
      <c r="S57" s="4" t="s">
        <v>29</v>
      </c>
      <c r="T57" s="4" t="s">
        <v>30</v>
      </c>
      <c r="U57" s="4" t="s">
        <v>31</v>
      </c>
      <c r="V57" s="4" t="s">
        <v>32</v>
      </c>
      <c r="W57" s="4" t="s">
        <v>33</v>
      </c>
      <c r="X57" s="4" t="s">
        <v>34</v>
      </c>
      <c r="Y57" s="4" t="s">
        <v>35</v>
      </c>
      <c r="Z57" s="4" t="s">
        <v>36</v>
      </c>
      <c r="AA57" s="4" t="s">
        <v>37</v>
      </c>
      <c r="AB57" s="4" t="s">
        <v>38</v>
      </c>
      <c r="AC57" s="4" t="s">
        <v>39</v>
      </c>
      <c r="AD57" s="4" t="s">
        <v>40</v>
      </c>
      <c r="AE57" s="4" t="s">
        <v>41</v>
      </c>
      <c r="AF57" s="4" t="s">
        <v>42</v>
      </c>
      <c r="AG57" s="4" t="s">
        <v>43</v>
      </c>
      <c r="AH57" s="4" t="s">
        <v>44</v>
      </c>
      <c r="AI57" s="4" t="s">
        <v>45</v>
      </c>
      <c r="AJ57" s="4" t="s">
        <v>46</v>
      </c>
      <c r="AK57" s="4" t="s">
        <v>47</v>
      </c>
      <c r="AL57" s="4" t="s">
        <v>48</v>
      </c>
      <c r="AM57" s="4" t="s">
        <v>49</v>
      </c>
      <c r="AN57" s="4" t="s">
        <v>50</v>
      </c>
      <c r="AO57" s="4" t="s">
        <v>51</v>
      </c>
      <c r="AP57" s="4" t="s">
        <v>52</v>
      </c>
      <c r="AQ57" s="4" t="s">
        <v>53</v>
      </c>
      <c r="AR57" s="4" t="s">
        <v>54</v>
      </c>
      <c r="AS57" s="4" t="s">
        <v>55</v>
      </c>
      <c r="AT57" s="4" t="s">
        <v>4</v>
      </c>
      <c r="AU57" s="4" t="s">
        <v>5</v>
      </c>
      <c r="AV57" s="4" t="s">
        <v>6</v>
      </c>
      <c r="AW57" s="4" t="s">
        <v>7</v>
      </c>
      <c r="AX57" s="4" t="s">
        <v>8</v>
      </c>
      <c r="AY57" s="4" t="s">
        <v>9</v>
      </c>
      <c r="AZ57" s="4" t="s">
        <v>10</v>
      </c>
      <c r="BA57" s="4" t="s">
        <v>11</v>
      </c>
      <c r="BB57" s="4" t="s">
        <v>12</v>
      </c>
      <c r="BC57" s="4" t="s">
        <v>13</v>
      </c>
      <c r="BD57" s="4" t="s">
        <v>14</v>
      </c>
      <c r="BE57" s="4" t="s">
        <v>56</v>
      </c>
    </row>
    <row r="58" spans="3:57" x14ac:dyDescent="0.2">
      <c r="C58" s="5" t="s">
        <v>57</v>
      </c>
      <c r="D58" s="6" t="s">
        <v>58</v>
      </c>
      <c r="E58" s="17"/>
      <c r="F58" s="17"/>
      <c r="G58" s="17"/>
      <c r="H58" s="39"/>
      <c r="I58" s="39"/>
      <c r="J58" s="39"/>
      <c r="K58" s="39"/>
      <c r="L58" s="39"/>
      <c r="M58" s="39"/>
      <c r="N58" s="39"/>
      <c r="O58" s="39"/>
      <c r="P58" s="39"/>
      <c r="Q58" s="39"/>
      <c r="R58" s="39"/>
      <c r="S58" s="39"/>
      <c r="T58" s="39"/>
      <c r="U58" s="39"/>
      <c r="V58" s="39"/>
      <c r="W58" s="23"/>
      <c r="X58" s="39"/>
      <c r="Y58" s="39"/>
      <c r="Z58" s="39"/>
      <c r="AA58" s="17"/>
      <c r="AB58" s="17"/>
      <c r="AC58" s="17"/>
      <c r="AD58" s="17"/>
      <c r="AE58" s="17"/>
      <c r="AF58" s="82"/>
      <c r="AG58" s="8"/>
      <c r="AH58" s="8"/>
      <c r="AI58" s="17"/>
      <c r="AJ58" s="17"/>
      <c r="AK58" s="17"/>
      <c r="AL58" s="17"/>
      <c r="AM58" s="17"/>
      <c r="AN58" s="17"/>
      <c r="AO58" s="17"/>
      <c r="AP58" s="8"/>
      <c r="AQ58" s="17"/>
      <c r="AR58" s="17"/>
      <c r="AS58" s="17"/>
      <c r="AT58" s="17"/>
      <c r="AU58" s="17"/>
      <c r="AV58" s="17"/>
      <c r="AW58" s="17"/>
      <c r="AX58" s="17"/>
      <c r="AY58" s="17"/>
      <c r="AZ58" s="54"/>
      <c r="BA58" s="17"/>
      <c r="BB58" s="17"/>
      <c r="BC58" s="17"/>
      <c r="BD58" s="17"/>
      <c r="BE58" s="17"/>
    </row>
    <row r="59" spans="3:57" x14ac:dyDescent="0.2">
      <c r="C59" s="5" t="s">
        <v>59</v>
      </c>
      <c r="D59" s="6" t="s">
        <v>58</v>
      </c>
      <c r="E59" s="17"/>
      <c r="F59" s="17"/>
      <c r="G59" s="17"/>
      <c r="H59" s="39"/>
      <c r="I59" s="39"/>
      <c r="J59" s="39"/>
      <c r="K59" s="39"/>
      <c r="L59" s="39"/>
      <c r="M59" s="39"/>
      <c r="N59" s="39"/>
      <c r="O59" s="39"/>
      <c r="P59" s="39"/>
      <c r="Q59" s="39"/>
      <c r="R59" s="39"/>
      <c r="S59" s="39"/>
      <c r="T59" s="39"/>
      <c r="U59" s="39"/>
      <c r="V59" s="39"/>
      <c r="W59" s="23"/>
      <c r="X59" s="39"/>
      <c r="Y59" s="39"/>
      <c r="Z59" s="39"/>
      <c r="AA59" s="17"/>
      <c r="AB59" s="17"/>
      <c r="AC59" s="17"/>
      <c r="AD59" s="17"/>
      <c r="AE59" s="17"/>
      <c r="AF59" s="82"/>
      <c r="AG59" s="8"/>
      <c r="AH59" s="8"/>
      <c r="AI59" s="17"/>
      <c r="AJ59" s="17"/>
      <c r="AK59" s="17"/>
      <c r="AL59" s="17"/>
      <c r="AM59" s="17"/>
      <c r="AN59" s="17"/>
      <c r="AO59" s="17"/>
      <c r="AP59" s="8"/>
      <c r="AQ59" s="17"/>
      <c r="AR59" s="17"/>
      <c r="AS59" s="17"/>
      <c r="AT59" s="17"/>
      <c r="AU59" s="17"/>
      <c r="AV59" s="17"/>
      <c r="AW59" s="17"/>
      <c r="AX59" s="17"/>
      <c r="AY59" s="17"/>
      <c r="AZ59" s="54"/>
      <c r="BA59" s="17"/>
      <c r="BB59" s="17"/>
      <c r="BC59" s="17"/>
      <c r="BD59" s="17"/>
      <c r="BE59" s="17"/>
    </row>
    <row r="60" spans="3:57" x14ac:dyDescent="0.2">
      <c r="C60" s="5" t="s">
        <v>60</v>
      </c>
      <c r="D60" s="6" t="s">
        <v>58</v>
      </c>
      <c r="E60" s="17"/>
      <c r="F60" s="17"/>
      <c r="G60" s="17"/>
      <c r="H60" s="39"/>
      <c r="I60" s="39"/>
      <c r="J60" s="39"/>
      <c r="K60" s="39"/>
      <c r="L60" s="39"/>
      <c r="M60" s="39"/>
      <c r="N60" s="39"/>
      <c r="O60" s="39"/>
      <c r="P60" s="39"/>
      <c r="Q60" s="39"/>
      <c r="R60" s="39"/>
      <c r="S60" s="39"/>
      <c r="T60" s="39"/>
      <c r="U60" s="39"/>
      <c r="V60" s="39"/>
      <c r="W60" s="23"/>
      <c r="X60" s="39"/>
      <c r="Y60" s="39"/>
      <c r="Z60" s="39"/>
      <c r="AA60" s="17"/>
      <c r="AB60" s="17"/>
      <c r="AC60" s="17"/>
      <c r="AD60" s="17"/>
      <c r="AE60" s="17"/>
      <c r="AF60" s="82"/>
      <c r="AG60" s="8"/>
      <c r="AH60" s="8"/>
      <c r="AI60" s="17"/>
      <c r="AJ60" s="17"/>
      <c r="AK60" s="17"/>
      <c r="AL60" s="17"/>
      <c r="AM60" s="17"/>
      <c r="AN60" s="17"/>
      <c r="AO60" s="17"/>
      <c r="AP60" s="8"/>
      <c r="AQ60" s="17"/>
      <c r="AR60" s="17"/>
      <c r="AS60" s="17"/>
      <c r="AT60" s="17"/>
      <c r="AU60" s="17"/>
      <c r="AV60" s="17"/>
      <c r="AW60" s="17"/>
      <c r="AX60" s="17"/>
      <c r="AY60" s="17"/>
      <c r="AZ60" s="54"/>
      <c r="BA60" s="17"/>
      <c r="BB60" s="17"/>
      <c r="BC60" s="17"/>
      <c r="BD60" s="17"/>
      <c r="BE60" s="17"/>
    </row>
    <row r="61" spans="3:57" x14ac:dyDescent="0.2">
      <c r="C61" s="5" t="s">
        <v>61</v>
      </c>
      <c r="D61" s="6" t="s">
        <v>58</v>
      </c>
      <c r="E61" s="17"/>
      <c r="F61" s="17"/>
      <c r="G61" s="17"/>
      <c r="H61" s="39"/>
      <c r="I61" s="39"/>
      <c r="J61" s="39"/>
      <c r="K61" s="39"/>
      <c r="L61" s="39"/>
      <c r="M61" s="39"/>
      <c r="N61" s="39"/>
      <c r="O61" s="39"/>
      <c r="P61" s="39"/>
      <c r="Q61" s="39"/>
      <c r="R61" s="39"/>
      <c r="S61" s="39"/>
      <c r="T61" s="39"/>
      <c r="U61" s="39"/>
      <c r="V61" s="39"/>
      <c r="W61" s="23"/>
      <c r="X61" s="39"/>
      <c r="Y61" s="39"/>
      <c r="Z61" s="39"/>
      <c r="AA61" s="17"/>
      <c r="AB61" s="17"/>
      <c r="AC61" s="17"/>
      <c r="AD61" s="17"/>
      <c r="AE61" s="17"/>
      <c r="AF61" s="82"/>
      <c r="AG61" s="8"/>
      <c r="AH61" s="8"/>
      <c r="AI61" s="17"/>
      <c r="AJ61" s="17"/>
      <c r="AK61" s="17"/>
      <c r="AL61" s="17"/>
      <c r="AM61" s="17"/>
      <c r="AN61" s="17"/>
      <c r="AO61" s="17"/>
      <c r="AP61" s="8"/>
      <c r="AQ61" s="17"/>
      <c r="AR61" s="17"/>
      <c r="AS61" s="17"/>
      <c r="AT61" s="17"/>
      <c r="AU61" s="17"/>
      <c r="AV61" s="17"/>
      <c r="AW61" s="17"/>
      <c r="AX61" s="17"/>
      <c r="AY61" s="17"/>
      <c r="AZ61" s="54"/>
      <c r="BA61" s="17"/>
      <c r="BB61" s="17"/>
      <c r="BC61" s="17"/>
      <c r="BD61" s="17"/>
      <c r="BE61" s="17"/>
    </row>
    <row r="62" spans="3:57" x14ac:dyDescent="0.2">
      <c r="C62" s="5" t="s">
        <v>62</v>
      </c>
      <c r="D62" s="6" t="s">
        <v>58</v>
      </c>
      <c r="E62" s="17"/>
      <c r="F62" s="17"/>
      <c r="G62" s="17"/>
      <c r="H62" s="39"/>
      <c r="I62" s="39"/>
      <c r="J62" s="39"/>
      <c r="K62" s="39"/>
      <c r="L62" s="39"/>
      <c r="M62" s="39"/>
      <c r="N62" s="39"/>
      <c r="O62" s="39"/>
      <c r="P62" s="39"/>
      <c r="Q62" s="39"/>
      <c r="R62" s="39"/>
      <c r="S62" s="39"/>
      <c r="T62" s="39"/>
      <c r="U62" s="39"/>
      <c r="V62" s="39"/>
      <c r="W62" s="23"/>
      <c r="X62" s="39"/>
      <c r="Y62" s="39"/>
      <c r="Z62" s="39"/>
      <c r="AA62" s="17"/>
      <c r="AB62" s="17"/>
      <c r="AC62" s="17"/>
      <c r="AD62" s="17"/>
      <c r="AE62" s="17"/>
      <c r="AF62" s="82"/>
      <c r="AG62" s="8"/>
      <c r="AH62" s="8"/>
      <c r="AI62" s="17"/>
      <c r="AJ62" s="17"/>
      <c r="AK62" s="17"/>
      <c r="AL62" s="17"/>
      <c r="AM62" s="17"/>
      <c r="AN62" s="17"/>
      <c r="AO62" s="17"/>
      <c r="AP62" s="8"/>
      <c r="AQ62" s="17"/>
      <c r="AR62" s="17"/>
      <c r="AS62" s="17"/>
      <c r="AT62" s="17"/>
      <c r="AU62" s="17"/>
      <c r="AV62" s="17"/>
      <c r="AW62" s="17"/>
      <c r="AX62" s="17"/>
      <c r="AY62" s="17"/>
      <c r="AZ62" s="54"/>
      <c r="BA62" s="17"/>
      <c r="BB62" s="17"/>
      <c r="BC62" s="17"/>
      <c r="BD62" s="17"/>
      <c r="BE62" s="17"/>
    </row>
    <row r="63" spans="3:57" x14ac:dyDescent="0.2">
      <c r="C63" s="5" t="s">
        <v>75</v>
      </c>
      <c r="D63" s="20" t="s">
        <v>76</v>
      </c>
      <c r="E63" s="17"/>
      <c r="F63" s="17"/>
      <c r="G63" s="17"/>
      <c r="H63" s="8"/>
      <c r="I63" s="39"/>
      <c r="J63" s="39"/>
      <c r="K63" s="39"/>
      <c r="L63" s="39"/>
      <c r="M63" s="39"/>
      <c r="N63" s="39"/>
      <c r="O63" s="39"/>
      <c r="P63" s="39"/>
      <c r="Q63" s="39"/>
      <c r="R63" s="39"/>
      <c r="S63" s="8"/>
      <c r="T63" s="39"/>
      <c r="U63" s="39"/>
      <c r="V63" s="39"/>
      <c r="W63" s="23"/>
      <c r="X63" s="39"/>
      <c r="Y63" s="39"/>
      <c r="Z63" s="39"/>
      <c r="AA63" s="17"/>
      <c r="AB63" s="17"/>
      <c r="AC63" s="17"/>
      <c r="AD63" s="17"/>
      <c r="AE63" s="17"/>
      <c r="AF63" s="82"/>
      <c r="AG63" s="8"/>
      <c r="AH63" s="8"/>
      <c r="AI63" s="17"/>
      <c r="AJ63" s="17"/>
      <c r="AK63" s="17"/>
      <c r="AL63" s="17"/>
      <c r="AM63" s="17"/>
      <c r="AN63" s="17"/>
      <c r="AO63" s="17"/>
      <c r="AP63" s="8"/>
      <c r="AQ63" s="17"/>
      <c r="AR63" s="17"/>
      <c r="AS63" s="17"/>
      <c r="AT63" s="17"/>
      <c r="AU63" s="17"/>
      <c r="AV63" s="17"/>
      <c r="AW63" s="17"/>
      <c r="AX63" s="17"/>
      <c r="AY63" s="17"/>
      <c r="AZ63" s="17"/>
      <c r="BA63" s="17"/>
      <c r="BB63" s="17"/>
      <c r="BC63" s="17"/>
      <c r="BD63" s="17"/>
      <c r="BE63" s="17"/>
    </row>
    <row r="64" spans="3:57" x14ac:dyDescent="0.2">
      <c r="C64" s="5" t="s">
        <v>63</v>
      </c>
      <c r="D64" s="6" t="s">
        <v>58</v>
      </c>
      <c r="E64" s="8">
        <v>6.3793180596650298</v>
      </c>
      <c r="F64" s="8">
        <v>5.4051219243867905</v>
      </c>
      <c r="G64" s="8">
        <v>4.41</v>
      </c>
      <c r="H64" s="8">
        <v>3.6361614512050848</v>
      </c>
      <c r="I64" s="8">
        <v>4.24</v>
      </c>
      <c r="J64" s="8">
        <v>3.7799181168718952</v>
      </c>
      <c r="K64" s="8">
        <v>4.4000000000000004</v>
      </c>
      <c r="L64" s="8">
        <v>6.170280775102353</v>
      </c>
      <c r="M64" s="8">
        <v>5.9373235842195182</v>
      </c>
      <c r="N64" s="8">
        <v>5.9808457969361601</v>
      </c>
      <c r="O64" s="8">
        <v>7.2325619991546546</v>
      </c>
      <c r="P64" s="8">
        <v>6.59</v>
      </c>
      <c r="Q64" s="8">
        <v>5.44</v>
      </c>
      <c r="R64" s="8">
        <v>5.44</v>
      </c>
      <c r="S64" s="8">
        <v>5.81</v>
      </c>
      <c r="T64" s="8">
        <v>7</v>
      </c>
      <c r="U64" s="8">
        <v>6.28</v>
      </c>
      <c r="V64" s="8">
        <v>6.0379107030086798</v>
      </c>
      <c r="W64" s="8">
        <v>5.63</v>
      </c>
      <c r="X64" s="8">
        <v>5.4256416438170092</v>
      </c>
      <c r="Y64" s="8">
        <v>5.99</v>
      </c>
      <c r="Z64" s="8">
        <v>6.28</v>
      </c>
      <c r="AA64" s="8">
        <v>5.89</v>
      </c>
      <c r="AB64" s="8">
        <v>6.52</v>
      </c>
      <c r="AC64" s="8">
        <v>6.49652492138146</v>
      </c>
      <c r="AD64" s="8">
        <v>5.72</v>
      </c>
      <c r="AE64" s="8">
        <v>5.9140183591847588</v>
      </c>
      <c r="AF64" s="8">
        <v>6.83</v>
      </c>
      <c r="AG64" s="8">
        <v>6.21</v>
      </c>
      <c r="AH64" s="8">
        <v>5.28</v>
      </c>
      <c r="AI64" s="8">
        <v>5.5176109716315684</v>
      </c>
      <c r="AJ64" s="8">
        <v>6.57</v>
      </c>
      <c r="AK64" s="8">
        <v>6.73</v>
      </c>
      <c r="AL64" s="8">
        <v>7.37</v>
      </c>
      <c r="AM64" s="8">
        <v>7.44</v>
      </c>
      <c r="AN64" s="8">
        <v>6.76</v>
      </c>
      <c r="AO64" s="8">
        <v>5.93</v>
      </c>
      <c r="AP64" s="8">
        <v>5.5139816009734153</v>
      </c>
      <c r="AQ64" s="8">
        <v>6.0785421214011013</v>
      </c>
      <c r="AR64" s="8">
        <v>5.4580937925205131</v>
      </c>
      <c r="AS64" s="8">
        <v>4.9514594489928054</v>
      </c>
      <c r="AT64" s="8">
        <v>5.3490522222847607</v>
      </c>
      <c r="AU64" s="8">
        <v>6.5445992562078743</v>
      </c>
      <c r="AV64" s="8">
        <v>6.14660298803273</v>
      </c>
      <c r="AW64" s="8">
        <v>5.77</v>
      </c>
      <c r="AX64" s="8">
        <v>5.55346890533413</v>
      </c>
      <c r="AY64" s="8">
        <v>5.3444901129877804</v>
      </c>
      <c r="AZ64" s="8">
        <v>5.0973949566887287</v>
      </c>
      <c r="BA64" s="8">
        <v>5.5163611469724954</v>
      </c>
      <c r="BB64" s="8">
        <v>4.9574549899977773</v>
      </c>
      <c r="BC64" s="8">
        <v>7.5776358475263574</v>
      </c>
      <c r="BD64" s="8">
        <v>7.3830025215822923</v>
      </c>
      <c r="BE64" s="17"/>
    </row>
    <row r="65" spans="3:57" x14ac:dyDescent="0.2">
      <c r="C65" s="5" t="s">
        <v>64</v>
      </c>
      <c r="D65" s="6" t="s">
        <v>58</v>
      </c>
      <c r="E65" s="8">
        <v>4.1689404036557507</v>
      </c>
      <c r="F65" s="8">
        <v>3.9817426110864038</v>
      </c>
      <c r="G65" s="8">
        <v>3.31</v>
      </c>
      <c r="H65" s="8">
        <v>2.7098286265393932</v>
      </c>
      <c r="I65" s="8">
        <v>2.92</v>
      </c>
      <c r="J65" s="8">
        <v>3.0462307888566253</v>
      </c>
      <c r="K65" s="8">
        <v>2.95</v>
      </c>
      <c r="L65" s="8">
        <v>3.6176943267911472</v>
      </c>
      <c r="M65" s="8">
        <v>4.1558577641571093</v>
      </c>
      <c r="N65" s="8">
        <v>4.2905003610709924</v>
      </c>
      <c r="O65" s="8">
        <v>4.9198307886380448</v>
      </c>
      <c r="P65" s="8">
        <v>4.4800000000000004</v>
      </c>
      <c r="Q65" s="8">
        <v>3.81</v>
      </c>
      <c r="R65" s="8">
        <v>3.41</v>
      </c>
      <c r="S65" s="8">
        <v>3.54</v>
      </c>
      <c r="T65" s="8">
        <v>4.92</v>
      </c>
      <c r="U65" s="8">
        <v>4.74</v>
      </c>
      <c r="V65" s="8">
        <v>3.7595196647904037</v>
      </c>
      <c r="W65" s="8">
        <v>3.73</v>
      </c>
      <c r="X65" s="8">
        <v>3.246272476494461</v>
      </c>
      <c r="Y65" s="8">
        <v>3.58</v>
      </c>
      <c r="Z65" s="8">
        <v>3.22</v>
      </c>
      <c r="AA65" s="8">
        <v>2.95</v>
      </c>
      <c r="AB65" s="8">
        <v>2.64</v>
      </c>
      <c r="AC65" s="8">
        <v>3.4889315239856415</v>
      </c>
      <c r="AD65" s="8">
        <v>2.99</v>
      </c>
      <c r="AE65" s="8">
        <v>3.7490463336539981</v>
      </c>
      <c r="AF65" s="8">
        <v>4.1500000000000004</v>
      </c>
      <c r="AG65" s="8">
        <v>4.25</v>
      </c>
      <c r="AH65" s="8">
        <v>3.77</v>
      </c>
      <c r="AI65" s="8">
        <v>3.8756257769714075</v>
      </c>
      <c r="AJ65" s="8">
        <v>4.1399999999999997</v>
      </c>
      <c r="AK65" s="8">
        <v>4.22</v>
      </c>
      <c r="AL65" s="8">
        <v>4.24</v>
      </c>
      <c r="AM65" s="8">
        <v>4.18</v>
      </c>
      <c r="AN65" s="8">
        <v>3.57</v>
      </c>
      <c r="AO65" s="8">
        <v>3.39</v>
      </c>
      <c r="AP65" s="8">
        <v>3.6176341839126649</v>
      </c>
      <c r="AQ65" s="8">
        <v>4.1594616613418536</v>
      </c>
      <c r="AR65" s="8">
        <v>3.9917454155085954</v>
      </c>
      <c r="AS65" s="8">
        <v>3.7394749124854147</v>
      </c>
      <c r="AT65" s="8">
        <v>3.6828096584861485</v>
      </c>
      <c r="AU65" s="8">
        <v>3.7378549117247624</v>
      </c>
      <c r="AV65" s="8">
        <v>3.7189655564396955</v>
      </c>
      <c r="AW65" s="8">
        <v>3.72</v>
      </c>
      <c r="AX65" s="8">
        <v>4.0249675786261658</v>
      </c>
      <c r="AY65" s="8">
        <v>3.8877722427412893</v>
      </c>
      <c r="AZ65" s="8">
        <v>3.9110020575162165</v>
      </c>
      <c r="BA65" s="8">
        <v>4.1474031035858019</v>
      </c>
      <c r="BB65" s="8">
        <v>3.468715975762239</v>
      </c>
      <c r="BC65" s="8">
        <v>5.1404220214857661</v>
      </c>
      <c r="BD65" s="8">
        <v>5.14949200629556</v>
      </c>
      <c r="BE65" s="17"/>
    </row>
    <row r="66" spans="3:57" x14ac:dyDescent="0.2">
      <c r="C66" s="5" t="s">
        <v>65</v>
      </c>
      <c r="D66" s="6" t="s">
        <v>58</v>
      </c>
      <c r="E66" s="8">
        <v>3.0306839018163769</v>
      </c>
      <c r="F66" s="8">
        <v>2.6771946842694896</v>
      </c>
      <c r="G66" s="8">
        <v>2.75</v>
      </c>
      <c r="H66" s="8">
        <v>2.3798349747541656</v>
      </c>
      <c r="I66" s="8">
        <v>2.63</v>
      </c>
      <c r="J66" s="8">
        <v>2.4550841408102255</v>
      </c>
      <c r="K66" s="8">
        <v>2.46</v>
      </c>
      <c r="L66" s="8">
        <v>2.2442580855437995</v>
      </c>
      <c r="M66" s="8">
        <v>2.1013080131851463</v>
      </c>
      <c r="N66" s="8">
        <v>2.4605870128745608</v>
      </c>
      <c r="O66" s="8">
        <v>2.3348147508471855</v>
      </c>
      <c r="P66" s="8">
        <v>2.63</v>
      </c>
      <c r="Q66" s="8">
        <v>2.41</v>
      </c>
      <c r="R66" s="8">
        <v>2.4700000000000002</v>
      </c>
      <c r="S66" s="8">
        <v>2.33</v>
      </c>
      <c r="T66" s="8">
        <v>3.09</v>
      </c>
      <c r="U66" s="8">
        <v>2.5499999999999998</v>
      </c>
      <c r="V66" s="8">
        <v>2.7279346777097584</v>
      </c>
      <c r="W66" s="8">
        <v>2.93</v>
      </c>
      <c r="X66" s="8">
        <v>2.7375549249028968</v>
      </c>
      <c r="Y66" s="8">
        <v>2.89</v>
      </c>
      <c r="Z66" s="8">
        <v>2.19</v>
      </c>
      <c r="AA66" s="8">
        <v>2.79</v>
      </c>
      <c r="AB66" s="8">
        <v>3.22</v>
      </c>
      <c r="AC66" s="8">
        <v>2.3193915838002459</v>
      </c>
      <c r="AD66" s="8">
        <v>2.65</v>
      </c>
      <c r="AE66" s="8">
        <v>3.6803093713294928</v>
      </c>
      <c r="AF66" s="8">
        <v>3.61</v>
      </c>
      <c r="AG66" s="8">
        <v>3.67</v>
      </c>
      <c r="AH66" s="8">
        <v>3.64</v>
      </c>
      <c r="AI66" s="8">
        <v>3.6877297562839444</v>
      </c>
      <c r="AJ66" s="8">
        <v>4.2699999999999996</v>
      </c>
      <c r="AK66" s="8">
        <v>4.3499999999999996</v>
      </c>
      <c r="AL66" s="8">
        <v>3.39</v>
      </c>
      <c r="AM66" s="8">
        <v>3.97</v>
      </c>
      <c r="AN66" s="8">
        <v>3.38</v>
      </c>
      <c r="AO66" s="8">
        <v>2.3199999999999998</v>
      </c>
      <c r="AP66" s="8">
        <v>2.3668482415081376</v>
      </c>
      <c r="AQ66" s="8">
        <v>2.9420428700444181</v>
      </c>
      <c r="AR66" s="8">
        <v>2.012786545250548</v>
      </c>
      <c r="AS66" s="8">
        <v>2.2294177190845565</v>
      </c>
      <c r="AT66" s="8">
        <v>2.5064044754301134</v>
      </c>
      <c r="AU66" s="8">
        <v>2.9517731618318974</v>
      </c>
      <c r="AV66" s="8">
        <v>2.4106921923515827</v>
      </c>
      <c r="AW66" s="8">
        <v>2.5499999999999998</v>
      </c>
      <c r="AX66" s="8">
        <v>2.7423464053783873</v>
      </c>
      <c r="AY66" s="8">
        <v>2.4326545854530459</v>
      </c>
      <c r="AZ66" s="8">
        <v>2.7658753277200763</v>
      </c>
      <c r="BA66" s="8">
        <v>2.8679075734181394</v>
      </c>
      <c r="BB66" s="8">
        <v>3.2567287522126231</v>
      </c>
      <c r="BC66" s="8">
        <v>3.5785351310429361</v>
      </c>
      <c r="BD66" s="8">
        <v>3.8239395056009435</v>
      </c>
      <c r="BE66" s="17"/>
    </row>
    <row r="67" spans="3:57" x14ac:dyDescent="0.2">
      <c r="C67" s="5" t="s">
        <v>66</v>
      </c>
      <c r="D67" s="6" t="s">
        <v>58</v>
      </c>
      <c r="E67" s="8">
        <v>2.9792908157771953</v>
      </c>
      <c r="F67" s="8">
        <v>3.5745541668982379</v>
      </c>
      <c r="G67" s="8">
        <v>3.39</v>
      </c>
      <c r="H67" s="8">
        <v>3.3851014459347186</v>
      </c>
      <c r="I67" s="8">
        <v>3.84</v>
      </c>
      <c r="J67" s="8">
        <v>4.4493066001950803</v>
      </c>
      <c r="K67" s="8">
        <v>3.93</v>
      </c>
      <c r="L67" s="8">
        <v>3.2247663666785797</v>
      </c>
      <c r="M67" s="8">
        <v>3.3290789254601605</v>
      </c>
      <c r="N67" s="8">
        <v>3.6897168658550594</v>
      </c>
      <c r="O67" s="8">
        <v>3.4929465328768448</v>
      </c>
      <c r="P67" s="8">
        <v>3.5</v>
      </c>
      <c r="Q67" s="8">
        <v>3.44</v>
      </c>
      <c r="R67" s="8">
        <v>3.95</v>
      </c>
      <c r="S67" s="8">
        <v>3.79</v>
      </c>
      <c r="T67" s="8">
        <v>4.51</v>
      </c>
      <c r="U67" s="8">
        <v>3.72</v>
      </c>
      <c r="V67" s="8">
        <v>3.4729166040100252</v>
      </c>
      <c r="W67" s="8">
        <v>2.96</v>
      </c>
      <c r="X67" s="8">
        <v>2.6821424943335428</v>
      </c>
      <c r="Y67" s="8">
        <v>3.44</v>
      </c>
      <c r="Z67" s="8">
        <v>2.96</v>
      </c>
      <c r="AA67" s="8">
        <v>3.04</v>
      </c>
      <c r="AB67" s="8">
        <v>4.18</v>
      </c>
      <c r="AC67" s="8">
        <v>3.110610859589336</v>
      </c>
      <c r="AD67" s="8">
        <v>3.33</v>
      </c>
      <c r="AE67" s="8">
        <v>4.6240326089695669</v>
      </c>
      <c r="AF67" s="8">
        <v>3.56</v>
      </c>
      <c r="AG67" s="8">
        <v>3.6</v>
      </c>
      <c r="AH67" s="8">
        <v>2.94</v>
      </c>
      <c r="AI67" s="8">
        <v>4.4733689460147215</v>
      </c>
      <c r="AJ67" s="8">
        <v>4.84</v>
      </c>
      <c r="AK67" s="8">
        <v>3.94</v>
      </c>
      <c r="AL67" s="8">
        <v>3.95</v>
      </c>
      <c r="AM67" s="8">
        <v>3.48</v>
      </c>
      <c r="AN67" s="8">
        <v>3.87</v>
      </c>
      <c r="AO67" s="8">
        <v>3.18</v>
      </c>
      <c r="AP67" s="8">
        <v>2.8142107498601234</v>
      </c>
      <c r="AQ67" s="8">
        <v>3.1994641621768936</v>
      </c>
      <c r="AR67" s="8">
        <v>3.3219369348481331</v>
      </c>
      <c r="AS67" s="8">
        <v>2.9087436758641219</v>
      </c>
      <c r="AT67" s="8">
        <v>3.1961434254065848</v>
      </c>
      <c r="AU67" s="8">
        <v>3.2746038952677923</v>
      </c>
      <c r="AV67" s="8">
        <v>4.4915275836111412</v>
      </c>
      <c r="AW67" s="8">
        <v>4.71</v>
      </c>
      <c r="AX67" s="8">
        <v>3.2483304822389512</v>
      </c>
      <c r="AY67" s="8">
        <v>3.6099268782731855</v>
      </c>
      <c r="AZ67" s="8">
        <v>3.3444861312799734</v>
      </c>
      <c r="BA67" s="8">
        <v>3.555853843059317</v>
      </c>
      <c r="BB67" s="8">
        <v>3.5656539186265612</v>
      </c>
      <c r="BC67" s="8">
        <v>3.6882638922697932</v>
      </c>
      <c r="BD67" s="8">
        <v>3.8934021244924208</v>
      </c>
      <c r="BE67" s="17"/>
    </row>
    <row r="68" spans="3:57" x14ac:dyDescent="0.2">
      <c r="C68" s="5" t="s">
        <v>67</v>
      </c>
      <c r="D68" s="6" t="s">
        <v>58</v>
      </c>
      <c r="E68" s="8">
        <v>6.8284650564606855</v>
      </c>
      <c r="F68" s="8">
        <v>8.655382388126192</v>
      </c>
      <c r="G68" s="8">
        <v>7.87</v>
      </c>
      <c r="H68" s="8">
        <v>5.6570358736828776</v>
      </c>
      <c r="I68" s="8">
        <v>6.14</v>
      </c>
      <c r="J68" s="8">
        <v>6.2986159747497341</v>
      </c>
      <c r="K68" s="8">
        <v>6.13</v>
      </c>
      <c r="L68" s="8">
        <v>6.1233019390432046</v>
      </c>
      <c r="M68" s="8">
        <v>6.2608681045065246</v>
      </c>
      <c r="N68" s="8">
        <v>7.0474332745515511</v>
      </c>
      <c r="O68" s="8">
        <v>6.2808459549686866</v>
      </c>
      <c r="P68" s="8">
        <v>6.42</v>
      </c>
      <c r="Q68" s="8">
        <v>5.94</v>
      </c>
      <c r="R68" s="8">
        <v>5.44</v>
      </c>
      <c r="S68" s="8">
        <v>6.18</v>
      </c>
      <c r="T68" s="8">
        <v>7.53</v>
      </c>
      <c r="U68" s="8">
        <v>7.84</v>
      </c>
      <c r="V68" s="8">
        <v>7.3033767844159012</v>
      </c>
      <c r="W68" s="8">
        <v>7.27</v>
      </c>
      <c r="X68" s="8">
        <v>6.4571644243929178</v>
      </c>
      <c r="Y68" s="8">
        <v>6.31</v>
      </c>
      <c r="Z68" s="8">
        <v>6.09</v>
      </c>
      <c r="AA68" s="8">
        <v>5.4</v>
      </c>
      <c r="AB68" s="8">
        <v>6.26</v>
      </c>
      <c r="AC68" s="8">
        <v>6.03770886075589</v>
      </c>
      <c r="AD68" s="8">
        <v>6.04</v>
      </c>
      <c r="AE68" s="8">
        <v>6.2909999031847876</v>
      </c>
      <c r="AF68" s="8">
        <v>6.72</v>
      </c>
      <c r="AG68" s="8">
        <v>6.26</v>
      </c>
      <c r="AH68" s="8">
        <v>6.13</v>
      </c>
      <c r="AI68" s="8">
        <v>6.1629428799422374</v>
      </c>
      <c r="AJ68" s="8">
        <v>5.98</v>
      </c>
      <c r="AK68" s="8">
        <v>6.16</v>
      </c>
      <c r="AL68" s="8">
        <v>6.46</v>
      </c>
      <c r="AM68" s="8">
        <v>6.64</v>
      </c>
      <c r="AN68" s="8">
        <v>7.05</v>
      </c>
      <c r="AO68" s="8">
        <v>6.24</v>
      </c>
      <c r="AP68" s="8">
        <v>6.1698300438452893</v>
      </c>
      <c r="AQ68" s="8">
        <v>6.5977784943056008</v>
      </c>
      <c r="AR68" s="8">
        <v>6.2471537146231988</v>
      </c>
      <c r="AS68" s="8">
        <v>6.467307834292507</v>
      </c>
      <c r="AT68" s="8">
        <v>6.3787447801572617</v>
      </c>
      <c r="AU68" s="8">
        <v>6.7588266892743567</v>
      </c>
      <c r="AV68" s="8">
        <v>6.2906874006424776</v>
      </c>
      <c r="AW68" s="8">
        <v>6.35</v>
      </c>
      <c r="AX68" s="8">
        <v>6.4169980394169901</v>
      </c>
      <c r="AY68" s="8">
        <v>6.6055782932618303</v>
      </c>
      <c r="AZ68" s="8">
        <v>7.3364276385126805</v>
      </c>
      <c r="BA68" s="8">
        <v>7.4444888895813826</v>
      </c>
      <c r="BB68" s="8">
        <v>6.0493838209654767</v>
      </c>
      <c r="BC68" s="8">
        <v>6.6328686980297205</v>
      </c>
      <c r="BD68" s="8">
        <v>7.2397632733142121</v>
      </c>
      <c r="BE68" s="17"/>
    </row>
    <row r="69" spans="3:57" x14ac:dyDescent="0.2">
      <c r="C69" s="5" t="s">
        <v>68</v>
      </c>
      <c r="D69" s="6" t="s">
        <v>58</v>
      </c>
      <c r="E69" s="8">
        <v>3.5041356529398806</v>
      </c>
      <c r="F69" s="8">
        <v>3.1735773855028144</v>
      </c>
      <c r="G69" s="8">
        <v>3.47</v>
      </c>
      <c r="H69" s="8">
        <v>3.4221820689151294</v>
      </c>
      <c r="I69" s="8">
        <v>3.22</v>
      </c>
      <c r="J69" s="8">
        <v>3.5982809228440269</v>
      </c>
      <c r="K69" s="8">
        <v>3.69</v>
      </c>
      <c r="L69" s="8">
        <v>3.6484454613373178</v>
      </c>
      <c r="M69" s="8">
        <v>3.3707580299785866</v>
      </c>
      <c r="N69" s="8">
        <v>3.168824194130873</v>
      </c>
      <c r="O69" s="8">
        <v>3.1852631046533015</v>
      </c>
      <c r="P69" s="8">
        <v>3.11</v>
      </c>
      <c r="Q69" s="8">
        <v>3.06</v>
      </c>
      <c r="R69" s="8">
        <v>3.08</v>
      </c>
      <c r="S69" s="8">
        <v>3.23</v>
      </c>
      <c r="T69" s="8">
        <v>3.41</v>
      </c>
      <c r="U69" s="8">
        <v>3.43</v>
      </c>
      <c r="V69" s="8">
        <v>3.1909951340952811</v>
      </c>
      <c r="W69" s="8">
        <v>2.94</v>
      </c>
      <c r="X69" s="8">
        <v>2.7763181609831618</v>
      </c>
      <c r="Y69" s="8">
        <v>3.06</v>
      </c>
      <c r="Z69" s="8">
        <v>2.73</v>
      </c>
      <c r="AA69" s="8">
        <v>3.07</v>
      </c>
      <c r="AB69" s="8">
        <v>3.33</v>
      </c>
      <c r="AC69" s="8">
        <v>2.9791971177694041</v>
      </c>
      <c r="AD69" s="8">
        <v>2.83</v>
      </c>
      <c r="AE69" s="8">
        <v>3.153374731770517</v>
      </c>
      <c r="AF69" s="8">
        <v>3.22</v>
      </c>
      <c r="AG69" s="8">
        <v>2.98</v>
      </c>
      <c r="AH69" s="8">
        <v>2.93</v>
      </c>
      <c r="AI69" s="8">
        <v>3.0503380948356011</v>
      </c>
      <c r="AJ69" s="8">
        <v>2.92</v>
      </c>
      <c r="AK69" s="8">
        <v>2.8</v>
      </c>
      <c r="AL69" s="8">
        <v>2.58</v>
      </c>
      <c r="AM69" s="8">
        <v>2.88</v>
      </c>
      <c r="AN69" s="8">
        <v>2.8</v>
      </c>
      <c r="AO69" s="8">
        <v>2.83</v>
      </c>
      <c r="AP69" s="8">
        <v>2.5393415951812783</v>
      </c>
      <c r="AQ69" s="8">
        <v>2.9503277296259669</v>
      </c>
      <c r="AR69" s="8">
        <v>2.8811642950822902</v>
      </c>
      <c r="AS69" s="8">
        <v>2.8229300193980924</v>
      </c>
      <c r="AT69" s="8">
        <v>3.1905891022699193</v>
      </c>
      <c r="AU69" s="8">
        <v>2.7643069345116746</v>
      </c>
      <c r="AV69" s="8">
        <v>2.9628060564031435</v>
      </c>
      <c r="AW69" s="8">
        <v>2.9</v>
      </c>
      <c r="AX69" s="8">
        <v>2.7894319596216985</v>
      </c>
      <c r="AY69" s="8">
        <v>2.4937565338923826</v>
      </c>
      <c r="AZ69" s="8">
        <v>3.1271262238952406</v>
      </c>
      <c r="BA69" s="8">
        <v>3.2451494474408191</v>
      </c>
      <c r="BB69" s="8">
        <v>3.2841481975811644</v>
      </c>
      <c r="BC69" s="8">
        <v>3.4319926191033656</v>
      </c>
      <c r="BD69" s="8">
        <v>4.1949083065810582</v>
      </c>
      <c r="BE69" s="17"/>
    </row>
    <row r="70" spans="3:57" x14ac:dyDescent="0.2">
      <c r="C70" s="5" t="s">
        <v>69</v>
      </c>
      <c r="D70" s="6" t="s">
        <v>58</v>
      </c>
      <c r="E70" s="8">
        <v>2.5102049262066215</v>
      </c>
      <c r="F70" s="8">
        <v>1.9269114391143913</v>
      </c>
      <c r="G70" s="8">
        <v>2.38</v>
      </c>
      <c r="H70" s="8">
        <v>1.9205964195617931</v>
      </c>
      <c r="I70" s="8">
        <v>2.0699999999999998</v>
      </c>
      <c r="J70" s="8">
        <v>2.0230440418723221</v>
      </c>
      <c r="K70" s="8">
        <v>1.75</v>
      </c>
      <c r="L70" s="8">
        <v>1.3238059378471261</v>
      </c>
      <c r="M70" s="8">
        <v>1.8363030587645974</v>
      </c>
      <c r="N70" s="8">
        <v>2.2393158071509269</v>
      </c>
      <c r="O70" s="8">
        <v>2.4077708621341651</v>
      </c>
      <c r="P70" s="8">
        <v>2.5299999999999998</v>
      </c>
      <c r="Q70" s="8">
        <v>2.27</v>
      </c>
      <c r="R70" s="8">
        <v>2.11</v>
      </c>
      <c r="S70" s="8">
        <v>2.48</v>
      </c>
      <c r="T70" s="8">
        <v>1.93</v>
      </c>
      <c r="U70" s="8">
        <v>2.11</v>
      </c>
      <c r="V70" s="8">
        <v>1.781867172531056</v>
      </c>
      <c r="W70" s="8">
        <v>1.54</v>
      </c>
      <c r="X70" s="8">
        <v>1.325520735102609</v>
      </c>
      <c r="Y70" s="8">
        <v>1.82</v>
      </c>
      <c r="Z70" s="8">
        <v>1.67</v>
      </c>
      <c r="AA70" s="8">
        <v>1.41</v>
      </c>
      <c r="AB70" s="8">
        <v>1.49</v>
      </c>
      <c r="AC70" s="8">
        <v>1.6211757134003253</v>
      </c>
      <c r="AD70" s="8">
        <v>1.46</v>
      </c>
      <c r="AE70" s="8">
        <v>1.7680715681996164</v>
      </c>
      <c r="AF70" s="8">
        <v>1.73</v>
      </c>
      <c r="AG70" s="8">
        <v>1.82</v>
      </c>
      <c r="AH70" s="8">
        <v>1.83</v>
      </c>
      <c r="AI70" s="8">
        <v>2.4768123484013236</v>
      </c>
      <c r="AJ70" s="8">
        <v>2.2200000000000002</v>
      </c>
      <c r="AK70" s="8">
        <v>1.99</v>
      </c>
      <c r="AL70" s="8">
        <v>1.92</v>
      </c>
      <c r="AM70" s="8">
        <v>1.53</v>
      </c>
      <c r="AN70" s="8">
        <v>1.86</v>
      </c>
      <c r="AO70" s="8">
        <v>2.04</v>
      </c>
      <c r="AP70" s="8">
        <v>1.8826823757631084</v>
      </c>
      <c r="AQ70" s="8">
        <v>2.0774891994917413</v>
      </c>
      <c r="AR70" s="8">
        <v>1.9538088139873384</v>
      </c>
      <c r="AS70" s="8">
        <v>1.9141980751441672</v>
      </c>
      <c r="AT70" s="8">
        <v>1.8678025271492793</v>
      </c>
      <c r="AU70" s="8">
        <v>1.8472133079378998</v>
      </c>
      <c r="AV70" s="8">
        <v>1.9320662369173942</v>
      </c>
      <c r="AW70" s="8">
        <v>2.42</v>
      </c>
      <c r="AX70" s="8">
        <v>2.1862130259472439</v>
      </c>
      <c r="AY70" s="8">
        <v>2.3927289102582074</v>
      </c>
      <c r="AZ70" s="8">
        <v>2.5618908694443223</v>
      </c>
      <c r="BA70" s="8">
        <v>2.6498346643487078</v>
      </c>
      <c r="BB70" s="8">
        <v>2.7010596873383523</v>
      </c>
      <c r="BC70" s="8">
        <v>2.9373945888475421</v>
      </c>
      <c r="BD70" s="8">
        <v>2.7785717142957984</v>
      </c>
      <c r="BE70" s="17"/>
    </row>
    <row r="71" spans="3:57" x14ac:dyDescent="0.2">
      <c r="C71" s="5" t="s">
        <v>70</v>
      </c>
      <c r="D71" s="6" t="s">
        <v>58</v>
      </c>
      <c r="E71" s="8">
        <v>3.0709401709401707</v>
      </c>
      <c r="F71" s="8">
        <v>3.0337658380786281</v>
      </c>
      <c r="G71" s="8">
        <v>3.47</v>
      </c>
      <c r="H71" s="8">
        <v>2.904828838788645</v>
      </c>
      <c r="I71" s="8">
        <v>3.21</v>
      </c>
      <c r="J71" s="8">
        <v>3.5806385849820423</v>
      </c>
      <c r="K71" s="8">
        <v>3.11</v>
      </c>
      <c r="L71" s="8">
        <v>2.4464710282266005</v>
      </c>
      <c r="M71" s="8">
        <v>2.2027992481157272</v>
      </c>
      <c r="N71" s="8">
        <v>2.2499928589527998</v>
      </c>
      <c r="O71" s="8">
        <v>2.0961111248976354</v>
      </c>
      <c r="P71" s="8">
        <v>2.21</v>
      </c>
      <c r="Q71" s="8">
        <v>2.1</v>
      </c>
      <c r="R71" s="8">
        <v>2.17</v>
      </c>
      <c r="S71" s="8">
        <v>2.2599999999999998</v>
      </c>
      <c r="T71" s="8">
        <v>2.54</v>
      </c>
      <c r="U71" s="8">
        <v>2.83</v>
      </c>
      <c r="V71" s="8">
        <v>2.9203147638745981</v>
      </c>
      <c r="W71" s="8">
        <v>2.62</v>
      </c>
      <c r="X71" s="8">
        <v>2.8263616331585077</v>
      </c>
      <c r="Y71" s="8">
        <v>2.99</v>
      </c>
      <c r="Z71" s="8">
        <v>2.97</v>
      </c>
      <c r="AA71" s="8">
        <v>3.09</v>
      </c>
      <c r="AB71" s="8">
        <v>3.33</v>
      </c>
      <c r="AC71" s="8">
        <v>2.9992045798752036</v>
      </c>
      <c r="AD71" s="8">
        <v>2.89</v>
      </c>
      <c r="AE71" s="8">
        <v>2.932442633497748</v>
      </c>
      <c r="AF71" s="8">
        <v>2.9</v>
      </c>
      <c r="AG71" s="8">
        <v>2.85</v>
      </c>
      <c r="AH71" s="8">
        <v>2.69</v>
      </c>
      <c r="AI71" s="8">
        <v>2.8587518841798993</v>
      </c>
      <c r="AJ71" s="8">
        <v>3.18</v>
      </c>
      <c r="AK71" s="8">
        <v>2.58</v>
      </c>
      <c r="AL71" s="8">
        <v>2.72</v>
      </c>
      <c r="AM71" s="8">
        <v>2.72</v>
      </c>
      <c r="AN71" s="8">
        <v>3.01</v>
      </c>
      <c r="AO71" s="8">
        <v>2.83</v>
      </c>
      <c r="AP71" s="8">
        <v>2.7224689365542134</v>
      </c>
      <c r="AQ71" s="8">
        <v>2.6186271523534788</v>
      </c>
      <c r="AR71" s="8">
        <v>3.0111652285707224</v>
      </c>
      <c r="AS71" s="8">
        <v>2.9080813736468833</v>
      </c>
      <c r="AT71" s="8">
        <v>3.0710654069456047</v>
      </c>
      <c r="AU71" s="8">
        <v>3.1681670177177552</v>
      </c>
      <c r="AV71" s="8">
        <v>2.9032255595358381</v>
      </c>
      <c r="AW71" s="8">
        <v>3.06</v>
      </c>
      <c r="AX71" s="8">
        <v>2.8566213348545348</v>
      </c>
      <c r="AY71" s="8">
        <v>2.8382652837876523</v>
      </c>
      <c r="AZ71" s="8">
        <v>3.104943660201902</v>
      </c>
      <c r="BA71" s="8">
        <v>3.0736519308529404</v>
      </c>
      <c r="BB71" s="8">
        <v>2.8885589405360133</v>
      </c>
      <c r="BC71" s="8">
        <v>2.8385175709596449</v>
      </c>
      <c r="BD71" s="8">
        <v>2.9653978145037478</v>
      </c>
      <c r="BE71" s="17"/>
    </row>
    <row r="72" spans="3:57" x14ac:dyDescent="0.2">
      <c r="C72" s="5" t="s">
        <v>101</v>
      </c>
      <c r="D72" s="6" t="s">
        <v>58</v>
      </c>
      <c r="E72" s="8">
        <v>7.5278908459238911</v>
      </c>
      <c r="F72" s="8">
        <v>6.561813063826901</v>
      </c>
      <c r="G72" s="8">
        <v>6.97</v>
      </c>
      <c r="H72" s="8">
        <v>5.468763108647293</v>
      </c>
      <c r="I72" s="8">
        <v>4.34</v>
      </c>
      <c r="J72" s="8">
        <v>6.7714431629569738</v>
      </c>
      <c r="K72" s="8">
        <v>6.71</v>
      </c>
      <c r="L72" s="8">
        <v>6.9121573041372484</v>
      </c>
      <c r="M72" s="8">
        <v>6.4093610437106587</v>
      </c>
      <c r="N72" s="8">
        <v>6.2420477120766034</v>
      </c>
      <c r="O72" s="8">
        <v>6.4573849747406156</v>
      </c>
      <c r="P72" s="8">
        <v>6.82</v>
      </c>
      <c r="Q72" s="8">
        <v>6.94</v>
      </c>
      <c r="R72" s="8">
        <v>6.74</v>
      </c>
      <c r="S72" s="8">
        <v>7.16</v>
      </c>
      <c r="T72" s="8">
        <v>7.27</v>
      </c>
      <c r="U72" s="8">
        <v>6.58</v>
      </c>
      <c r="V72" s="8">
        <v>6.6702172117108951</v>
      </c>
      <c r="W72" s="8">
        <v>5.91</v>
      </c>
      <c r="X72" s="8">
        <v>6.2354570373018712</v>
      </c>
      <c r="Y72" s="8">
        <v>4.99</v>
      </c>
      <c r="Z72" s="8">
        <v>6.75</v>
      </c>
      <c r="AA72" s="8">
        <v>7.07</v>
      </c>
      <c r="AB72" s="8">
        <v>7.33</v>
      </c>
      <c r="AC72" s="8">
        <v>7.3542884257022569</v>
      </c>
      <c r="AD72" s="8">
        <v>6.59</v>
      </c>
      <c r="AE72" s="8">
        <v>6.7040352943867516</v>
      </c>
      <c r="AF72" s="8">
        <v>6.07</v>
      </c>
      <c r="AG72" s="8">
        <v>5.72</v>
      </c>
      <c r="AH72" s="8">
        <v>5.97</v>
      </c>
      <c r="AI72" s="8">
        <v>5.6800442938718829</v>
      </c>
      <c r="AJ72" s="8">
        <v>5.49</v>
      </c>
      <c r="AK72" s="8">
        <v>5.59</v>
      </c>
      <c r="AL72" s="8">
        <v>5.97</v>
      </c>
      <c r="AM72" s="8">
        <v>5.85</v>
      </c>
      <c r="AN72" s="8">
        <v>5.74</v>
      </c>
      <c r="AO72" s="8">
        <v>5.55</v>
      </c>
      <c r="AP72" s="8">
        <v>5.0604389513622241</v>
      </c>
      <c r="AQ72" s="8">
        <v>5.9625608963137093</v>
      </c>
      <c r="AR72" s="8">
        <v>5.8067399180657846</v>
      </c>
      <c r="AS72" s="8">
        <v>5.0571610015019619</v>
      </c>
      <c r="AT72" s="8">
        <v>5.5716580240174673</v>
      </c>
      <c r="AU72" s="8">
        <v>5.862569967100816</v>
      </c>
      <c r="AV72" s="8">
        <v>6.0609419939577034</v>
      </c>
      <c r="AW72" s="8">
        <v>5.97</v>
      </c>
      <c r="AX72" s="8">
        <v>5.0134841618278809</v>
      </c>
      <c r="AY72" s="8">
        <v>6.0425382209867973</v>
      </c>
      <c r="AZ72" s="8">
        <v>6.5363029076186976</v>
      </c>
      <c r="BA72" s="8">
        <v>7.4690707829017926</v>
      </c>
      <c r="BB72" s="8">
        <v>6.5188080138684681</v>
      </c>
      <c r="BC72" s="8">
        <v>7.1215855629376899</v>
      </c>
      <c r="BD72" s="8">
        <v>7.3575575923929035</v>
      </c>
      <c r="BE72" s="17"/>
    </row>
    <row r="73" spans="3:57" x14ac:dyDescent="0.2">
      <c r="C73" s="5" t="s">
        <v>71</v>
      </c>
      <c r="D73" s="6" t="s">
        <v>58</v>
      </c>
      <c r="E73" s="8">
        <v>3.3691166835427961</v>
      </c>
      <c r="F73" s="8">
        <v>3.2470888170078274</v>
      </c>
      <c r="G73" s="8">
        <v>3.24</v>
      </c>
      <c r="H73" s="8">
        <v>3.381063331381243</v>
      </c>
      <c r="I73" s="8">
        <v>3.21</v>
      </c>
      <c r="J73" s="8">
        <v>3.1819982421997612</v>
      </c>
      <c r="K73" s="8">
        <v>3.19</v>
      </c>
      <c r="L73" s="8">
        <v>3.0752225348877276</v>
      </c>
      <c r="M73" s="8">
        <v>3.1858976794680416</v>
      </c>
      <c r="N73" s="8">
        <v>3.0570916931622993</v>
      </c>
      <c r="O73" s="8">
        <v>3.2985225673774217</v>
      </c>
      <c r="P73" s="8">
        <v>3.42</v>
      </c>
      <c r="Q73" s="8">
        <v>3.35</v>
      </c>
      <c r="R73" s="8">
        <v>3.28</v>
      </c>
      <c r="S73" s="8">
        <v>3.23</v>
      </c>
      <c r="T73" s="8">
        <v>3.23</v>
      </c>
      <c r="U73" s="8">
        <v>3.16</v>
      </c>
      <c r="V73" s="8">
        <v>3.3238878747117604</v>
      </c>
      <c r="W73" s="8">
        <v>3.37</v>
      </c>
      <c r="X73" s="8">
        <v>3.2681619623655913</v>
      </c>
      <c r="Y73" s="8">
        <v>3.32</v>
      </c>
      <c r="Z73" s="8">
        <v>3.32</v>
      </c>
      <c r="AA73" s="8">
        <v>2.97</v>
      </c>
      <c r="AB73" s="8">
        <v>3.1</v>
      </c>
      <c r="AC73" s="8">
        <v>2.990361651990574</v>
      </c>
      <c r="AD73" s="8">
        <v>3.06</v>
      </c>
      <c r="AE73" s="8">
        <v>3.083400778404271</v>
      </c>
      <c r="AF73" s="8">
        <v>3.08</v>
      </c>
      <c r="AG73" s="8">
        <v>3.08</v>
      </c>
      <c r="AH73" s="8">
        <v>3.06</v>
      </c>
      <c r="AI73" s="8">
        <v>3.0104171898543446</v>
      </c>
      <c r="AJ73" s="8">
        <v>2.99</v>
      </c>
      <c r="AK73" s="8">
        <v>3.06</v>
      </c>
      <c r="AL73" s="8">
        <v>3.04</v>
      </c>
      <c r="AM73" s="8">
        <v>3.04</v>
      </c>
      <c r="AN73" s="8">
        <v>3.09</v>
      </c>
      <c r="AO73" s="8">
        <v>3.11</v>
      </c>
      <c r="AP73" s="8">
        <v>3.0915295795058784</v>
      </c>
      <c r="AQ73" s="8">
        <v>3.150956352333421</v>
      </c>
      <c r="AR73" s="8">
        <v>3.1238606397531798</v>
      </c>
      <c r="AS73" s="8">
        <v>3.1142708184545072</v>
      </c>
      <c r="AT73" s="8">
        <v>3.087221530504741</v>
      </c>
      <c r="AU73" s="8">
        <v>3.1418487416023262</v>
      </c>
      <c r="AV73" s="8">
        <v>3.1802372963904975</v>
      </c>
      <c r="AW73" s="8">
        <v>3.15</v>
      </c>
      <c r="AX73" s="8">
        <v>3.160936059107827</v>
      </c>
      <c r="AY73" s="8">
        <v>3.1338268600538628</v>
      </c>
      <c r="AZ73" s="8">
        <v>3.1679176063272236</v>
      </c>
      <c r="BA73" s="8">
        <v>3.167939119006232</v>
      </c>
      <c r="BB73" s="8">
        <v>3.2004292536807299</v>
      </c>
      <c r="BC73" s="8">
        <v>3.1825670213463262</v>
      </c>
      <c r="BD73" s="8">
        <v>3.1936371771530845</v>
      </c>
      <c r="BE73" s="17"/>
    </row>
    <row r="74" spans="3:57" x14ac:dyDescent="0.2">
      <c r="C74" s="5" t="s">
        <v>102</v>
      </c>
      <c r="D74" s="6" t="s">
        <v>58</v>
      </c>
      <c r="E74" s="8">
        <v>5.1379551595240187</v>
      </c>
      <c r="F74" s="8">
        <v>5.1817249422593079</v>
      </c>
      <c r="G74" s="8">
        <v>5.0999999999999996</v>
      </c>
      <c r="H74" s="8">
        <v>4.986891420154163</v>
      </c>
      <c r="I74" s="8">
        <v>4.95</v>
      </c>
      <c r="J74" s="8">
        <v>5.0973063172269883</v>
      </c>
      <c r="K74" s="8">
        <v>5.09</v>
      </c>
      <c r="L74" s="8">
        <v>4.9913294280634011</v>
      </c>
      <c r="M74" s="8">
        <v>5.0607075644474753</v>
      </c>
      <c r="N74" s="8">
        <v>5.0679945909013266</v>
      </c>
      <c r="O74" s="8">
        <v>5.1911464183551033</v>
      </c>
      <c r="P74" s="8">
        <v>5.01</v>
      </c>
      <c r="Q74" s="8">
        <v>5.24</v>
      </c>
      <c r="R74" s="8">
        <v>5.29</v>
      </c>
      <c r="S74" s="8">
        <v>5.27</v>
      </c>
      <c r="T74" s="8">
        <v>5.48</v>
      </c>
      <c r="U74" s="8">
        <v>5.47</v>
      </c>
      <c r="V74" s="8">
        <v>5.8414846832300018</v>
      </c>
      <c r="W74" s="8">
        <v>5.93</v>
      </c>
      <c r="X74" s="8">
        <v>5.9893866833310296</v>
      </c>
      <c r="Y74" s="8">
        <v>6.11</v>
      </c>
      <c r="Z74" s="8">
        <v>6.25</v>
      </c>
      <c r="AA74" s="8">
        <v>6.26</v>
      </c>
      <c r="AB74" s="8">
        <v>6.26</v>
      </c>
      <c r="AC74" s="8">
        <v>6.1375478101599956</v>
      </c>
      <c r="AD74" s="8">
        <v>5.97</v>
      </c>
      <c r="AE74" s="8">
        <v>6.0882333046169554</v>
      </c>
      <c r="AF74" s="8">
        <v>6.21</v>
      </c>
      <c r="AG74" s="8">
        <v>6.38</v>
      </c>
      <c r="AH74" s="8">
        <v>6</v>
      </c>
      <c r="AI74" s="8">
        <v>5.8147272769437706</v>
      </c>
      <c r="AJ74" s="8">
        <v>5.37</v>
      </c>
      <c r="AK74" s="8">
        <v>5.29</v>
      </c>
      <c r="AL74" s="8">
        <v>5.0599999999999996</v>
      </c>
      <c r="AM74" s="8">
        <v>5.07</v>
      </c>
      <c r="AN74" s="8">
        <v>4.87</v>
      </c>
      <c r="AO74" s="8">
        <v>4.78</v>
      </c>
      <c r="AP74" s="8">
        <v>4.7183173083442957</v>
      </c>
      <c r="AQ74" s="8">
        <v>4.9173746651051617</v>
      </c>
      <c r="AR74" s="8">
        <v>4.6933087214516505</v>
      </c>
      <c r="AS74" s="8">
        <v>4.7280328577002395</v>
      </c>
      <c r="AT74" s="8">
        <v>4.5534540172687414</v>
      </c>
      <c r="AU74" s="8">
        <v>4.5410575724966025</v>
      </c>
      <c r="AV74" s="8">
        <v>4.6039032407371092</v>
      </c>
      <c r="AW74" s="8">
        <v>4.51</v>
      </c>
      <c r="AX74" s="8">
        <v>4.5840631267900918</v>
      </c>
      <c r="AY74" s="8">
        <v>4.7679041902181529</v>
      </c>
      <c r="AZ74" s="8">
        <v>4.6651374161436916</v>
      </c>
      <c r="BA74" s="8">
        <v>5.0538346989668685</v>
      </c>
      <c r="BB74" s="8">
        <v>4.9436851855520993</v>
      </c>
      <c r="BC74" s="8">
        <v>5.0909710630004659</v>
      </c>
      <c r="BD74" s="8">
        <v>4.9727408799326129</v>
      </c>
      <c r="BE74" s="17"/>
    </row>
    <row r="75" spans="3:57" x14ac:dyDescent="0.2">
      <c r="C75" s="5" t="s">
        <v>72</v>
      </c>
      <c r="D75" s="6" t="s">
        <v>58</v>
      </c>
      <c r="E75" s="8">
        <v>4.0220346868696577</v>
      </c>
      <c r="F75" s="8">
        <v>4.2002817777650163</v>
      </c>
      <c r="G75" s="8">
        <v>4.58</v>
      </c>
      <c r="H75" s="8">
        <v>4.3555894436380393</v>
      </c>
      <c r="I75" s="8">
        <v>3.88</v>
      </c>
      <c r="J75" s="8">
        <v>3.8181954412150398</v>
      </c>
      <c r="K75" s="8">
        <v>4.0599999999999996</v>
      </c>
      <c r="L75" s="8">
        <v>4.4930946855926939</v>
      </c>
      <c r="M75" s="8">
        <v>4.811770110448637</v>
      </c>
      <c r="N75" s="8">
        <v>4.9110809307241903</v>
      </c>
      <c r="O75" s="8">
        <v>4.8757095088394964</v>
      </c>
      <c r="P75" s="8">
        <v>4.78</v>
      </c>
      <c r="Q75" s="8">
        <v>4.6399999999999997</v>
      </c>
      <c r="R75" s="8">
        <v>4.37</v>
      </c>
      <c r="S75" s="8">
        <v>4.7300000000000004</v>
      </c>
      <c r="T75" s="8">
        <v>5.0599999999999996</v>
      </c>
      <c r="U75" s="8">
        <v>4.7</v>
      </c>
      <c r="V75" s="8">
        <v>4.6755759057286088</v>
      </c>
      <c r="W75" s="8">
        <v>4.6100000000000003</v>
      </c>
      <c r="X75" s="8">
        <v>4.6575076655083238</v>
      </c>
      <c r="Y75" s="8">
        <v>5.14</v>
      </c>
      <c r="Z75" s="8">
        <v>4.9000000000000004</v>
      </c>
      <c r="AA75" s="8">
        <v>4.62</v>
      </c>
      <c r="AB75" s="8">
        <v>4.54</v>
      </c>
      <c r="AC75" s="8">
        <v>4.2782062944734243</v>
      </c>
      <c r="AD75" s="8">
        <v>4.3499999999999996</v>
      </c>
      <c r="AE75" s="8">
        <v>4.2995966904774141</v>
      </c>
      <c r="AF75" s="8">
        <v>4.66</v>
      </c>
      <c r="AG75" s="8">
        <v>4.8099999999999996</v>
      </c>
      <c r="AH75" s="8">
        <v>5.07</v>
      </c>
      <c r="AI75" s="8">
        <v>4.7385337128604901</v>
      </c>
      <c r="AJ75" s="8">
        <v>4.9800000000000004</v>
      </c>
      <c r="AK75" s="8">
        <v>4.71</v>
      </c>
      <c r="AL75" s="8">
        <v>4.7699999999999996</v>
      </c>
      <c r="AM75" s="8">
        <v>4.7</v>
      </c>
      <c r="AN75" s="8">
        <v>5.12</v>
      </c>
      <c r="AO75" s="8">
        <v>4.99</v>
      </c>
      <c r="AP75" s="8">
        <v>4.636522912712846</v>
      </c>
      <c r="AQ75" s="8">
        <v>4.438464503451403</v>
      </c>
      <c r="AR75" s="8">
        <v>4.2414741967573608</v>
      </c>
      <c r="AS75" s="8">
        <v>4.2085190238227437</v>
      </c>
      <c r="AT75" s="8">
        <v>4.3130727372234228</v>
      </c>
      <c r="AU75" s="8">
        <v>4.2264285677415359</v>
      </c>
      <c r="AV75" s="8">
        <v>4.1252775303622515</v>
      </c>
      <c r="AW75" s="8">
        <v>4.24</v>
      </c>
      <c r="AX75" s="8">
        <v>4.196004279956413</v>
      </c>
      <c r="AY75" s="8">
        <v>4.2200728797957838</v>
      </c>
      <c r="AZ75" s="8">
        <v>4.3662584164517382</v>
      </c>
      <c r="BA75" s="8">
        <v>4.431177427554652</v>
      </c>
      <c r="BB75" s="8">
        <v>4.763043584853131</v>
      </c>
      <c r="BC75" s="8">
        <v>4.9995252446848513</v>
      </c>
      <c r="BD75" s="8">
        <v>5.2460087298993514</v>
      </c>
      <c r="BE75" s="17"/>
    </row>
    <row r="76" spans="3:57" x14ac:dyDescent="0.2">
      <c r="C76" s="5" t="s">
        <v>73</v>
      </c>
      <c r="D76" s="6" t="s">
        <v>58</v>
      </c>
      <c r="E76" s="8">
        <v>3.904551790190125</v>
      </c>
      <c r="F76" s="8">
        <v>3.8758271824760095</v>
      </c>
      <c r="G76" s="8">
        <v>3.82</v>
      </c>
      <c r="H76" s="8">
        <v>3.9581310177553313</v>
      </c>
      <c r="I76" s="8">
        <v>4.37</v>
      </c>
      <c r="J76" s="8">
        <v>5.4068369002681598</v>
      </c>
      <c r="K76" s="8">
        <v>4.95</v>
      </c>
      <c r="L76" s="8">
        <v>3.7442855671647379</v>
      </c>
      <c r="M76" s="8">
        <v>3.9565004243096804</v>
      </c>
      <c r="N76" s="8">
        <v>3.5780261504716879</v>
      </c>
      <c r="O76" s="8">
        <v>3.4959606847351052</v>
      </c>
      <c r="P76" s="8">
        <v>3.31</v>
      </c>
      <c r="Q76" s="8">
        <v>3.31</v>
      </c>
      <c r="R76" s="8">
        <v>3.5</v>
      </c>
      <c r="S76" s="8">
        <v>3.74</v>
      </c>
      <c r="T76" s="8">
        <v>3.71</v>
      </c>
      <c r="U76" s="8">
        <v>3.67</v>
      </c>
      <c r="V76" s="8">
        <v>4.0803239450415401</v>
      </c>
      <c r="W76" s="8">
        <v>4.37</v>
      </c>
      <c r="X76" s="8">
        <v>4.8289098843068485</v>
      </c>
      <c r="Y76" s="8">
        <v>4.88</v>
      </c>
      <c r="Z76" s="8">
        <v>4.0599999999999996</v>
      </c>
      <c r="AA76" s="8">
        <v>4.01</v>
      </c>
      <c r="AB76" s="8">
        <v>3.96</v>
      </c>
      <c r="AC76" s="8">
        <v>4.0198751496209608</v>
      </c>
      <c r="AD76" s="8">
        <v>3.57</v>
      </c>
      <c r="AE76" s="8">
        <v>3.3454157451665827</v>
      </c>
      <c r="AF76" s="8">
        <v>3.38</v>
      </c>
      <c r="AG76" s="8">
        <v>3.53</v>
      </c>
      <c r="AH76" s="8">
        <v>3.9</v>
      </c>
      <c r="AI76" s="8">
        <v>3.9110596996000058</v>
      </c>
      <c r="AJ76" s="8">
        <v>3.79</v>
      </c>
      <c r="AK76" s="8">
        <v>4.09</v>
      </c>
      <c r="AL76" s="8">
        <v>4.07</v>
      </c>
      <c r="AM76" s="8">
        <v>3.56</v>
      </c>
      <c r="AN76" s="8">
        <v>3.46</v>
      </c>
      <c r="AO76" s="8">
        <v>3.8</v>
      </c>
      <c r="AP76" s="8">
        <v>4.0231762863689218</v>
      </c>
      <c r="AQ76" s="8">
        <v>3.5580116101995718</v>
      </c>
      <c r="AR76" s="8">
        <v>3.5657659360643184</v>
      </c>
      <c r="AS76" s="8">
        <v>3.8202693415801021</v>
      </c>
      <c r="AT76" s="8">
        <v>3.4555361439481116</v>
      </c>
      <c r="AU76" s="8">
        <v>3.402905613891007</v>
      </c>
      <c r="AV76" s="8">
        <v>3.663261004020204</v>
      </c>
      <c r="AW76" s="8">
        <v>4.3</v>
      </c>
      <c r="AX76" s="8">
        <v>3.5754317460703389</v>
      </c>
      <c r="AY76" s="8">
        <v>3.2769928318417141</v>
      </c>
      <c r="AZ76" s="8">
        <v>3.5991002307100741</v>
      </c>
      <c r="BA76" s="8">
        <v>4.008411977043135</v>
      </c>
      <c r="BB76" s="8">
        <v>3.492022988746621</v>
      </c>
      <c r="BC76" s="8">
        <v>3.8050933751426372</v>
      </c>
      <c r="BD76" s="8">
        <v>3.8755581047003278</v>
      </c>
      <c r="BE76" s="17"/>
    </row>
    <row r="77" spans="3:57" x14ac:dyDescent="0.2">
      <c r="C77" s="5" t="s">
        <v>74</v>
      </c>
      <c r="D77" s="6" t="s">
        <v>58</v>
      </c>
      <c r="E77" s="8">
        <v>1.7058702192084192</v>
      </c>
      <c r="F77" s="8">
        <v>1.6637848855593123</v>
      </c>
      <c r="G77" s="8">
        <v>1.66</v>
      </c>
      <c r="H77" s="8">
        <v>1.6626205183905682</v>
      </c>
      <c r="I77" s="8">
        <v>1.66</v>
      </c>
      <c r="J77" s="8">
        <v>1.662454584714177</v>
      </c>
      <c r="K77" s="8">
        <v>1.66</v>
      </c>
      <c r="L77" s="8">
        <v>1.6494619768628784</v>
      </c>
      <c r="M77" s="8">
        <v>1.6446650875306379</v>
      </c>
      <c r="N77" s="8">
        <v>1.6614228348675559</v>
      </c>
      <c r="O77" s="8">
        <v>1.6586555416361359</v>
      </c>
      <c r="P77" s="8">
        <v>1.65</v>
      </c>
      <c r="Q77" s="8">
        <v>1.63</v>
      </c>
      <c r="R77" s="8">
        <v>1.66</v>
      </c>
      <c r="S77" s="8">
        <v>1.66</v>
      </c>
      <c r="T77" s="8">
        <v>1.63</v>
      </c>
      <c r="U77" s="8">
        <v>1.62</v>
      </c>
      <c r="V77" s="8">
        <v>1.6357519655758603</v>
      </c>
      <c r="W77" s="8">
        <v>1.65</v>
      </c>
      <c r="X77" s="8">
        <v>1.6370750588224066</v>
      </c>
      <c r="Y77" s="8">
        <v>1.61</v>
      </c>
      <c r="Z77" s="8">
        <v>1.61</v>
      </c>
      <c r="AA77" s="8">
        <v>1.64</v>
      </c>
      <c r="AB77" s="8">
        <v>1.63</v>
      </c>
      <c r="AC77" s="8">
        <v>1.6467049703339058</v>
      </c>
      <c r="AD77" s="8">
        <v>1.65</v>
      </c>
      <c r="AE77" s="8">
        <v>1.6420414696657075</v>
      </c>
      <c r="AF77" s="8">
        <v>1.61</v>
      </c>
      <c r="AG77" s="8">
        <v>1.64</v>
      </c>
      <c r="AH77" s="8">
        <v>1.65</v>
      </c>
      <c r="AI77" s="8">
        <v>1.7293180977886142</v>
      </c>
      <c r="AJ77" s="8">
        <v>1.56</v>
      </c>
      <c r="AK77" s="8">
        <v>1.57</v>
      </c>
      <c r="AL77" s="8">
        <v>1.57</v>
      </c>
      <c r="AM77" s="8">
        <v>1.72</v>
      </c>
      <c r="AN77" s="8">
        <v>1.72</v>
      </c>
      <c r="AO77" s="8">
        <v>1.77</v>
      </c>
      <c r="AP77" s="8">
        <v>1.7416568785968085</v>
      </c>
      <c r="AQ77" s="8">
        <v>1.5702509184384985</v>
      </c>
      <c r="AR77" s="8">
        <v>1.5898878011796851</v>
      </c>
      <c r="AS77" s="8">
        <v>1.6000338795121352</v>
      </c>
      <c r="AT77" s="8">
        <v>1.5978091588031897</v>
      </c>
      <c r="AU77" s="8">
        <v>1.5832759222446473</v>
      </c>
      <c r="AV77" s="8">
        <v>1.5733383332789859</v>
      </c>
      <c r="AW77" s="8">
        <v>1.57</v>
      </c>
      <c r="AX77" s="8">
        <v>1.4698873307935476</v>
      </c>
      <c r="AY77" s="8">
        <v>1.6170714959259169</v>
      </c>
      <c r="AZ77" s="8">
        <v>1.5782174891167793</v>
      </c>
      <c r="BA77" s="8">
        <v>1.554984108804581</v>
      </c>
      <c r="BB77" s="8">
        <v>1.6331046890320775</v>
      </c>
      <c r="BC77" s="8">
        <v>1.6332844808708979</v>
      </c>
      <c r="BD77" s="8">
        <v>1.5856900673029652</v>
      </c>
      <c r="BE77" s="17"/>
    </row>
    <row r="78" spans="3:57" x14ac:dyDescent="0.2">
      <c r="C78" s="16" t="s">
        <v>78</v>
      </c>
      <c r="D78" s="6" t="s">
        <v>58</v>
      </c>
      <c r="E78" s="8">
        <v>0.25906138710785498</v>
      </c>
      <c r="F78" s="8">
        <v>0.27771155229063288</v>
      </c>
      <c r="G78" s="8">
        <v>0.28000000000000003</v>
      </c>
      <c r="H78" s="8">
        <v>0.27266002592070099</v>
      </c>
      <c r="I78" s="8">
        <v>0.28999999999999998</v>
      </c>
      <c r="J78" s="8">
        <v>0.29744817861465606</v>
      </c>
      <c r="K78" s="8">
        <v>0.28000000000000003</v>
      </c>
      <c r="L78" s="8">
        <v>0.27517283689139388</v>
      </c>
      <c r="M78" s="8">
        <v>0.27471863001250568</v>
      </c>
      <c r="N78" s="8">
        <v>0.27319912449031025</v>
      </c>
      <c r="O78" s="8">
        <v>0.27573637607526502</v>
      </c>
      <c r="P78" s="8">
        <v>0.28000000000000003</v>
      </c>
      <c r="Q78" s="8">
        <v>0.27</v>
      </c>
      <c r="R78" s="8">
        <v>0.25</v>
      </c>
      <c r="S78" s="8">
        <v>0.27</v>
      </c>
      <c r="T78" s="8">
        <v>0.26</v>
      </c>
      <c r="U78" s="8">
        <v>0.26</v>
      </c>
      <c r="V78" s="8">
        <v>0.25766954486174687</v>
      </c>
      <c r="W78" s="8">
        <v>0.26</v>
      </c>
      <c r="X78" s="8">
        <v>0.25700918284796764</v>
      </c>
      <c r="Y78" s="8">
        <v>0.25</v>
      </c>
      <c r="Z78" s="8">
        <v>0.25</v>
      </c>
      <c r="AA78" s="8">
        <v>0.24</v>
      </c>
      <c r="AB78" s="8">
        <v>0.25</v>
      </c>
      <c r="AC78" s="8">
        <v>0.23901905114677288</v>
      </c>
      <c r="AD78" s="8">
        <v>0.27</v>
      </c>
      <c r="AE78" s="8">
        <v>0.30072910157065919</v>
      </c>
      <c r="AF78" s="8">
        <v>0.32</v>
      </c>
      <c r="AG78" s="8">
        <v>0.32</v>
      </c>
      <c r="AH78" s="8">
        <v>0.33</v>
      </c>
      <c r="AI78" s="8">
        <v>0.32178997151206279</v>
      </c>
      <c r="AJ78" s="8">
        <v>0.33</v>
      </c>
      <c r="AK78" s="8">
        <v>0.35</v>
      </c>
      <c r="AL78" s="8">
        <v>0.35</v>
      </c>
      <c r="AM78" s="8">
        <v>0.34</v>
      </c>
      <c r="AN78" s="8">
        <v>0.32</v>
      </c>
      <c r="AO78" s="8">
        <v>0.32</v>
      </c>
      <c r="AP78" s="8">
        <v>0.32024586967096352</v>
      </c>
      <c r="AQ78" s="8">
        <v>0.33750973479226815</v>
      </c>
      <c r="AR78" s="8">
        <v>0.37079966868511371</v>
      </c>
      <c r="AS78" s="8">
        <v>0.36249213625330812</v>
      </c>
      <c r="AT78" s="8">
        <v>0.3735344873263336</v>
      </c>
      <c r="AU78" s="8">
        <v>0.38730303341196126</v>
      </c>
      <c r="AV78" s="8">
        <v>0.36932126994897513</v>
      </c>
      <c r="AW78" s="8">
        <v>0.39</v>
      </c>
      <c r="AX78" s="8">
        <v>0.39612760080729836</v>
      </c>
      <c r="AY78" s="8">
        <v>0.43938913091660448</v>
      </c>
      <c r="AZ78" s="8">
        <v>0.44998500514738188</v>
      </c>
      <c r="BA78" s="8">
        <v>0.46303410264530576</v>
      </c>
      <c r="BB78" s="8">
        <v>0.45131402261629383</v>
      </c>
      <c r="BC78" s="8">
        <v>0.48459898807938395</v>
      </c>
      <c r="BD78" s="8">
        <v>0.47855973023508536</v>
      </c>
      <c r="BE78" s="17"/>
    </row>
    <row r="79" spans="3:57" x14ac:dyDescent="0.2">
      <c r="C79" s="16" t="s">
        <v>79</v>
      </c>
      <c r="D79" s="6" t="s">
        <v>58</v>
      </c>
      <c r="E79" s="8">
        <v>0.50479085062782436</v>
      </c>
      <c r="F79" s="8">
        <v>0.49292101774438946</v>
      </c>
      <c r="G79" s="8">
        <v>0.5</v>
      </c>
      <c r="H79" s="8">
        <v>0.50625391055105995</v>
      </c>
      <c r="I79" s="8">
        <v>0.61</v>
      </c>
      <c r="J79" s="8">
        <v>0.78561032770605754</v>
      </c>
      <c r="K79" s="8">
        <v>0.85</v>
      </c>
      <c r="L79" s="8">
        <v>0.84735298215393962</v>
      </c>
      <c r="M79" s="8">
        <v>0.85052924141968467</v>
      </c>
      <c r="N79" s="8">
        <v>0.7321866843170014</v>
      </c>
      <c r="O79" s="8">
        <v>0.66963967125851831</v>
      </c>
      <c r="P79" s="8">
        <v>0.73</v>
      </c>
      <c r="Q79" s="8">
        <v>0.64</v>
      </c>
      <c r="R79" s="8">
        <v>0.72</v>
      </c>
      <c r="S79" s="8">
        <v>0.68</v>
      </c>
      <c r="T79" s="8">
        <v>0.53</v>
      </c>
      <c r="U79" s="8">
        <v>0.53</v>
      </c>
      <c r="V79" s="8">
        <v>0.59826458618422218</v>
      </c>
      <c r="W79" s="8">
        <v>0.76</v>
      </c>
      <c r="X79" s="8">
        <v>0.7494000019811724</v>
      </c>
      <c r="Y79" s="8">
        <v>0.64</v>
      </c>
      <c r="Z79" s="8">
        <v>0.64</v>
      </c>
      <c r="AA79" s="8">
        <v>0.68</v>
      </c>
      <c r="AB79" s="8">
        <v>0.67</v>
      </c>
      <c r="AC79" s="8">
        <v>0.71403381797220256</v>
      </c>
      <c r="AD79" s="8">
        <v>0.64</v>
      </c>
      <c r="AE79" s="8">
        <v>0.60495435378884022</v>
      </c>
      <c r="AF79" s="8">
        <v>0.62</v>
      </c>
      <c r="AG79" s="8">
        <v>0.64</v>
      </c>
      <c r="AH79" s="8">
        <v>0.56000000000000005</v>
      </c>
      <c r="AI79" s="8">
        <v>0.54807261844074262</v>
      </c>
      <c r="AJ79" s="8">
        <v>0.61</v>
      </c>
      <c r="AK79" s="8">
        <v>0.59</v>
      </c>
      <c r="AL79" s="8">
        <v>0.59</v>
      </c>
      <c r="AM79" s="8">
        <v>0.56000000000000005</v>
      </c>
      <c r="AN79" s="8">
        <v>0.61</v>
      </c>
      <c r="AO79" s="8">
        <v>0.7</v>
      </c>
      <c r="AP79" s="8">
        <v>0.6596032126314828</v>
      </c>
      <c r="AQ79" s="8">
        <v>0.64445596526472682</v>
      </c>
      <c r="AR79" s="8">
        <v>0.66869174296791223</v>
      </c>
      <c r="AS79" s="8">
        <v>0.6468058534519604</v>
      </c>
      <c r="AT79" s="8">
        <v>0.6521708346393229</v>
      </c>
      <c r="AU79" s="8">
        <v>0.60185259837279759</v>
      </c>
      <c r="AV79" s="8">
        <v>0.59459049992621626</v>
      </c>
      <c r="AW79" s="8">
        <v>0.57999999999999996</v>
      </c>
      <c r="AX79" s="8">
        <v>0.57629228669034693</v>
      </c>
      <c r="AY79" s="8">
        <v>0.60386717610602336</v>
      </c>
      <c r="AZ79" s="8">
        <v>0.60779737087688912</v>
      </c>
      <c r="BA79" s="8">
        <v>0.60276595818888246</v>
      </c>
      <c r="BB79" s="8">
        <v>0.89226347870129408</v>
      </c>
      <c r="BC79" s="8">
        <v>0.82652731594760576</v>
      </c>
      <c r="BD79" s="8">
        <v>0.82088495194222311</v>
      </c>
      <c r="BE79" s="17"/>
    </row>
    <row r="80" spans="3:57" x14ac:dyDescent="0.2">
      <c r="C80" s="16" t="s">
        <v>80</v>
      </c>
      <c r="D80" s="6" t="s">
        <v>58</v>
      </c>
      <c r="E80" s="8">
        <v>0.64196018706671121</v>
      </c>
      <c r="F80" s="8">
        <v>1.2941230604690803</v>
      </c>
      <c r="G80" s="8">
        <v>1.75</v>
      </c>
      <c r="H80" s="8">
        <v>1.6209733714434356</v>
      </c>
      <c r="I80" s="8">
        <v>1.45</v>
      </c>
      <c r="J80" s="8">
        <v>1.2632092818029987</v>
      </c>
      <c r="K80" s="8">
        <v>1.28</v>
      </c>
      <c r="L80" s="8">
        <v>1.1194293716034462</v>
      </c>
      <c r="M80" s="8">
        <v>0.93481907197903358</v>
      </c>
      <c r="N80" s="8">
        <v>0.84295891660169331</v>
      </c>
      <c r="O80" s="8">
        <v>0.99222040478489637</v>
      </c>
      <c r="P80" s="8">
        <v>0.79</v>
      </c>
      <c r="Q80" s="8">
        <v>0.68</v>
      </c>
      <c r="R80" s="8">
        <v>0.66</v>
      </c>
      <c r="S80" s="8">
        <v>0.6</v>
      </c>
      <c r="T80" s="8">
        <v>0.61</v>
      </c>
      <c r="U80" s="8">
        <v>0.6</v>
      </c>
      <c r="V80" s="8">
        <v>0.53908065151076656</v>
      </c>
      <c r="W80" s="8">
        <v>0.56999999999999995</v>
      </c>
      <c r="X80" s="8">
        <v>0.54838960744577547</v>
      </c>
      <c r="Y80" s="8">
        <v>0.53</v>
      </c>
      <c r="Z80" s="8">
        <v>0.49</v>
      </c>
      <c r="AA80" s="8">
        <v>0.5</v>
      </c>
      <c r="AB80" s="8">
        <v>0.48</v>
      </c>
      <c r="AC80" s="8">
        <v>0.47238100191645233</v>
      </c>
      <c r="AD80" s="8">
        <v>0.43</v>
      </c>
      <c r="AE80" s="8">
        <v>0.44866602856074111</v>
      </c>
      <c r="AF80" s="8">
        <v>0.44</v>
      </c>
      <c r="AG80" s="8">
        <v>0.47</v>
      </c>
      <c r="AH80" s="8">
        <v>0.5</v>
      </c>
      <c r="AI80" s="8">
        <v>0.47042919436482278</v>
      </c>
      <c r="AJ80" s="8">
        <v>0.5</v>
      </c>
      <c r="AK80" s="8">
        <v>0.49</v>
      </c>
      <c r="AL80" s="8">
        <v>0.45</v>
      </c>
      <c r="AM80" s="8">
        <v>0.55000000000000004</v>
      </c>
      <c r="AN80" s="8">
        <v>0.75</v>
      </c>
      <c r="AO80" s="8">
        <v>0.75</v>
      </c>
      <c r="AP80" s="8">
        <v>0.68889538277716134</v>
      </c>
      <c r="AQ80" s="8">
        <v>0.62705008101340409</v>
      </c>
      <c r="AR80" s="8">
        <v>0.6753060644538148</v>
      </c>
      <c r="AS80" s="8">
        <v>0.69983045115093712</v>
      </c>
      <c r="AT80" s="8">
        <v>0.5599459924030028</v>
      </c>
      <c r="AU80" s="8">
        <v>0.53848312524532227</v>
      </c>
      <c r="AV80" s="8">
        <v>0.69080938645704559</v>
      </c>
      <c r="AW80" s="8">
        <v>1.05</v>
      </c>
      <c r="AX80" s="8">
        <v>1.4841380182613242</v>
      </c>
      <c r="AY80" s="8">
        <v>1.4627718570583945</v>
      </c>
      <c r="AZ80" s="8">
        <v>1.3973420671012431</v>
      </c>
      <c r="BA80" s="8">
        <v>1.9099375739075435</v>
      </c>
      <c r="BB80" s="8">
        <v>1.9153135539930257</v>
      </c>
      <c r="BC80" s="8">
        <v>1.548348736093822</v>
      </c>
      <c r="BD80" s="8">
        <v>1.1301201877742835</v>
      </c>
      <c r="BE80" s="17"/>
    </row>
    <row r="81" spans="3:57" x14ac:dyDescent="0.2">
      <c r="C81" s="16" t="s">
        <v>81</v>
      </c>
      <c r="D81" s="6" t="s">
        <v>58</v>
      </c>
      <c r="E81" s="8">
        <v>0.19620232501003501</v>
      </c>
      <c r="F81" s="8">
        <v>0.17741465991760139</v>
      </c>
      <c r="G81" s="8">
        <v>0.17</v>
      </c>
      <c r="H81" s="8">
        <v>0.16755003761795093</v>
      </c>
      <c r="I81" s="8">
        <v>0.17</v>
      </c>
      <c r="J81" s="8">
        <v>0.17527228416830024</v>
      </c>
      <c r="K81" s="8">
        <v>0.18</v>
      </c>
      <c r="L81" s="8">
        <v>0.18021046251872158</v>
      </c>
      <c r="M81" s="8">
        <v>0.18421052631578946</v>
      </c>
      <c r="N81" s="8">
        <v>0.17912350816408248</v>
      </c>
      <c r="O81" s="8">
        <v>0.17614309305658185</v>
      </c>
      <c r="P81" s="8">
        <v>0.18</v>
      </c>
      <c r="Q81" s="8">
        <v>0.17</v>
      </c>
      <c r="R81" s="8">
        <v>0.17</v>
      </c>
      <c r="S81" s="8">
        <v>0.17</v>
      </c>
      <c r="T81" s="8">
        <v>0.17</v>
      </c>
      <c r="U81" s="8">
        <v>0.17</v>
      </c>
      <c r="V81" s="8">
        <v>0.18889443411857648</v>
      </c>
      <c r="W81" s="8">
        <v>0.2</v>
      </c>
      <c r="X81" s="8">
        <v>0.19434493715299411</v>
      </c>
      <c r="Y81" s="8">
        <v>0.21</v>
      </c>
      <c r="Z81" s="8">
        <v>0.21</v>
      </c>
      <c r="AA81" s="8">
        <v>0.21</v>
      </c>
      <c r="AB81" s="8">
        <v>0.21</v>
      </c>
      <c r="AC81" s="8">
        <v>0.21369870800225527</v>
      </c>
      <c r="AD81" s="8">
        <v>0.21</v>
      </c>
      <c r="AE81" s="8">
        <v>0.22323346623799922</v>
      </c>
      <c r="AF81" s="8">
        <v>0.23</v>
      </c>
      <c r="AG81" s="8">
        <v>0.23</v>
      </c>
      <c r="AH81" s="8">
        <v>0.23</v>
      </c>
      <c r="AI81" s="8">
        <v>0.22928391688252844</v>
      </c>
      <c r="AJ81" s="8">
        <v>0.23</v>
      </c>
      <c r="AK81" s="8">
        <v>0.23</v>
      </c>
      <c r="AL81" s="8">
        <v>0.23</v>
      </c>
      <c r="AM81" s="8">
        <v>0.23</v>
      </c>
      <c r="AN81" s="8">
        <v>0.23</v>
      </c>
      <c r="AO81" s="8">
        <v>0.24</v>
      </c>
      <c r="AP81" s="8">
        <v>0.2411423335194651</v>
      </c>
      <c r="AQ81" s="8">
        <v>0.26929558540966225</v>
      </c>
      <c r="AR81" s="8">
        <v>0.26180860809257128</v>
      </c>
      <c r="AS81" s="8">
        <v>0.28973244690342553</v>
      </c>
      <c r="AT81" s="8">
        <v>0.28598757043242257</v>
      </c>
      <c r="AU81" s="8">
        <v>0.30045570495729634</v>
      </c>
      <c r="AV81" s="8">
        <v>0.3109879937997484</v>
      </c>
      <c r="AW81" s="8">
        <v>0.33</v>
      </c>
      <c r="AX81" s="8">
        <v>0.3165916347919861</v>
      </c>
      <c r="AY81" s="8">
        <v>0.33551040784625458</v>
      </c>
      <c r="AZ81" s="8">
        <v>0.33323582663391799</v>
      </c>
      <c r="BA81" s="8">
        <v>0.35070676976537413</v>
      </c>
      <c r="BB81" s="8">
        <v>0.3488446598098543</v>
      </c>
      <c r="BC81" s="8">
        <v>0.35029917210595662</v>
      </c>
      <c r="BD81" s="8">
        <v>0.3516756014038393</v>
      </c>
      <c r="BE81" s="17"/>
    </row>
    <row r="82" spans="3:57" x14ac:dyDescent="0.2">
      <c r="C82" s="16" t="s">
        <v>82</v>
      </c>
      <c r="D82" s="6" t="s">
        <v>58</v>
      </c>
      <c r="E82" s="8">
        <v>2.1771316422520135</v>
      </c>
      <c r="F82" s="8">
        <v>3.0628505980498293</v>
      </c>
      <c r="G82" s="8">
        <v>3.32</v>
      </c>
      <c r="H82" s="8">
        <v>3.1771003717472119</v>
      </c>
      <c r="I82" s="8">
        <v>2.95</v>
      </c>
      <c r="J82" s="8">
        <v>3.264692255746739</v>
      </c>
      <c r="K82" s="8">
        <v>3.59</v>
      </c>
      <c r="L82" s="8">
        <v>3.3495839160037599</v>
      </c>
      <c r="M82" s="8">
        <v>3.5199911929730425</v>
      </c>
      <c r="N82" s="8">
        <v>3.2830150462962964</v>
      </c>
      <c r="O82" s="8">
        <v>3.4492115081611634</v>
      </c>
      <c r="P82" s="8">
        <v>3.82</v>
      </c>
      <c r="Q82" s="8">
        <v>3.25</v>
      </c>
      <c r="R82" s="8">
        <v>2.46</v>
      </c>
      <c r="S82" s="8">
        <v>1.9</v>
      </c>
      <c r="T82" s="8">
        <v>1.94</v>
      </c>
      <c r="U82" s="8">
        <v>2.11</v>
      </c>
      <c r="V82" s="8">
        <v>2.0147304578863725</v>
      </c>
      <c r="W82" s="8">
        <v>1.97</v>
      </c>
      <c r="X82" s="8">
        <v>1.6450287361964797</v>
      </c>
      <c r="Y82" s="8">
        <v>1.67</v>
      </c>
      <c r="Z82" s="8">
        <v>1.83</v>
      </c>
      <c r="AA82" s="8">
        <v>2.25</v>
      </c>
      <c r="AB82" s="8">
        <v>2.5099999999999998</v>
      </c>
      <c r="AC82" s="8">
        <v>2.117255181015735</v>
      </c>
      <c r="AD82" s="8">
        <v>1.99</v>
      </c>
      <c r="AE82" s="8">
        <v>1.7662885307726115</v>
      </c>
      <c r="AF82" s="8">
        <v>1.54</v>
      </c>
      <c r="AG82" s="8">
        <v>1.45</v>
      </c>
      <c r="AH82" s="8">
        <v>1.88</v>
      </c>
      <c r="AI82" s="8">
        <v>1.8590533088880925</v>
      </c>
      <c r="AJ82" s="8">
        <v>1.8</v>
      </c>
      <c r="AK82" s="8">
        <v>1.94</v>
      </c>
      <c r="AL82" s="8">
        <v>1.87</v>
      </c>
      <c r="AM82" s="8">
        <v>2.73</v>
      </c>
      <c r="AN82" s="8">
        <v>2.4300000000000002</v>
      </c>
      <c r="AO82" s="8">
        <v>2.7</v>
      </c>
      <c r="AP82" s="8">
        <v>2.7531983588010625</v>
      </c>
      <c r="AQ82" s="8">
        <v>2.1902879939252156</v>
      </c>
      <c r="AR82" s="8">
        <v>1.9737052600342846</v>
      </c>
      <c r="AS82" s="8">
        <v>1.9710341498888273</v>
      </c>
      <c r="AT82" s="8">
        <v>1.8666763450933781</v>
      </c>
      <c r="AU82" s="8">
        <v>1.902018402736817</v>
      </c>
      <c r="AV82" s="8">
        <v>1.8017544277602164</v>
      </c>
      <c r="AW82" s="8">
        <v>2.23</v>
      </c>
      <c r="AX82" s="8">
        <v>2.5142975910639773</v>
      </c>
      <c r="AY82" s="8">
        <v>2.6087741383586676</v>
      </c>
      <c r="AZ82" s="8">
        <v>2.410219418778266</v>
      </c>
      <c r="BA82" s="8">
        <v>3.040075662042875</v>
      </c>
      <c r="BB82" s="8">
        <v>3.3253271114933574</v>
      </c>
      <c r="BC82" s="8">
        <v>2.8644166603002406</v>
      </c>
      <c r="BD82" s="8">
        <v>2.6878494345209614</v>
      </c>
      <c r="BE82" s="17"/>
    </row>
    <row r="83" spans="3:57" x14ac:dyDescent="0.2">
      <c r="C83" s="16" t="s">
        <v>84</v>
      </c>
      <c r="D83" s="6" t="s">
        <v>85</v>
      </c>
      <c r="E83" s="8">
        <v>0.42389501169449145</v>
      </c>
      <c r="F83" s="8">
        <v>0.46966367029289574</v>
      </c>
      <c r="G83" s="8">
        <v>0.48</v>
      </c>
      <c r="H83" s="8">
        <v>0.48850320559397026</v>
      </c>
      <c r="I83" s="8">
        <v>0.46</v>
      </c>
      <c r="J83" s="8">
        <v>0.51189621937617791</v>
      </c>
      <c r="K83" s="8">
        <v>0.54</v>
      </c>
      <c r="L83" s="8">
        <v>0.54934312999142443</v>
      </c>
      <c r="M83" s="8">
        <v>0.52669675560595874</v>
      </c>
      <c r="N83" s="8">
        <v>0.68209353575266984</v>
      </c>
      <c r="O83" s="8">
        <v>0.63975575151595598</v>
      </c>
      <c r="P83" s="8">
        <v>0.62</v>
      </c>
      <c r="Q83" s="8">
        <v>0.62</v>
      </c>
      <c r="R83" s="8">
        <v>0.59</v>
      </c>
      <c r="S83" s="8">
        <v>0.51</v>
      </c>
      <c r="T83" s="8">
        <v>0.52</v>
      </c>
      <c r="U83" s="8">
        <v>0.46</v>
      </c>
      <c r="V83" s="8">
        <v>0.47732310718229615</v>
      </c>
      <c r="W83" s="8">
        <v>0.44</v>
      </c>
      <c r="X83" s="8">
        <v>0.41278053788834251</v>
      </c>
      <c r="Y83" s="8">
        <v>0.4</v>
      </c>
      <c r="Z83" s="8">
        <v>0.41</v>
      </c>
      <c r="AA83" s="8">
        <v>0.4</v>
      </c>
      <c r="AB83" s="8">
        <v>0.42</v>
      </c>
      <c r="AC83" s="8">
        <v>0.39173048194336191</v>
      </c>
      <c r="AD83" s="8">
        <v>0.34</v>
      </c>
      <c r="AE83" s="8">
        <v>0.40761100717327736</v>
      </c>
      <c r="AF83" s="8">
        <v>0.41</v>
      </c>
      <c r="AG83" s="8">
        <v>0.41</v>
      </c>
      <c r="AH83" s="8">
        <v>0.43</v>
      </c>
      <c r="AI83" s="8">
        <v>0.45899677214100465</v>
      </c>
      <c r="AJ83" s="8">
        <v>0.45</v>
      </c>
      <c r="AK83" s="8">
        <v>0.47</v>
      </c>
      <c r="AL83" s="8">
        <v>0.49</v>
      </c>
      <c r="AM83" s="8">
        <v>0.53</v>
      </c>
      <c r="AN83" s="8">
        <v>0.51</v>
      </c>
      <c r="AO83" s="8">
        <v>0.52</v>
      </c>
      <c r="AP83" s="8">
        <v>0.50182685507424329</v>
      </c>
      <c r="AQ83" s="8">
        <v>0.51334755544009703</v>
      </c>
      <c r="AR83" s="8">
        <v>0.50307148384342393</v>
      </c>
      <c r="AS83" s="8">
        <v>0.50674641896385708</v>
      </c>
      <c r="AT83" s="8">
        <v>0.48602384792280284</v>
      </c>
      <c r="AU83" s="8">
        <v>0.47344494673546339</v>
      </c>
      <c r="AV83" s="8">
        <v>0.46889617931459171</v>
      </c>
      <c r="AW83" s="8">
        <v>0.48</v>
      </c>
      <c r="AX83" s="8">
        <v>0.53063361778231066</v>
      </c>
      <c r="AY83" s="8">
        <v>0.56333641619202846</v>
      </c>
      <c r="AZ83" s="8">
        <v>0.53143131090741025</v>
      </c>
      <c r="BA83" s="8">
        <v>0.51155039277738013</v>
      </c>
      <c r="BB83" s="8">
        <v>0.55755203258455577</v>
      </c>
      <c r="BC83" s="8">
        <v>0.58120969788706156</v>
      </c>
      <c r="BD83" s="8">
        <v>0.54882154173893594</v>
      </c>
      <c r="BE83" s="17"/>
    </row>
    <row r="84" spans="3:57" x14ac:dyDescent="0.2">
      <c r="C84" s="16" t="s">
        <v>86</v>
      </c>
      <c r="D84" s="6" t="s">
        <v>58</v>
      </c>
      <c r="E84" s="8">
        <v>0.95715688750315664</v>
      </c>
      <c r="F84" s="8">
        <v>1.1354495692048889</v>
      </c>
      <c r="G84" s="8">
        <v>1.17</v>
      </c>
      <c r="H84" s="8">
        <v>0.95677438672972959</v>
      </c>
      <c r="I84" s="8">
        <v>1.05</v>
      </c>
      <c r="J84" s="8">
        <v>1.1306311529057484</v>
      </c>
      <c r="K84" s="8">
        <v>1.1599999999999999</v>
      </c>
      <c r="L84" s="8">
        <v>1.1948003241552176</v>
      </c>
      <c r="M84" s="8">
        <v>1.3185439570625259</v>
      </c>
      <c r="N84" s="8">
        <v>1.5642920542687317</v>
      </c>
      <c r="O84" s="8">
        <v>1.3861970204287326</v>
      </c>
      <c r="P84" s="8">
        <v>1.42</v>
      </c>
      <c r="Q84" s="8">
        <v>1.38</v>
      </c>
      <c r="R84" s="8">
        <v>1.43</v>
      </c>
      <c r="S84" s="8">
        <v>1.43</v>
      </c>
      <c r="T84" s="8">
        <v>1.31</v>
      </c>
      <c r="U84" s="8">
        <v>1.02</v>
      </c>
      <c r="V84" s="8">
        <v>1.0222154602049076</v>
      </c>
      <c r="W84" s="8">
        <v>0.87</v>
      </c>
      <c r="X84" s="8">
        <v>0.85544281428039071</v>
      </c>
      <c r="Y84" s="8">
        <v>0.81</v>
      </c>
      <c r="Z84" s="8">
        <v>0.69</v>
      </c>
      <c r="AA84" s="8">
        <v>0.7</v>
      </c>
      <c r="AB84" s="8">
        <v>0.66</v>
      </c>
      <c r="AC84" s="8">
        <v>0.6563262526113588</v>
      </c>
      <c r="AD84" s="8">
        <v>0.65</v>
      </c>
      <c r="AE84" s="8">
        <v>0.75089882082937642</v>
      </c>
      <c r="AF84" s="8">
        <v>0.75</v>
      </c>
      <c r="AG84" s="8">
        <v>0.69</v>
      </c>
      <c r="AH84" s="8">
        <v>0.69</v>
      </c>
      <c r="AI84" s="8">
        <v>0.64542854785519799</v>
      </c>
      <c r="AJ84" s="8">
        <v>0.56999999999999995</v>
      </c>
      <c r="AK84" s="8">
        <v>0.57999999999999996</v>
      </c>
      <c r="AL84" s="8">
        <v>0.62</v>
      </c>
      <c r="AM84" s="8">
        <v>0.6</v>
      </c>
      <c r="AN84" s="8">
        <v>0.69</v>
      </c>
      <c r="AO84" s="8">
        <v>0.84</v>
      </c>
      <c r="AP84" s="8">
        <v>0.77284129242173571</v>
      </c>
      <c r="AQ84" s="8">
        <v>0.850857459545179</v>
      </c>
      <c r="AR84" s="8">
        <v>0.86693926593815851</v>
      </c>
      <c r="AS84" s="8">
        <v>0.85449086758497372</v>
      </c>
      <c r="AT84" s="8">
        <v>0.93787436332177532</v>
      </c>
      <c r="AU84" s="8">
        <v>0.93164932615079432</v>
      </c>
      <c r="AV84" s="8">
        <v>0.93333982521131065</v>
      </c>
      <c r="AW84" s="8">
        <v>1.0900000000000001</v>
      </c>
      <c r="AX84" s="8">
        <v>1.1956753839432244</v>
      </c>
      <c r="AY84" s="8">
        <v>1.0223363662299025</v>
      </c>
      <c r="AZ84" s="8">
        <v>0.84876171953271795</v>
      </c>
      <c r="BA84" s="8">
        <v>1.1288675818256573</v>
      </c>
      <c r="BB84" s="8">
        <v>1.529450294659267</v>
      </c>
      <c r="BC84" s="8">
        <v>1.5402565287271897</v>
      </c>
      <c r="BD84" s="8">
        <v>2.0593361461667081</v>
      </c>
      <c r="BE84" s="17"/>
    </row>
    <row r="85" spans="3:57" x14ac:dyDescent="0.2">
      <c r="C85" s="16" t="s">
        <v>104</v>
      </c>
      <c r="D85" s="6" t="s">
        <v>58</v>
      </c>
      <c r="E85" s="8">
        <v>0.97250127365490968</v>
      </c>
      <c r="F85" s="8">
        <v>1.0296630542288048</v>
      </c>
      <c r="G85" s="8">
        <v>0.9</v>
      </c>
      <c r="H85" s="8">
        <v>0.8963156367459012</v>
      </c>
      <c r="I85" s="8">
        <v>0.98</v>
      </c>
      <c r="J85" s="8">
        <v>0.98933751773968603</v>
      </c>
      <c r="K85" s="8">
        <v>1</v>
      </c>
      <c r="L85" s="8">
        <v>1.0849978384317522</v>
      </c>
      <c r="M85" s="8">
        <v>0.97931393239631326</v>
      </c>
      <c r="N85" s="8">
        <v>1.0018739285178029</v>
      </c>
      <c r="O85" s="8">
        <v>0.92670194719684873</v>
      </c>
      <c r="P85" s="8">
        <v>0.84</v>
      </c>
      <c r="Q85" s="8">
        <v>0.94</v>
      </c>
      <c r="R85" s="8">
        <v>0.95</v>
      </c>
      <c r="S85" s="8">
        <v>0.96</v>
      </c>
      <c r="T85" s="8">
        <v>1.02</v>
      </c>
      <c r="U85" s="8">
        <v>1</v>
      </c>
      <c r="V85" s="8">
        <v>0.99481587639784952</v>
      </c>
      <c r="W85" s="8">
        <v>1.02</v>
      </c>
      <c r="X85" s="8">
        <v>1.0041371275863393</v>
      </c>
      <c r="Y85" s="8">
        <v>0.74</v>
      </c>
      <c r="Z85" s="8">
        <v>0.74</v>
      </c>
      <c r="AA85" s="8">
        <v>0.71</v>
      </c>
      <c r="AB85" s="8">
        <v>0.67</v>
      </c>
      <c r="AC85" s="8">
        <v>0.70726953700021267</v>
      </c>
      <c r="AD85" s="8">
        <v>0.83</v>
      </c>
      <c r="AE85" s="8">
        <v>0.96834210404976562</v>
      </c>
      <c r="AF85" s="8">
        <v>0.77</v>
      </c>
      <c r="AG85" s="8">
        <v>0.86</v>
      </c>
      <c r="AH85" s="8">
        <v>1.0900000000000001</v>
      </c>
      <c r="AI85" s="8">
        <v>0.97561754263316236</v>
      </c>
      <c r="AJ85" s="8">
        <v>0.95</v>
      </c>
      <c r="AK85" s="8">
        <v>0.84</v>
      </c>
      <c r="AL85" s="8">
        <v>0.77</v>
      </c>
      <c r="AM85" s="8">
        <v>0.71</v>
      </c>
      <c r="AN85" s="8">
        <v>0.71</v>
      </c>
      <c r="AO85" s="8">
        <v>0.94</v>
      </c>
      <c r="AP85" s="8">
        <v>1.001676034656386</v>
      </c>
      <c r="AQ85" s="8">
        <v>1.0558160419291576</v>
      </c>
      <c r="AR85" s="8">
        <v>1.0041315129096577</v>
      </c>
      <c r="AS85" s="8">
        <v>1.0539422353893977</v>
      </c>
      <c r="AT85" s="8">
        <v>1.0287928867526981</v>
      </c>
      <c r="AU85" s="8">
        <v>0.99828031004843032</v>
      </c>
      <c r="AV85" s="8">
        <v>0.98078748821991701</v>
      </c>
      <c r="AW85" s="8">
        <v>0.98</v>
      </c>
      <c r="AX85" s="8">
        <v>0.96598133058666824</v>
      </c>
      <c r="AY85" s="8">
        <v>0.97334766440465159</v>
      </c>
      <c r="AZ85" s="8">
        <v>0.96253544988514583</v>
      </c>
      <c r="BA85" s="8">
        <v>0.96129620740042987</v>
      </c>
      <c r="BB85" s="8">
        <v>1.0870186406366256</v>
      </c>
      <c r="BC85" s="8">
        <v>1.0370809219906822</v>
      </c>
      <c r="BD85" s="8">
        <v>1.0556185136995471</v>
      </c>
      <c r="BE85" s="17"/>
    </row>
    <row r="86" spans="3:57" x14ac:dyDescent="0.2">
      <c r="C86" s="16" t="s">
        <v>87</v>
      </c>
      <c r="D86" s="6" t="s">
        <v>58</v>
      </c>
      <c r="E86" s="8">
        <v>0.51002635944923691</v>
      </c>
      <c r="F86" s="8">
        <v>0.52503003969439577</v>
      </c>
      <c r="G86" s="8">
        <v>0.51</v>
      </c>
      <c r="H86" s="8">
        <v>0.49636480288995788</v>
      </c>
      <c r="I86" s="8">
        <v>0.51</v>
      </c>
      <c r="J86" s="8">
        <v>0.47246212256484704</v>
      </c>
      <c r="K86" s="8">
        <v>0.53</v>
      </c>
      <c r="L86" s="8">
        <v>0.51504117025554186</v>
      </c>
      <c r="M86" s="8">
        <v>0.50194810222001884</v>
      </c>
      <c r="N86" s="8">
        <v>0.39492666115387626</v>
      </c>
      <c r="O86" s="8">
        <v>0.38897561153899834</v>
      </c>
      <c r="P86" s="8">
        <v>0.39</v>
      </c>
      <c r="Q86" s="8">
        <v>0.4</v>
      </c>
      <c r="R86" s="8">
        <v>0.4</v>
      </c>
      <c r="S86" s="8">
        <v>0.46</v>
      </c>
      <c r="T86" s="8">
        <v>0.46</v>
      </c>
      <c r="U86" s="8">
        <v>0.48</v>
      </c>
      <c r="V86" s="8">
        <v>0.50866187295288856</v>
      </c>
      <c r="W86" s="8">
        <v>0.51</v>
      </c>
      <c r="X86" s="8">
        <v>0.46920414386283321</v>
      </c>
      <c r="Y86" s="8">
        <v>0.48</v>
      </c>
      <c r="Z86" s="8">
        <v>0.47</v>
      </c>
      <c r="AA86" s="8">
        <v>0.48</v>
      </c>
      <c r="AB86" s="8">
        <v>0.45</v>
      </c>
      <c r="AC86" s="8">
        <v>0.45701926321032083</v>
      </c>
      <c r="AD86" s="8">
        <v>0.44</v>
      </c>
      <c r="AE86" s="8">
        <v>0.46253894716072053</v>
      </c>
      <c r="AF86" s="8">
        <v>0.45</v>
      </c>
      <c r="AG86" s="8">
        <v>0.46</v>
      </c>
      <c r="AH86" s="8">
        <v>0.45</v>
      </c>
      <c r="AI86" s="8">
        <v>0.46369422307282088</v>
      </c>
      <c r="AJ86" s="8">
        <v>0.46</v>
      </c>
      <c r="AK86" s="8">
        <v>0.47</v>
      </c>
      <c r="AL86" s="8">
        <v>0.48</v>
      </c>
      <c r="AM86" s="8">
        <v>0.48</v>
      </c>
      <c r="AN86" s="8">
        <v>0.47</v>
      </c>
      <c r="AO86" s="8">
        <v>0.47</v>
      </c>
      <c r="AP86" s="8">
        <v>0.47501219654138283</v>
      </c>
      <c r="AQ86" s="8">
        <v>0.46201793306975286</v>
      </c>
      <c r="AR86" s="8">
        <v>0.46841006526283685</v>
      </c>
      <c r="AS86" s="8">
        <v>0.46841246719476082</v>
      </c>
      <c r="AT86" s="8">
        <v>0.47044982746532121</v>
      </c>
      <c r="AU86" s="8">
        <v>0.4720015942245005</v>
      </c>
      <c r="AV86" s="8">
        <v>0.46315426378077623</v>
      </c>
      <c r="AW86" s="8">
        <v>0.44</v>
      </c>
      <c r="AX86" s="8">
        <v>0.45475212631331113</v>
      </c>
      <c r="AY86" s="8">
        <v>0.45506811254514179</v>
      </c>
      <c r="AZ86" s="8">
        <v>0.45303137498530022</v>
      </c>
      <c r="BA86" s="8">
        <v>0.45155421256565831</v>
      </c>
      <c r="BB86" s="8">
        <v>0.4514299068860182</v>
      </c>
      <c r="BC86" s="8">
        <v>0.45445029468071563</v>
      </c>
      <c r="BD86" s="8">
        <v>0.4457657495307335</v>
      </c>
      <c r="BE86" s="17"/>
    </row>
    <row r="87" spans="3:57" x14ac:dyDescent="0.2">
      <c r="C87" s="16" t="s">
        <v>88</v>
      </c>
      <c r="D87" s="6" t="s">
        <v>58</v>
      </c>
      <c r="E87" s="17">
        <v>0.66309364221938694</v>
      </c>
      <c r="F87" s="17">
        <v>0.66596949261591443</v>
      </c>
      <c r="G87" s="17">
        <v>0.64</v>
      </c>
      <c r="H87" s="17">
        <v>0.63541281097786895</v>
      </c>
      <c r="I87" s="17">
        <v>0.66</v>
      </c>
      <c r="J87" s="17">
        <v>0.57065773732337222</v>
      </c>
      <c r="K87" s="17">
        <v>0.53</v>
      </c>
      <c r="L87" s="17">
        <v>0.54900353776996103</v>
      </c>
      <c r="M87" s="17">
        <v>0.52111002251283878</v>
      </c>
      <c r="N87" s="17">
        <v>0.51476933688019888</v>
      </c>
      <c r="O87" s="17">
        <v>0.52875990783950466</v>
      </c>
      <c r="P87" s="17">
        <v>0.55000000000000004</v>
      </c>
      <c r="Q87" s="17">
        <v>0.54</v>
      </c>
      <c r="R87" s="17">
        <v>0.52</v>
      </c>
      <c r="S87" s="17">
        <v>0.56000000000000005</v>
      </c>
      <c r="T87" s="17">
        <v>0.54</v>
      </c>
      <c r="U87" s="17">
        <v>0.54</v>
      </c>
      <c r="V87" s="17">
        <v>0.524327166080787</v>
      </c>
      <c r="W87" s="17">
        <v>0.6</v>
      </c>
      <c r="X87" s="17">
        <v>0.55389400492454299</v>
      </c>
      <c r="Y87" s="17">
        <v>0.57999999999999996</v>
      </c>
      <c r="Z87" s="17">
        <v>0.69</v>
      </c>
      <c r="AA87" s="17">
        <v>0.63</v>
      </c>
      <c r="AB87" s="17">
        <v>0.69</v>
      </c>
      <c r="AC87" s="17">
        <v>0.6601996696994874</v>
      </c>
      <c r="AD87" s="17">
        <v>0.64</v>
      </c>
      <c r="AE87" s="17">
        <v>0.70544955818185795</v>
      </c>
      <c r="AF87" s="17">
        <v>0.73</v>
      </c>
      <c r="AG87" s="17">
        <v>0.81</v>
      </c>
      <c r="AH87" s="17">
        <v>0.84</v>
      </c>
      <c r="AI87" s="17">
        <v>0.9652741963945195</v>
      </c>
      <c r="AJ87" s="17">
        <v>0.94</v>
      </c>
      <c r="AK87" s="17">
        <v>0.96</v>
      </c>
      <c r="AL87" s="17">
        <v>1.03</v>
      </c>
      <c r="AM87" s="17">
        <v>1.1299999999999999</v>
      </c>
      <c r="AN87" s="17">
        <v>1.1299999999999999</v>
      </c>
      <c r="AO87" s="17">
        <v>1.1200000000000001</v>
      </c>
      <c r="AP87" s="17">
        <v>1.1831464878699309</v>
      </c>
      <c r="AQ87" s="17">
        <v>1.1589154605731691</v>
      </c>
      <c r="AR87" s="17">
        <v>1.1584944966964006</v>
      </c>
      <c r="AS87" s="17">
        <v>1.1850613541677786</v>
      </c>
      <c r="AT87" s="17">
        <v>1.0088323279630875</v>
      </c>
      <c r="AU87" s="17">
        <v>1.0205825748998119</v>
      </c>
      <c r="AV87" s="17">
        <v>0.99303154239136682</v>
      </c>
      <c r="AW87" s="17">
        <v>0.97</v>
      </c>
      <c r="AX87" s="17">
        <v>0.95505681305844214</v>
      </c>
      <c r="AY87" s="17">
        <v>0.93286271549430655</v>
      </c>
      <c r="AZ87" s="17">
        <v>0.83826198440991517</v>
      </c>
      <c r="BA87" s="17">
        <v>0.87348613022392951</v>
      </c>
      <c r="BB87" s="17">
        <v>0.85185440999058748</v>
      </c>
      <c r="BC87" s="17">
        <v>0.84086186593527812</v>
      </c>
      <c r="BD87" s="17">
        <v>0.80830003112494941</v>
      </c>
      <c r="BE87" s="17"/>
    </row>
    <row r="88" spans="3:57" x14ac:dyDescent="0.2">
      <c r="C88" s="18" t="s">
        <v>91</v>
      </c>
      <c r="D88" s="6" t="s">
        <v>58</v>
      </c>
      <c r="E88" s="17">
        <v>0.63693214218254213</v>
      </c>
      <c r="F88" s="17">
        <v>0.67112252391201754</v>
      </c>
      <c r="G88" s="17">
        <v>0.7</v>
      </c>
      <c r="H88" s="17">
        <v>0.68711721259841674</v>
      </c>
      <c r="I88" s="17">
        <v>0.69</v>
      </c>
      <c r="J88" s="17">
        <v>0.6876450027785812</v>
      </c>
      <c r="K88" s="17">
        <v>0.67</v>
      </c>
      <c r="L88" s="17">
        <v>0.67657484388009992</v>
      </c>
      <c r="M88" s="17">
        <v>0.73238979016918215</v>
      </c>
      <c r="N88" s="17">
        <v>0.67260643317255653</v>
      </c>
      <c r="O88" s="17">
        <v>0.63831820457267985</v>
      </c>
      <c r="P88" s="17">
        <v>0.7</v>
      </c>
      <c r="Q88" s="17">
        <v>0.73</v>
      </c>
      <c r="R88" s="17">
        <v>0.72</v>
      </c>
      <c r="S88" s="17">
        <v>0.82</v>
      </c>
      <c r="T88" s="17">
        <v>0.8</v>
      </c>
      <c r="U88" s="17">
        <v>0.72</v>
      </c>
      <c r="V88" s="17">
        <v>0.79029212513849301</v>
      </c>
      <c r="W88" s="17">
        <v>0.76</v>
      </c>
      <c r="X88" s="17">
        <v>0.829129774791589</v>
      </c>
      <c r="Y88" s="17">
        <v>0.98</v>
      </c>
      <c r="Z88" s="17">
        <v>0.96</v>
      </c>
      <c r="AA88" s="17"/>
      <c r="AB88" s="17"/>
      <c r="AC88" s="17"/>
      <c r="AD88" s="17"/>
      <c r="AE88" s="17"/>
      <c r="AF88" s="17"/>
      <c r="AG88" s="17"/>
      <c r="AH88" s="17"/>
      <c r="AI88" s="17"/>
      <c r="AJ88" s="17"/>
      <c r="AK88" s="17"/>
      <c r="AL88" s="17"/>
      <c r="AM88" s="17"/>
      <c r="AN88" s="17"/>
      <c r="AO88" s="17">
        <v>1.27</v>
      </c>
      <c r="AP88" s="17">
        <v>1.0517265939661764</v>
      </c>
      <c r="AQ88" s="17">
        <v>0.94935238205801686</v>
      </c>
      <c r="AR88" s="17">
        <v>0.92111253461312936</v>
      </c>
      <c r="AS88" s="17">
        <v>1.0086960469806068</v>
      </c>
      <c r="AT88" s="17">
        <v>0.93844424652654068</v>
      </c>
      <c r="AU88" s="17">
        <v>1.069602050484465</v>
      </c>
      <c r="AV88" s="17">
        <v>1.084371837321757</v>
      </c>
      <c r="AW88" s="17">
        <v>1.1000000000000001</v>
      </c>
      <c r="AX88" s="17">
        <v>0.95800697455999617</v>
      </c>
      <c r="AY88" s="17">
        <v>0.93230422059047779</v>
      </c>
      <c r="AZ88" s="17">
        <v>0.89035671288402396</v>
      </c>
      <c r="BA88" s="17">
        <v>0.9136925176211429</v>
      </c>
      <c r="BB88" s="17">
        <v>0.86509578414420873</v>
      </c>
      <c r="BC88" s="17">
        <v>0.97721524576482155</v>
      </c>
      <c r="BD88" s="17">
        <v>0.89174516260926251</v>
      </c>
      <c r="BE88" s="17"/>
    </row>
    <row r="89" spans="3:57" x14ac:dyDescent="0.2">
      <c r="C89" s="18" t="s">
        <v>100</v>
      </c>
      <c r="D89" s="6" t="s">
        <v>58</v>
      </c>
      <c r="E89" s="8">
        <v>0.57206217935373438</v>
      </c>
      <c r="F89" s="8">
        <v>0.59921135241600521</v>
      </c>
      <c r="G89" s="8">
        <v>0.61</v>
      </c>
      <c r="H89" s="8">
        <v>0.61066756683332413</v>
      </c>
      <c r="I89" s="8">
        <v>0.63</v>
      </c>
      <c r="J89" s="8">
        <v>0.62963621322175867</v>
      </c>
      <c r="K89" s="8">
        <v>0.59</v>
      </c>
      <c r="L89" s="8">
        <v>0.66828450916406112</v>
      </c>
      <c r="M89" s="8">
        <v>0.65982329063337841</v>
      </c>
      <c r="N89" s="8">
        <v>0.64139699421926244</v>
      </c>
      <c r="O89" s="8">
        <v>0.71579911686364517</v>
      </c>
      <c r="P89" s="8">
        <v>0.68</v>
      </c>
      <c r="Q89" s="8">
        <v>0.66</v>
      </c>
      <c r="R89" s="8">
        <v>0.65</v>
      </c>
      <c r="S89" s="8">
        <v>0.68</v>
      </c>
      <c r="T89" s="8">
        <v>0.67</v>
      </c>
      <c r="U89" s="8">
        <v>0.67</v>
      </c>
      <c r="V89" s="8">
        <v>0.66439404986766626</v>
      </c>
      <c r="W89" s="8">
        <v>0.67</v>
      </c>
      <c r="X89" s="8">
        <v>0.6632510153989466</v>
      </c>
      <c r="Y89" s="8">
        <v>0.69</v>
      </c>
      <c r="Z89" s="8">
        <v>0.57999999999999996</v>
      </c>
      <c r="AA89" s="8">
        <v>0.56000000000000005</v>
      </c>
      <c r="AB89" s="8">
        <v>0.59</v>
      </c>
      <c r="AC89" s="8">
        <v>0.61785041414132946</v>
      </c>
      <c r="AD89" s="8">
        <v>0.67</v>
      </c>
      <c r="AE89" s="8">
        <v>0.66406683170518144</v>
      </c>
      <c r="AF89" s="8">
        <v>0.67</v>
      </c>
      <c r="AG89" s="8">
        <v>0.68</v>
      </c>
      <c r="AH89" s="8">
        <v>0.75</v>
      </c>
      <c r="AI89" s="8">
        <v>0.72523350527213637</v>
      </c>
      <c r="AJ89" s="8">
        <v>0.7</v>
      </c>
      <c r="AK89" s="8">
        <v>0.69</v>
      </c>
      <c r="AL89" s="8">
        <v>0.7</v>
      </c>
      <c r="AM89" s="8">
        <v>0.69</v>
      </c>
      <c r="AN89" s="8">
        <v>0.71</v>
      </c>
      <c r="AO89" s="8">
        <v>0.71</v>
      </c>
      <c r="AP89" s="8">
        <v>0.70703834588463144</v>
      </c>
      <c r="AQ89" s="8">
        <v>0.70532404302690521</v>
      </c>
      <c r="AR89" s="8">
        <v>0.74092847969748654</v>
      </c>
      <c r="AS89" s="8">
        <v>0.76970289014133242</v>
      </c>
      <c r="AT89" s="8">
        <v>0.7033277863517412</v>
      </c>
      <c r="AU89" s="8">
        <v>0.74980852526545527</v>
      </c>
      <c r="AV89" s="8">
        <v>0.76140327132332075</v>
      </c>
      <c r="AW89" s="8">
        <v>0.79</v>
      </c>
      <c r="AX89" s="8">
        <v>0.73000292915478604</v>
      </c>
      <c r="AY89" s="8">
        <v>0.7339635616321396</v>
      </c>
      <c r="AZ89" s="8">
        <v>0.60897020974378369</v>
      </c>
      <c r="BA89" s="8">
        <v>0.61419280773236584</v>
      </c>
      <c r="BB89" s="8">
        <v>0.60508313239069556</v>
      </c>
      <c r="BC89" s="8">
        <v>0.6412470528076587</v>
      </c>
      <c r="BD89" s="8">
        <v>0.62439919752082096</v>
      </c>
      <c r="BE89" s="17"/>
    </row>
    <row r="90" spans="3:57" x14ac:dyDescent="0.2">
      <c r="C90" s="16" t="s">
        <v>89</v>
      </c>
      <c r="D90" s="6" t="s">
        <v>58</v>
      </c>
      <c r="E90" s="8">
        <v>0.70416742903024565</v>
      </c>
      <c r="F90" s="8">
        <v>0.71128407397071924</v>
      </c>
      <c r="G90" s="8">
        <v>0.72</v>
      </c>
      <c r="H90" s="8">
        <v>0.72006995668652274</v>
      </c>
      <c r="I90" s="8">
        <v>0.72</v>
      </c>
      <c r="J90" s="8">
        <v>0.70247692070914747</v>
      </c>
      <c r="K90" s="8">
        <v>0.72</v>
      </c>
      <c r="L90" s="8">
        <v>0.64024746071675964</v>
      </c>
      <c r="M90" s="8">
        <v>0.69624029501180063</v>
      </c>
      <c r="N90" s="8">
        <v>0.71374746121970511</v>
      </c>
      <c r="O90" s="8">
        <v>0.70925128963497408</v>
      </c>
      <c r="P90" s="8">
        <v>0.72</v>
      </c>
      <c r="Q90" s="8">
        <v>0.66</v>
      </c>
      <c r="R90" s="8">
        <v>0.69</v>
      </c>
      <c r="S90" s="8">
        <v>0.73</v>
      </c>
      <c r="T90" s="8">
        <v>0.73</v>
      </c>
      <c r="U90" s="8">
        <v>0.76</v>
      </c>
      <c r="V90" s="8">
        <v>0.75833249026121341</v>
      </c>
      <c r="W90" s="8">
        <v>0.8</v>
      </c>
      <c r="X90" s="8">
        <v>0.81755616846335832</v>
      </c>
      <c r="Y90" s="8">
        <v>0.79</v>
      </c>
      <c r="Z90" s="8">
        <v>0.76</v>
      </c>
      <c r="AA90" s="8">
        <v>0.85</v>
      </c>
      <c r="AB90" s="8">
        <v>0.86</v>
      </c>
      <c r="AC90" s="8">
        <v>0.89831038493791759</v>
      </c>
      <c r="AD90" s="8">
        <v>0.89</v>
      </c>
      <c r="AE90" s="8">
        <v>0.83844499477712231</v>
      </c>
      <c r="AF90" s="8">
        <v>0.83</v>
      </c>
      <c r="AG90" s="8">
        <v>0.75</v>
      </c>
      <c r="AH90" s="8">
        <v>0.8</v>
      </c>
      <c r="AI90" s="8">
        <v>0.74997505086612215</v>
      </c>
      <c r="AJ90" s="8">
        <v>0.74</v>
      </c>
      <c r="AK90" s="8">
        <v>0.72</v>
      </c>
      <c r="AL90" s="8">
        <v>0.75</v>
      </c>
      <c r="AM90" s="8">
        <v>0.76</v>
      </c>
      <c r="AN90" s="8">
        <v>0.77</v>
      </c>
      <c r="AO90" s="8">
        <v>0.8</v>
      </c>
      <c r="AP90" s="8">
        <v>0.79104959284331444</v>
      </c>
      <c r="AQ90" s="8">
        <v>0.78856138991035163</v>
      </c>
      <c r="AR90" s="8">
        <v>0.78420881006982024</v>
      </c>
      <c r="AS90" s="8">
        <v>0.81093392616532478</v>
      </c>
      <c r="AT90" s="8">
        <v>0.8558098964907852</v>
      </c>
      <c r="AU90" s="8">
        <v>0.85663602882831613</v>
      </c>
      <c r="AV90" s="8">
        <v>0.85721976798658084</v>
      </c>
      <c r="AW90" s="8">
        <v>0.87</v>
      </c>
      <c r="AX90" s="8">
        <v>0.87340564589958924</v>
      </c>
      <c r="AY90" s="8">
        <v>0.85675060570031836</v>
      </c>
      <c r="AZ90" s="8">
        <v>0.86102085279859886</v>
      </c>
      <c r="BA90" s="8">
        <v>0.87911357279835589</v>
      </c>
      <c r="BB90" s="8">
        <v>0.86368174224583871</v>
      </c>
      <c r="BC90" s="8">
        <v>0.9822576910796349</v>
      </c>
      <c r="BD90" s="8">
        <v>0.89561664427326837</v>
      </c>
      <c r="BE90" s="17"/>
    </row>
    <row r="91" spans="3:57" x14ac:dyDescent="0.2">
      <c r="C91" s="16" t="s">
        <v>95</v>
      </c>
      <c r="D91" s="6" t="s">
        <v>58</v>
      </c>
      <c r="E91" s="8">
        <v>0.79846515948311314</v>
      </c>
      <c r="F91" s="8">
        <v>0.83800040415400012</v>
      </c>
      <c r="G91" s="8">
        <v>0.87</v>
      </c>
      <c r="H91" s="8">
        <v>0.85447795451813624</v>
      </c>
      <c r="I91" s="8">
        <v>0.88</v>
      </c>
      <c r="J91" s="8">
        <v>0.84609479095078477</v>
      </c>
      <c r="K91" s="8">
        <v>0.9</v>
      </c>
      <c r="L91" s="8">
        <v>0.90913870446797063</v>
      </c>
      <c r="M91" s="8">
        <v>0.88830643492654671</v>
      </c>
      <c r="N91" s="8">
        <v>0.87360919380983393</v>
      </c>
      <c r="O91" s="8">
        <v>0.90434983444607286</v>
      </c>
      <c r="P91" s="8">
        <v>0.78</v>
      </c>
      <c r="Q91" s="8">
        <v>0.77</v>
      </c>
      <c r="R91" s="8">
        <v>0.77</v>
      </c>
      <c r="S91" s="8">
        <v>0.78</v>
      </c>
      <c r="T91" s="8">
        <v>0.84</v>
      </c>
      <c r="U91" s="8">
        <v>0.77</v>
      </c>
      <c r="V91" s="8">
        <v>0.79613094821773789</v>
      </c>
      <c r="W91" s="8">
        <v>1.05</v>
      </c>
      <c r="X91" s="8">
        <v>1.0689491466784919</v>
      </c>
      <c r="Y91" s="8">
        <v>1.06</v>
      </c>
      <c r="Z91" s="8">
        <v>1.07</v>
      </c>
      <c r="AA91" s="8">
        <v>1.1399999999999999</v>
      </c>
      <c r="AB91" s="8">
        <v>1.1100000000000001</v>
      </c>
      <c r="AC91" s="8">
        <v>1.0582548807911043</v>
      </c>
      <c r="AD91" s="8">
        <v>1.06</v>
      </c>
      <c r="AE91" s="8">
        <v>1.1058218264086488</v>
      </c>
      <c r="AF91" s="8">
        <v>1.0900000000000001</v>
      </c>
      <c r="AG91" s="8">
        <v>0.9</v>
      </c>
      <c r="AH91" s="8">
        <v>1.03</v>
      </c>
      <c r="AI91" s="8">
        <v>0.91068303914044513</v>
      </c>
      <c r="AJ91" s="8">
        <v>0.86</v>
      </c>
      <c r="AK91" s="8">
        <v>1</v>
      </c>
      <c r="AL91" s="8">
        <v>1.01</v>
      </c>
      <c r="AM91" s="8">
        <v>1.2</v>
      </c>
      <c r="AN91" s="8">
        <v>1.1299999999999999</v>
      </c>
      <c r="AO91" s="8">
        <v>1.1100000000000001</v>
      </c>
      <c r="AP91" s="8">
        <v>1.1919813069016787</v>
      </c>
      <c r="AQ91" s="8">
        <v>1.1702229823916557</v>
      </c>
      <c r="AR91" s="8">
        <v>1.1270320905538009</v>
      </c>
      <c r="AS91" s="8">
        <v>1.1490526939560277</v>
      </c>
      <c r="AT91" s="8">
        <v>1.1537903071596789</v>
      </c>
      <c r="AU91" s="8">
        <v>1.0516488856462427</v>
      </c>
      <c r="AV91" s="8">
        <v>1.0253969414785562</v>
      </c>
      <c r="AW91" s="8">
        <v>1.05</v>
      </c>
      <c r="AX91" s="8">
        <v>1.0951201578168137</v>
      </c>
      <c r="AY91" s="8">
        <v>1.1041195982677601</v>
      </c>
      <c r="AZ91" s="8">
        <v>1.0956441896632092</v>
      </c>
      <c r="BA91" s="8">
        <v>1.1573913868599626</v>
      </c>
      <c r="BB91" s="8">
        <v>1.1439202564040627</v>
      </c>
      <c r="BC91" s="8">
        <v>0.93488013186895291</v>
      </c>
      <c r="BD91" s="8">
        <v>0.878237424009361</v>
      </c>
      <c r="BE91" s="17"/>
    </row>
    <row r="92" spans="3:57" x14ac:dyDescent="0.2">
      <c r="C92" s="23" t="s">
        <v>96</v>
      </c>
      <c r="D92" s="6" t="s">
        <v>58</v>
      </c>
      <c r="E92" s="17">
        <v>0.91511189964629369</v>
      </c>
      <c r="F92" s="17">
        <v>0.95486580206989191</v>
      </c>
      <c r="G92" s="17">
        <v>1.04</v>
      </c>
      <c r="H92" s="17">
        <v>1.0136739909310939</v>
      </c>
      <c r="I92" s="17">
        <v>1.02</v>
      </c>
      <c r="J92" s="17">
        <v>1.0307074598312795</v>
      </c>
      <c r="K92" s="17">
        <v>1</v>
      </c>
      <c r="L92" s="17">
        <v>1.0278203948287263</v>
      </c>
      <c r="M92" s="17">
        <v>1.0684188594196549</v>
      </c>
      <c r="N92" s="17">
        <v>1.0628705279429256</v>
      </c>
      <c r="O92" s="17">
        <v>1.0416658201283313</v>
      </c>
      <c r="P92" s="17">
        <v>1.05</v>
      </c>
      <c r="Q92" s="17">
        <v>1.05</v>
      </c>
      <c r="R92" s="17">
        <v>1.02</v>
      </c>
      <c r="S92" s="17">
        <v>0.99</v>
      </c>
      <c r="T92" s="17">
        <v>1.02</v>
      </c>
      <c r="U92" s="17">
        <v>1.01</v>
      </c>
      <c r="V92" s="17">
        <v>1.0517002024695583</v>
      </c>
      <c r="W92" s="17">
        <v>1.04</v>
      </c>
      <c r="X92" s="17">
        <v>1.0587668954461829</v>
      </c>
      <c r="Y92" s="17">
        <v>1.06</v>
      </c>
      <c r="Z92" s="17">
        <v>1.06</v>
      </c>
      <c r="AA92" s="17">
        <v>1.02</v>
      </c>
      <c r="AB92" s="17">
        <v>0.87</v>
      </c>
      <c r="AC92" s="17">
        <v>0.75249251118088611</v>
      </c>
      <c r="AD92" s="17">
        <v>0.71</v>
      </c>
      <c r="AE92" s="17">
        <v>0.69034011779977555</v>
      </c>
      <c r="AF92" s="17">
        <v>0.67</v>
      </c>
      <c r="AG92" s="17">
        <v>0.7</v>
      </c>
      <c r="AH92" s="17">
        <v>0.72</v>
      </c>
      <c r="AI92" s="17">
        <v>0.82103548959252581</v>
      </c>
      <c r="AJ92" s="17">
        <v>0.81</v>
      </c>
      <c r="AK92" s="17">
        <v>0.79</v>
      </c>
      <c r="AL92" s="17">
        <v>0.83</v>
      </c>
      <c r="AM92" s="17">
        <v>0.86</v>
      </c>
      <c r="AN92" s="17">
        <v>1.01</v>
      </c>
      <c r="AO92" s="17">
        <v>1.01</v>
      </c>
      <c r="AP92" s="17">
        <v>1.0079704592498246</v>
      </c>
      <c r="AQ92" s="17">
        <v>1.0169586773138635</v>
      </c>
      <c r="AR92" s="17">
        <v>1.0440550214047548</v>
      </c>
      <c r="AS92" s="17">
        <v>1.1508339751368104</v>
      </c>
      <c r="AT92" s="17">
        <v>1.2030893275716295</v>
      </c>
      <c r="AU92" s="17">
        <v>1.3750172540337291</v>
      </c>
      <c r="AV92" s="17">
        <v>1.4607493321758163</v>
      </c>
      <c r="AW92" s="17">
        <v>1.52</v>
      </c>
      <c r="AX92" s="17">
        <v>1.4716643295456264</v>
      </c>
      <c r="AY92" s="17">
        <v>1.3891195883073497</v>
      </c>
      <c r="AZ92" s="17">
        <v>1.3203886162505378</v>
      </c>
      <c r="BA92" s="17">
        <v>1.215838934700936</v>
      </c>
      <c r="BB92" s="17">
        <v>1.0928606595625134</v>
      </c>
      <c r="BC92" s="17">
        <v>1.0747115137617314</v>
      </c>
      <c r="BD92" s="17">
        <v>1.0709720563064473</v>
      </c>
      <c r="BE92" s="23"/>
    </row>
    <row r="93" spans="3:57" x14ac:dyDescent="0.2">
      <c r="C93" s="67"/>
      <c r="D93" s="64"/>
      <c r="E93" s="65"/>
      <c r="F93" s="65"/>
      <c r="G93" s="65"/>
      <c r="H93" s="65"/>
      <c r="I93" s="65"/>
      <c r="J93" s="65"/>
      <c r="K93" s="65"/>
      <c r="L93" s="65"/>
      <c r="M93" s="65"/>
      <c r="N93" s="65"/>
      <c r="O93" s="65"/>
      <c r="P93" s="65"/>
      <c r="Q93" s="65"/>
      <c r="R93" s="65"/>
      <c r="S93" s="65"/>
      <c r="T93" s="65"/>
      <c r="U93" s="65"/>
      <c r="V93" s="65"/>
      <c r="W93" s="65"/>
      <c r="X93" s="65"/>
      <c r="Y93" s="65"/>
      <c r="Z93" s="65"/>
      <c r="AA93" s="65"/>
      <c r="AB93" s="65"/>
      <c r="AC93" s="65"/>
      <c r="AD93" s="65"/>
      <c r="AE93" s="65"/>
      <c r="AG93" s="65"/>
      <c r="AH93" s="65"/>
      <c r="AI93" s="65"/>
      <c r="AJ93" s="65"/>
      <c r="AK93" s="65"/>
      <c r="AL93" s="65"/>
      <c r="AM93" s="65"/>
      <c r="AN93" s="65"/>
      <c r="AO93" s="65"/>
      <c r="AP93" s="65"/>
      <c r="AQ93" s="65"/>
      <c r="AR93" s="65"/>
      <c r="AS93" s="65"/>
      <c r="AT93" s="65"/>
      <c r="AU93" s="65"/>
      <c r="AV93" s="65"/>
      <c r="AW93" s="65"/>
      <c r="AX93" s="65"/>
      <c r="AY93" s="65"/>
      <c r="AZ93" s="65"/>
      <c r="BA93" s="65"/>
      <c r="BB93" s="65"/>
      <c r="BC93" s="65"/>
    </row>
    <row r="94" spans="3:57" x14ac:dyDescent="0.2">
      <c r="D94" s="64"/>
      <c r="E94" s="65"/>
      <c r="F94" s="65"/>
      <c r="G94" s="65"/>
      <c r="H94" s="65"/>
      <c r="I94" s="65"/>
      <c r="J94" s="65"/>
      <c r="K94" s="65"/>
      <c r="L94" s="65"/>
      <c r="M94" s="65"/>
      <c r="N94" s="65"/>
      <c r="O94" s="65"/>
      <c r="P94" s="65"/>
      <c r="Q94" s="65"/>
      <c r="R94" s="65"/>
      <c r="S94" s="65"/>
      <c r="T94" s="65"/>
      <c r="U94" s="65"/>
      <c r="V94" s="65"/>
      <c r="W94" s="65"/>
      <c r="X94" s="65"/>
      <c r="Y94" s="65"/>
      <c r="Z94" s="65"/>
      <c r="AA94" s="65"/>
      <c r="AB94" s="65"/>
      <c r="AC94" s="65"/>
      <c r="AD94" s="65"/>
      <c r="AE94" s="65"/>
      <c r="AF94" s="65"/>
      <c r="AG94" s="65"/>
      <c r="AH94" s="65"/>
      <c r="AI94" s="65"/>
      <c r="AJ94" s="65"/>
      <c r="AK94" s="65"/>
      <c r="AL94" s="65"/>
      <c r="AM94" s="65"/>
      <c r="AN94" s="65"/>
      <c r="AO94" s="65"/>
      <c r="AP94" s="65"/>
      <c r="AQ94" s="65"/>
      <c r="AR94" s="65"/>
      <c r="AS94" s="65"/>
      <c r="AT94" s="65"/>
      <c r="AU94" s="65"/>
      <c r="AV94" s="65"/>
      <c r="AW94" s="65"/>
      <c r="AX94" s="65"/>
      <c r="AY94" s="65"/>
      <c r="AZ94" s="65"/>
      <c r="BA94" s="65"/>
      <c r="BB94" s="65"/>
      <c r="BC94" s="65"/>
    </row>
    <row r="95" spans="3:57" x14ac:dyDescent="0.2">
      <c r="C95" s="23" t="s">
        <v>106</v>
      </c>
      <c r="D95" s="6" t="s">
        <v>58</v>
      </c>
      <c r="E95" s="17">
        <v>6.71</v>
      </c>
      <c r="F95" s="17">
        <v>6.37</v>
      </c>
      <c r="G95" s="17">
        <v>5.94</v>
      </c>
      <c r="H95" s="17">
        <v>6.25</v>
      </c>
      <c r="I95" s="17">
        <v>6.1</v>
      </c>
      <c r="J95" s="17">
        <v>5.21</v>
      </c>
      <c r="K95" s="17">
        <v>5.94</v>
      </c>
      <c r="L95" s="17">
        <v>5.66</v>
      </c>
      <c r="M95" s="17">
        <v>5.93</v>
      </c>
      <c r="N95" s="17">
        <v>5.66</v>
      </c>
      <c r="O95" s="69">
        <v>5.82</v>
      </c>
      <c r="P95" s="70">
        <v>6.09</v>
      </c>
      <c r="Q95" s="70">
        <v>6.06</v>
      </c>
      <c r="R95" s="34">
        <v>6.16</v>
      </c>
      <c r="S95" s="34">
        <v>5.61</v>
      </c>
      <c r="T95" s="17">
        <v>6.06</v>
      </c>
      <c r="U95" s="36">
        <v>6.04</v>
      </c>
      <c r="V95" s="34">
        <v>6</v>
      </c>
      <c r="W95" s="36">
        <v>5.71</v>
      </c>
      <c r="X95" s="36">
        <v>5.99</v>
      </c>
      <c r="Y95" s="17">
        <v>6.04</v>
      </c>
      <c r="Z95" s="17">
        <v>6.35</v>
      </c>
      <c r="AA95" s="34">
        <v>6.13</v>
      </c>
      <c r="AB95" s="34">
        <v>5.83</v>
      </c>
      <c r="AC95" s="34">
        <v>6.19</v>
      </c>
      <c r="AD95" s="34">
        <v>6.36</v>
      </c>
      <c r="AE95" s="34">
        <v>6</v>
      </c>
      <c r="AF95" s="84">
        <v>5.93</v>
      </c>
      <c r="AG95" s="34">
        <v>6.38</v>
      </c>
      <c r="AH95" s="34">
        <v>6.48</v>
      </c>
      <c r="AI95" s="17">
        <v>6.32</v>
      </c>
      <c r="AJ95" s="17">
        <v>5.92</v>
      </c>
      <c r="AK95" s="17">
        <v>5.59</v>
      </c>
      <c r="AL95" s="17">
        <v>5.81</v>
      </c>
      <c r="AM95" s="17">
        <v>6.24</v>
      </c>
      <c r="AN95" s="34">
        <v>6.04</v>
      </c>
      <c r="AO95" s="17">
        <v>6.22</v>
      </c>
      <c r="AP95" s="34">
        <v>6.1</v>
      </c>
      <c r="AQ95" s="34">
        <v>6.57</v>
      </c>
      <c r="AR95" s="34">
        <v>5.81</v>
      </c>
      <c r="AS95" s="34">
        <v>6.14</v>
      </c>
      <c r="AT95" s="34">
        <v>5.5</v>
      </c>
      <c r="AU95" s="34">
        <v>6.24</v>
      </c>
      <c r="AV95" s="34">
        <v>6.32</v>
      </c>
      <c r="AW95" s="34">
        <v>6.17</v>
      </c>
      <c r="AX95" s="34">
        <v>5.98</v>
      </c>
      <c r="AY95" s="17">
        <v>5.64</v>
      </c>
      <c r="AZ95" s="34">
        <v>5.63</v>
      </c>
      <c r="BA95" s="34">
        <v>5.6</v>
      </c>
      <c r="BB95" s="34">
        <v>5.9</v>
      </c>
      <c r="BC95" s="34">
        <v>5.84</v>
      </c>
      <c r="BD95" s="34">
        <v>5.55</v>
      </c>
      <c r="BE95" s="23"/>
    </row>
    <row r="96" spans="3:57" x14ac:dyDescent="0.2">
      <c r="D96" s="64"/>
      <c r="E96" s="65"/>
      <c r="F96" s="65"/>
      <c r="G96" s="65"/>
      <c r="H96" s="65"/>
      <c r="I96" s="65"/>
      <c r="J96" s="65"/>
      <c r="K96" s="65"/>
      <c r="L96" s="65"/>
      <c r="M96" s="65"/>
      <c r="N96" s="65"/>
      <c r="O96" s="65"/>
      <c r="P96" s="65"/>
      <c r="Q96" s="65"/>
      <c r="R96" s="65"/>
      <c r="S96" s="65"/>
      <c r="T96" s="65"/>
      <c r="U96" s="65"/>
      <c r="V96" s="65"/>
      <c r="W96" s="65"/>
      <c r="X96" s="65"/>
      <c r="Y96" s="65"/>
      <c r="Z96" s="65"/>
      <c r="AA96" s="65"/>
      <c r="AB96" s="65"/>
      <c r="AC96" s="65"/>
      <c r="AD96" s="65"/>
      <c r="AE96" s="65"/>
      <c r="AF96" s="65"/>
      <c r="AG96" s="65"/>
      <c r="AH96" s="65"/>
      <c r="AI96" s="65"/>
      <c r="AJ96" s="65"/>
      <c r="AK96" s="65"/>
      <c r="AL96" s="65"/>
      <c r="AM96" s="65"/>
      <c r="AN96" s="65"/>
      <c r="AO96" s="65"/>
      <c r="AP96" s="65"/>
      <c r="AQ96" s="65"/>
      <c r="AR96" s="65"/>
      <c r="AS96" s="65"/>
      <c r="AT96" s="65"/>
      <c r="AU96" s="65"/>
      <c r="AV96" s="65"/>
      <c r="AW96" s="65"/>
      <c r="AX96" s="65"/>
      <c r="AY96" s="65"/>
      <c r="AZ96" s="65"/>
      <c r="BA96" s="65"/>
      <c r="BB96" s="65"/>
      <c r="BC96" s="65"/>
    </row>
    <row r="100" spans="3:57" x14ac:dyDescent="0.2">
      <c r="C100" s="1" t="s">
        <v>97</v>
      </c>
      <c r="E100" s="2">
        <v>2012</v>
      </c>
      <c r="F100" s="1"/>
      <c r="G100" s="1"/>
      <c r="H100" s="1"/>
      <c r="I100" s="1"/>
      <c r="J100" s="1"/>
      <c r="K100" s="1"/>
      <c r="L100" s="1"/>
      <c r="M100" s="1"/>
    </row>
    <row r="101" spans="3:57" x14ac:dyDescent="0.2">
      <c r="C101" s="3" t="s">
        <v>2</v>
      </c>
      <c r="D101" s="3" t="s">
        <v>3</v>
      </c>
      <c r="E101" s="4" t="s">
        <v>15</v>
      </c>
      <c r="F101" s="4" t="s">
        <v>16</v>
      </c>
      <c r="G101" s="4" t="s">
        <v>17</v>
      </c>
      <c r="H101" s="4" t="s">
        <v>18</v>
      </c>
      <c r="I101" s="4" t="s">
        <v>19</v>
      </c>
      <c r="J101" s="4" t="s">
        <v>20</v>
      </c>
      <c r="K101" s="4" t="s">
        <v>21</v>
      </c>
      <c r="L101" s="4" t="s">
        <v>22</v>
      </c>
      <c r="M101" s="4" t="s">
        <v>23</v>
      </c>
      <c r="N101" s="4" t="s">
        <v>24</v>
      </c>
      <c r="O101" s="4" t="s">
        <v>25</v>
      </c>
      <c r="P101" s="4" t="s">
        <v>26</v>
      </c>
      <c r="Q101" s="4" t="s">
        <v>27</v>
      </c>
      <c r="R101" s="4" t="s">
        <v>28</v>
      </c>
      <c r="S101" s="4" t="s">
        <v>29</v>
      </c>
      <c r="T101" s="4" t="s">
        <v>30</v>
      </c>
      <c r="U101" s="4" t="s">
        <v>31</v>
      </c>
      <c r="V101" s="4" t="s">
        <v>32</v>
      </c>
      <c r="W101" s="4" t="s">
        <v>33</v>
      </c>
      <c r="X101" s="4" t="s">
        <v>34</v>
      </c>
      <c r="Y101" s="4" t="s">
        <v>35</v>
      </c>
      <c r="Z101" s="4" t="s">
        <v>36</v>
      </c>
      <c r="AA101" s="4" t="s">
        <v>37</v>
      </c>
      <c r="AB101" s="4" t="s">
        <v>38</v>
      </c>
      <c r="AC101" s="4" t="s">
        <v>39</v>
      </c>
      <c r="AD101" s="4" t="s">
        <v>40</v>
      </c>
      <c r="AE101" s="4" t="s">
        <v>41</v>
      </c>
      <c r="AF101" s="4" t="s">
        <v>42</v>
      </c>
      <c r="AG101" s="4" t="s">
        <v>43</v>
      </c>
      <c r="AH101" s="4" t="s">
        <v>44</v>
      </c>
      <c r="AI101" s="4" t="s">
        <v>45</v>
      </c>
      <c r="AJ101" s="4" t="s">
        <v>46</v>
      </c>
      <c r="AK101" s="4" t="s">
        <v>47</v>
      </c>
      <c r="AL101" s="4" t="s">
        <v>48</v>
      </c>
      <c r="AM101" s="4" t="s">
        <v>49</v>
      </c>
      <c r="AN101" s="4" t="s">
        <v>50</v>
      </c>
      <c r="AO101" s="4" t="s">
        <v>51</v>
      </c>
      <c r="AP101" s="4" t="s">
        <v>52</v>
      </c>
      <c r="AQ101" s="4" t="s">
        <v>53</v>
      </c>
      <c r="AR101" s="4" t="s">
        <v>54</v>
      </c>
      <c r="AS101" s="4" t="s">
        <v>55</v>
      </c>
      <c r="AT101" s="4" t="s">
        <v>4</v>
      </c>
      <c r="AU101" s="4" t="s">
        <v>5</v>
      </c>
      <c r="AV101" s="4" t="s">
        <v>6</v>
      </c>
      <c r="AW101" s="4" t="s">
        <v>7</v>
      </c>
      <c r="AX101" s="4" t="s">
        <v>8</v>
      </c>
      <c r="AY101" s="4" t="s">
        <v>9</v>
      </c>
      <c r="AZ101" s="4" t="s">
        <v>10</v>
      </c>
      <c r="BA101" s="4" t="s">
        <v>11</v>
      </c>
      <c r="BB101" s="4" t="s">
        <v>12</v>
      </c>
      <c r="BC101" s="4" t="s">
        <v>13</v>
      </c>
      <c r="BD101" s="4" t="s">
        <v>14</v>
      </c>
      <c r="BE101" s="4" t="s">
        <v>56</v>
      </c>
    </row>
    <row r="102" spans="3:57" x14ac:dyDescent="0.2">
      <c r="C102" s="5" t="s">
        <v>57</v>
      </c>
      <c r="D102" s="6" t="s">
        <v>58</v>
      </c>
      <c r="E102" s="17">
        <v>15.43</v>
      </c>
      <c r="F102" s="8">
        <v>15.37</v>
      </c>
      <c r="G102" s="8">
        <v>16.54</v>
      </c>
      <c r="H102" s="8">
        <v>16.57</v>
      </c>
      <c r="I102" s="8">
        <v>16.600000000000001</v>
      </c>
      <c r="J102" s="8">
        <v>16.57</v>
      </c>
      <c r="K102" s="8">
        <v>16.57</v>
      </c>
      <c r="L102" s="8">
        <v>16.64</v>
      </c>
      <c r="M102" s="8">
        <v>16.97</v>
      </c>
      <c r="N102" s="8">
        <v>17.03</v>
      </c>
      <c r="O102" s="8">
        <v>17.03</v>
      </c>
      <c r="P102" s="8">
        <v>17.04</v>
      </c>
      <c r="Q102" s="8">
        <v>16.7</v>
      </c>
      <c r="R102" s="8">
        <v>16.71</v>
      </c>
      <c r="S102" s="8">
        <v>16.600000000000001</v>
      </c>
      <c r="T102" s="8">
        <v>16.600000000000001</v>
      </c>
      <c r="U102" s="8">
        <v>16.600000000000001</v>
      </c>
      <c r="V102" s="8">
        <v>16.600000000000001</v>
      </c>
      <c r="W102" s="8">
        <v>16.68</v>
      </c>
      <c r="X102" s="8">
        <v>16.68</v>
      </c>
      <c r="Y102" s="8">
        <v>16.670000000000002</v>
      </c>
      <c r="Z102" s="8">
        <v>16.690000000000001</v>
      </c>
      <c r="AA102" s="8">
        <v>16.7</v>
      </c>
      <c r="AB102" s="8">
        <v>16.690000000000001</v>
      </c>
      <c r="AC102" s="8">
        <v>16.7</v>
      </c>
      <c r="AD102" s="8">
        <v>16.79</v>
      </c>
      <c r="AE102" s="8">
        <v>16.77</v>
      </c>
      <c r="AF102" s="8">
        <v>16.77</v>
      </c>
      <c r="AG102" s="8">
        <v>16.68</v>
      </c>
      <c r="AH102" s="8">
        <v>16.670000000000002</v>
      </c>
      <c r="AI102" s="8">
        <v>16.670000000000002</v>
      </c>
      <c r="AJ102" s="8">
        <v>16.68</v>
      </c>
      <c r="AK102" s="8">
        <v>16.68</v>
      </c>
      <c r="AL102" s="76">
        <v>16.68</v>
      </c>
      <c r="AM102" s="8">
        <v>16.579999999999998</v>
      </c>
      <c r="AN102" s="8">
        <v>16.670000000000002</v>
      </c>
      <c r="AO102" s="8">
        <v>16.670000000000002</v>
      </c>
      <c r="AP102" s="8">
        <v>16.73</v>
      </c>
      <c r="AQ102" s="8">
        <v>16.95</v>
      </c>
      <c r="AR102" s="8">
        <v>16.940000000000001</v>
      </c>
      <c r="AS102" s="8">
        <v>16.95</v>
      </c>
      <c r="AT102" s="8">
        <v>17.079999999999998</v>
      </c>
      <c r="AU102" s="8">
        <v>17.09</v>
      </c>
      <c r="AV102" s="8">
        <v>17.09</v>
      </c>
      <c r="AW102" s="8">
        <v>17.22</v>
      </c>
      <c r="AX102" s="8">
        <v>17.149999999999999</v>
      </c>
      <c r="AY102" s="8">
        <v>17.14</v>
      </c>
      <c r="AZ102" s="8">
        <v>17.170000000000002</v>
      </c>
      <c r="BA102" s="8">
        <v>17.170000000000002</v>
      </c>
      <c r="BB102" s="8">
        <v>17.170000000000002</v>
      </c>
      <c r="BC102" s="8">
        <v>16.989999999999998</v>
      </c>
      <c r="BD102" s="8">
        <v>16.989999999999998</v>
      </c>
      <c r="BE102" s="17"/>
    </row>
    <row r="103" spans="3:57" x14ac:dyDescent="0.2">
      <c r="C103" s="5" t="s">
        <v>59</v>
      </c>
      <c r="D103" s="6" t="s">
        <v>58</v>
      </c>
      <c r="E103" s="17">
        <v>10.74</v>
      </c>
      <c r="F103" s="8">
        <v>10.73</v>
      </c>
      <c r="G103" s="8">
        <v>10.67</v>
      </c>
      <c r="H103" s="8">
        <v>10.61</v>
      </c>
      <c r="I103" s="8">
        <v>10.58</v>
      </c>
      <c r="J103" s="8">
        <v>10.54</v>
      </c>
      <c r="K103" s="8">
        <v>10.59</v>
      </c>
      <c r="L103" s="8">
        <v>10.52</v>
      </c>
      <c r="M103" s="8">
        <v>10.48</v>
      </c>
      <c r="N103" s="8">
        <v>10.45</v>
      </c>
      <c r="O103" s="8">
        <v>10.45</v>
      </c>
      <c r="P103" s="8">
        <v>10.41</v>
      </c>
      <c r="Q103" s="8">
        <v>10.35</v>
      </c>
      <c r="R103" s="8">
        <v>10.36</v>
      </c>
      <c r="S103" s="8">
        <v>10.31</v>
      </c>
      <c r="T103" s="8">
        <v>10.29</v>
      </c>
      <c r="U103" s="8">
        <v>10.31</v>
      </c>
      <c r="V103" s="8">
        <v>10.33</v>
      </c>
      <c r="W103" s="8">
        <v>10.32</v>
      </c>
      <c r="X103" s="8">
        <v>10.31</v>
      </c>
      <c r="Y103" s="8">
        <v>10.27</v>
      </c>
      <c r="Z103" s="8">
        <v>10.26</v>
      </c>
      <c r="AA103" s="8">
        <v>10.27</v>
      </c>
      <c r="AB103" s="8">
        <v>10.27</v>
      </c>
      <c r="AC103" s="8">
        <v>10.27</v>
      </c>
      <c r="AD103" s="8">
        <v>10.27</v>
      </c>
      <c r="AE103" s="8">
        <v>10.24</v>
      </c>
      <c r="AF103" s="8">
        <v>10.26</v>
      </c>
      <c r="AG103" s="8">
        <v>10.24</v>
      </c>
      <c r="AH103" s="8">
        <v>10.25</v>
      </c>
      <c r="AI103" s="8">
        <v>10.29</v>
      </c>
      <c r="AJ103" s="8">
        <v>10.31</v>
      </c>
      <c r="AK103" s="8">
        <v>10.31</v>
      </c>
      <c r="AL103" s="76">
        <v>10.32</v>
      </c>
      <c r="AM103" s="8">
        <v>10.36</v>
      </c>
      <c r="AN103" s="8">
        <v>10.47</v>
      </c>
      <c r="AO103" s="8">
        <v>10.5</v>
      </c>
      <c r="AP103" s="8">
        <v>10.52</v>
      </c>
      <c r="AQ103" s="8">
        <v>10.54</v>
      </c>
      <c r="AR103" s="8">
        <v>10.54</v>
      </c>
      <c r="AS103" s="8">
        <v>10.5</v>
      </c>
      <c r="AT103" s="8">
        <v>10.54</v>
      </c>
      <c r="AU103" s="8">
        <v>10.39</v>
      </c>
      <c r="AV103" s="8">
        <v>10.52</v>
      </c>
      <c r="AW103" s="8">
        <v>10.52</v>
      </c>
      <c r="AX103" s="8">
        <v>10.53</v>
      </c>
      <c r="AY103" s="8">
        <v>10.56</v>
      </c>
      <c r="AZ103" s="8">
        <v>10.65</v>
      </c>
      <c r="BA103" s="8" t="s">
        <v>115</v>
      </c>
      <c r="BB103" s="8">
        <v>10.7</v>
      </c>
      <c r="BC103" s="8">
        <v>10.82</v>
      </c>
      <c r="BD103" s="8">
        <v>10.85</v>
      </c>
      <c r="BE103" s="17"/>
    </row>
    <row r="104" spans="3:57" x14ac:dyDescent="0.2">
      <c r="C104" s="5" t="s">
        <v>60</v>
      </c>
      <c r="D104" s="6" t="s">
        <v>58</v>
      </c>
      <c r="E104" s="17">
        <v>5.7</v>
      </c>
      <c r="F104" s="8">
        <v>5.7</v>
      </c>
      <c r="G104" s="8">
        <v>5.7</v>
      </c>
      <c r="H104" s="8">
        <v>5.72</v>
      </c>
      <c r="I104" s="8">
        <v>5.7</v>
      </c>
      <c r="J104" s="8">
        <v>5.67</v>
      </c>
      <c r="K104" s="8">
        <v>5.68</v>
      </c>
      <c r="L104" s="8">
        <v>5.67</v>
      </c>
      <c r="M104" s="8">
        <v>5.65</v>
      </c>
      <c r="N104" s="8">
        <v>5.7</v>
      </c>
      <c r="O104" s="8">
        <v>5.7</v>
      </c>
      <c r="P104" s="8">
        <v>5.66</v>
      </c>
      <c r="Q104" s="8">
        <v>5.65</v>
      </c>
      <c r="R104" s="8">
        <v>5.64</v>
      </c>
      <c r="S104" s="8">
        <v>5.64</v>
      </c>
      <c r="T104" s="8">
        <v>5.67</v>
      </c>
      <c r="U104" s="8">
        <v>5.66</v>
      </c>
      <c r="V104" s="8">
        <v>5.64</v>
      </c>
      <c r="W104" s="8">
        <v>5.63</v>
      </c>
      <c r="X104" s="8">
        <v>5.66</v>
      </c>
      <c r="Y104" s="8">
        <v>5.66</v>
      </c>
      <c r="Z104" s="8">
        <v>5.65</v>
      </c>
      <c r="AA104" s="8">
        <v>5.66</v>
      </c>
      <c r="AB104" s="8">
        <v>5.66</v>
      </c>
      <c r="AC104" s="8">
        <v>5.64</v>
      </c>
      <c r="AD104" s="8">
        <v>5.64</v>
      </c>
      <c r="AE104" s="8">
        <v>5.62</v>
      </c>
      <c r="AF104" s="8">
        <v>5.61</v>
      </c>
      <c r="AG104" s="8">
        <v>5.64</v>
      </c>
      <c r="AH104" s="8">
        <v>5.65</v>
      </c>
      <c r="AI104" s="8">
        <v>5.65</v>
      </c>
      <c r="AJ104" s="8">
        <v>5.64</v>
      </c>
      <c r="AK104" s="8">
        <v>5.65</v>
      </c>
      <c r="AL104" s="76">
        <v>5.65</v>
      </c>
      <c r="AM104" s="8">
        <v>5.65</v>
      </c>
      <c r="AN104" s="8">
        <v>5.66</v>
      </c>
      <c r="AO104" s="8">
        <v>5.71</v>
      </c>
      <c r="AP104" s="8">
        <v>5.73</v>
      </c>
      <c r="AQ104" s="8">
        <v>5.78</v>
      </c>
      <c r="AR104" s="8">
        <v>5.77</v>
      </c>
      <c r="AS104" s="8">
        <v>5.8</v>
      </c>
      <c r="AT104" s="8">
        <v>5.81</v>
      </c>
      <c r="AU104" s="8">
        <v>5.83</v>
      </c>
      <c r="AV104" s="8">
        <v>5.82</v>
      </c>
      <c r="AW104" s="8">
        <v>5.84</v>
      </c>
      <c r="AX104" s="8">
        <v>5.84</v>
      </c>
      <c r="AY104" s="8">
        <v>5.83</v>
      </c>
      <c r="AZ104" s="8">
        <v>5.82</v>
      </c>
      <c r="BA104" s="8">
        <v>5.8</v>
      </c>
      <c r="BB104" s="8">
        <v>5.8</v>
      </c>
      <c r="BC104" s="8">
        <v>5.89</v>
      </c>
      <c r="BD104" s="8">
        <v>5.89</v>
      </c>
      <c r="BE104" s="17"/>
    </row>
    <row r="105" spans="3:57" x14ac:dyDescent="0.2">
      <c r="C105" s="5" t="s">
        <v>61</v>
      </c>
      <c r="D105" s="6" t="s">
        <v>58</v>
      </c>
      <c r="E105" s="17">
        <v>2.88</v>
      </c>
      <c r="F105" s="8">
        <v>2.86</v>
      </c>
      <c r="G105" s="8">
        <v>2.82</v>
      </c>
      <c r="H105" s="8">
        <v>2.82</v>
      </c>
      <c r="I105" s="8">
        <v>2.82</v>
      </c>
      <c r="J105" s="8">
        <v>2.81</v>
      </c>
      <c r="K105" s="8">
        <v>2.82</v>
      </c>
      <c r="L105" s="8">
        <v>2.81</v>
      </c>
      <c r="M105" s="8">
        <v>2.81</v>
      </c>
      <c r="N105" s="8">
        <v>2.81</v>
      </c>
      <c r="O105" s="8">
        <v>2.81</v>
      </c>
      <c r="P105" s="8">
        <v>2.82</v>
      </c>
      <c r="Q105" s="8">
        <v>2.81</v>
      </c>
      <c r="R105" s="8">
        <v>2.81</v>
      </c>
      <c r="S105" s="8">
        <v>2.83</v>
      </c>
      <c r="T105" s="8">
        <v>2.83</v>
      </c>
      <c r="U105" s="8">
        <v>2.83</v>
      </c>
      <c r="V105" s="8">
        <v>2.83</v>
      </c>
      <c r="W105" s="8">
        <v>2.84</v>
      </c>
      <c r="X105" s="8">
        <v>2.83</v>
      </c>
      <c r="Y105" s="8">
        <v>2.83</v>
      </c>
      <c r="Z105" s="8">
        <v>2.83</v>
      </c>
      <c r="AA105" s="8">
        <v>2.84</v>
      </c>
      <c r="AB105" s="8">
        <v>2.84</v>
      </c>
      <c r="AC105" s="8">
        <v>2.83</v>
      </c>
      <c r="AD105" s="8">
        <v>2.82</v>
      </c>
      <c r="AE105" s="8">
        <v>2.82</v>
      </c>
      <c r="AF105" s="8">
        <v>2.82</v>
      </c>
      <c r="AG105" s="8">
        <v>2.82</v>
      </c>
      <c r="AH105" s="8">
        <v>2.82</v>
      </c>
      <c r="AI105" s="8">
        <v>2.83</v>
      </c>
      <c r="AJ105" s="8">
        <v>2.83</v>
      </c>
      <c r="AK105" s="8">
        <v>2.83</v>
      </c>
      <c r="AL105" s="76">
        <v>2.83</v>
      </c>
      <c r="AM105" s="8">
        <v>2.85</v>
      </c>
      <c r="AN105" s="8">
        <v>2.87</v>
      </c>
      <c r="AO105" s="8">
        <v>2.89</v>
      </c>
      <c r="AP105" s="8">
        <v>2.91</v>
      </c>
      <c r="AQ105" s="8">
        <v>2.93</v>
      </c>
      <c r="AR105" s="8">
        <v>2.93</v>
      </c>
      <c r="AS105" s="8">
        <v>2.94</v>
      </c>
      <c r="AT105" s="8">
        <v>2.94</v>
      </c>
      <c r="AU105" s="8">
        <v>2.93</v>
      </c>
      <c r="AV105" s="8">
        <v>2.94</v>
      </c>
      <c r="AW105" s="8">
        <v>2.93</v>
      </c>
      <c r="AX105" s="8">
        <v>2.93</v>
      </c>
      <c r="AY105" s="8">
        <v>2.94</v>
      </c>
      <c r="AZ105" s="8">
        <v>2.94</v>
      </c>
      <c r="BA105" s="8">
        <v>2.94</v>
      </c>
      <c r="BB105" s="8">
        <v>2.94</v>
      </c>
      <c r="BC105" s="8">
        <v>2.93</v>
      </c>
      <c r="BD105" s="8">
        <v>2.93</v>
      </c>
      <c r="BE105" s="17"/>
    </row>
    <row r="106" spans="3:57" x14ac:dyDescent="0.2">
      <c r="C106" s="5" t="s">
        <v>62</v>
      </c>
      <c r="D106" s="6" t="s">
        <v>58</v>
      </c>
      <c r="E106" s="17">
        <v>5.8</v>
      </c>
      <c r="F106" s="8">
        <v>5.78</v>
      </c>
      <c r="G106" s="8">
        <v>5.7</v>
      </c>
      <c r="H106" s="8">
        <v>5.67</v>
      </c>
      <c r="I106" s="8">
        <v>5.68</v>
      </c>
      <c r="J106" s="8">
        <v>5.67</v>
      </c>
      <c r="K106" s="8">
        <v>5.66</v>
      </c>
      <c r="L106" s="8">
        <v>5.63</v>
      </c>
      <c r="M106" s="8">
        <v>5.63</v>
      </c>
      <c r="N106" s="8">
        <v>5.62</v>
      </c>
      <c r="O106" s="8">
        <v>5.63</v>
      </c>
      <c r="P106" s="8">
        <v>5.64</v>
      </c>
      <c r="Q106" s="8">
        <v>5.65</v>
      </c>
      <c r="R106" s="8">
        <v>5.65</v>
      </c>
      <c r="S106" s="8">
        <v>5.62</v>
      </c>
      <c r="T106" s="8">
        <v>5.6</v>
      </c>
      <c r="U106" s="8">
        <v>5.64</v>
      </c>
      <c r="V106" s="8">
        <v>5.56</v>
      </c>
      <c r="W106" s="8">
        <v>5.56</v>
      </c>
      <c r="X106" s="8">
        <v>5.55</v>
      </c>
      <c r="Y106" s="8">
        <v>5.55</v>
      </c>
      <c r="Z106" s="8">
        <v>5.64</v>
      </c>
      <c r="AA106" s="8">
        <v>5.52</v>
      </c>
      <c r="AB106" s="8">
        <v>5.51</v>
      </c>
      <c r="AC106" s="8">
        <v>5.51</v>
      </c>
      <c r="AD106" s="8">
        <v>5.52</v>
      </c>
      <c r="AE106" s="8">
        <v>5.5</v>
      </c>
      <c r="AF106" s="8">
        <v>5.49</v>
      </c>
      <c r="AG106" s="8">
        <v>5.49</v>
      </c>
      <c r="AH106" s="8">
        <v>5.48</v>
      </c>
      <c r="AI106" s="8">
        <v>5.5</v>
      </c>
      <c r="AJ106" s="8">
        <v>5.5</v>
      </c>
      <c r="AK106" s="8">
        <v>5.5</v>
      </c>
      <c r="AL106" s="76">
        <v>5.51</v>
      </c>
      <c r="AM106" s="8">
        <v>5.53</v>
      </c>
      <c r="AN106" s="8">
        <v>5.55</v>
      </c>
      <c r="AO106" s="8">
        <v>5.54</v>
      </c>
      <c r="AP106" s="8">
        <v>5.55</v>
      </c>
      <c r="AQ106" s="8">
        <v>5.59</v>
      </c>
      <c r="AR106" s="8">
        <v>5.6</v>
      </c>
      <c r="AS106" s="8">
        <v>5.61</v>
      </c>
      <c r="AT106" s="8">
        <v>5.63</v>
      </c>
      <c r="AU106" s="8">
        <v>5.61</v>
      </c>
      <c r="AV106" s="8">
        <v>5.61</v>
      </c>
      <c r="AW106" s="8">
        <v>5.61</v>
      </c>
      <c r="AX106" s="8">
        <v>5.59</v>
      </c>
      <c r="AY106" s="8">
        <v>5.59</v>
      </c>
      <c r="AZ106" s="8">
        <v>5.6</v>
      </c>
      <c r="BA106" s="8">
        <v>5.6</v>
      </c>
      <c r="BB106" s="8">
        <v>5.6</v>
      </c>
      <c r="BC106" s="8">
        <v>5.61</v>
      </c>
      <c r="BD106" s="8">
        <v>5.61</v>
      </c>
      <c r="BE106" s="17"/>
    </row>
    <row r="107" spans="3:57" x14ac:dyDescent="0.2">
      <c r="C107" s="5" t="s">
        <v>75</v>
      </c>
      <c r="D107" s="20" t="s">
        <v>76</v>
      </c>
      <c r="E107" s="17">
        <v>1.29</v>
      </c>
      <c r="F107" s="8">
        <v>1.29</v>
      </c>
      <c r="G107" s="8">
        <v>1.29</v>
      </c>
      <c r="H107" s="8">
        <v>1.29</v>
      </c>
      <c r="I107" s="8">
        <v>1.29</v>
      </c>
      <c r="J107" s="8">
        <v>1.3</v>
      </c>
      <c r="K107" s="8">
        <v>1.3</v>
      </c>
      <c r="L107" s="8">
        <v>1.31</v>
      </c>
      <c r="M107" s="8">
        <v>1.31</v>
      </c>
      <c r="N107" s="8">
        <v>1.32</v>
      </c>
      <c r="O107" s="8">
        <v>1.33</v>
      </c>
      <c r="P107" s="8">
        <v>1.33</v>
      </c>
      <c r="Q107" s="8">
        <v>1.34</v>
      </c>
      <c r="R107" s="8">
        <v>1.35</v>
      </c>
      <c r="S107" s="8">
        <v>1.37</v>
      </c>
      <c r="T107" s="8">
        <v>1.39</v>
      </c>
      <c r="U107" s="8">
        <v>1.4</v>
      </c>
      <c r="V107" s="8">
        <v>1.39</v>
      </c>
      <c r="W107" s="8">
        <v>1.42</v>
      </c>
      <c r="X107" s="8">
        <v>1.43</v>
      </c>
      <c r="Y107" s="8">
        <v>1.43</v>
      </c>
      <c r="Z107" s="8">
        <v>1.44</v>
      </c>
      <c r="AA107" s="8">
        <v>1.44</v>
      </c>
      <c r="AB107" s="8">
        <v>1.44</v>
      </c>
      <c r="AC107" s="8">
        <v>1.45</v>
      </c>
      <c r="AD107" s="8">
        <v>1.45</v>
      </c>
      <c r="AE107" s="8">
        <v>1.45</v>
      </c>
      <c r="AF107" s="8">
        <v>1.45</v>
      </c>
      <c r="AG107" s="8">
        <v>1.45</v>
      </c>
      <c r="AH107" s="8">
        <v>1.45</v>
      </c>
      <c r="AI107" s="8">
        <v>1.45</v>
      </c>
      <c r="AJ107" s="8">
        <v>1.45</v>
      </c>
      <c r="AK107" s="8">
        <v>1.45</v>
      </c>
      <c r="AL107" s="76">
        <v>1.45</v>
      </c>
      <c r="AM107" s="8">
        <v>1.45</v>
      </c>
      <c r="AN107" s="8">
        <v>1.46</v>
      </c>
      <c r="AO107" s="8">
        <v>1.47</v>
      </c>
      <c r="AP107" s="8">
        <v>1.47</v>
      </c>
      <c r="AQ107" s="8">
        <v>1.48</v>
      </c>
      <c r="AR107" s="8">
        <v>1.48</v>
      </c>
      <c r="AS107" s="8">
        <v>1.48</v>
      </c>
      <c r="AT107" s="8">
        <v>1.48</v>
      </c>
      <c r="AU107" s="8">
        <v>1.48</v>
      </c>
      <c r="AV107" s="8">
        <v>1.49</v>
      </c>
      <c r="AW107" s="8">
        <v>1.49</v>
      </c>
      <c r="AX107" s="8">
        <v>1.49</v>
      </c>
      <c r="AY107" s="8">
        <v>1.49</v>
      </c>
      <c r="AZ107" s="8">
        <v>1.49</v>
      </c>
      <c r="BA107" s="8">
        <v>1.49</v>
      </c>
      <c r="BB107" s="8">
        <v>1.49</v>
      </c>
      <c r="BC107" s="8">
        <v>1.5</v>
      </c>
      <c r="BD107" s="8">
        <v>1.5</v>
      </c>
      <c r="BE107" s="17"/>
    </row>
    <row r="108" spans="3:57" x14ac:dyDescent="0.2">
      <c r="C108" s="5" t="s">
        <v>63</v>
      </c>
      <c r="D108" s="6" t="s">
        <v>58</v>
      </c>
      <c r="E108" s="17">
        <v>15.72</v>
      </c>
      <c r="F108" s="8">
        <v>15.75</v>
      </c>
      <c r="G108" s="8">
        <v>15.82</v>
      </c>
      <c r="H108" s="8">
        <v>15.39</v>
      </c>
      <c r="I108" s="8">
        <v>15.34</v>
      </c>
      <c r="J108" s="8">
        <v>15.16</v>
      </c>
      <c r="K108" s="8">
        <v>14.87</v>
      </c>
      <c r="L108" s="8">
        <v>14.89</v>
      </c>
      <c r="M108" s="8">
        <v>14.84</v>
      </c>
      <c r="N108" s="8">
        <v>14.93</v>
      </c>
      <c r="O108" s="8">
        <v>14.96</v>
      </c>
      <c r="P108" s="8">
        <v>14.76</v>
      </c>
      <c r="Q108" s="8">
        <v>14.75</v>
      </c>
      <c r="R108" s="8">
        <v>14.88</v>
      </c>
      <c r="S108" s="8">
        <v>14.82</v>
      </c>
      <c r="T108" s="8">
        <v>14.84</v>
      </c>
      <c r="U108" s="8">
        <v>14.79</v>
      </c>
      <c r="V108" s="8">
        <v>14.79</v>
      </c>
      <c r="W108" s="8">
        <v>14.8</v>
      </c>
      <c r="X108" s="8">
        <v>14.66</v>
      </c>
      <c r="Y108" s="8">
        <v>14.68</v>
      </c>
      <c r="Z108" s="8">
        <v>14.64</v>
      </c>
      <c r="AA108" s="8">
        <v>14.65</v>
      </c>
      <c r="AB108" s="8">
        <v>14.67</v>
      </c>
      <c r="AC108" s="8">
        <v>14.72</v>
      </c>
      <c r="AD108" s="8">
        <v>14.68</v>
      </c>
      <c r="AE108" s="8">
        <v>14.65</v>
      </c>
      <c r="AF108" s="8">
        <v>14.58</v>
      </c>
      <c r="AG108" s="8">
        <v>14.6</v>
      </c>
      <c r="AH108" s="8">
        <v>14.57</v>
      </c>
      <c r="AI108" s="8">
        <v>14.78</v>
      </c>
      <c r="AJ108" s="8">
        <v>14.77</v>
      </c>
      <c r="AK108" s="8">
        <v>14.78</v>
      </c>
      <c r="AL108" s="76">
        <v>14.77</v>
      </c>
      <c r="AM108" s="8">
        <v>14.8</v>
      </c>
      <c r="AN108" s="8">
        <v>15.07</v>
      </c>
      <c r="AO108" s="8">
        <v>15.08</v>
      </c>
      <c r="AP108" s="8">
        <v>15.1</v>
      </c>
      <c r="AQ108" s="8">
        <v>15.11</v>
      </c>
      <c r="AR108" s="8">
        <v>15.2</v>
      </c>
      <c r="AS108" s="8">
        <v>14.82</v>
      </c>
      <c r="AT108" s="8">
        <v>14.81</v>
      </c>
      <c r="AU108" s="8">
        <v>14.78</v>
      </c>
      <c r="AV108" s="8">
        <v>14.67</v>
      </c>
      <c r="AW108" s="8">
        <v>15.04</v>
      </c>
      <c r="AX108" s="8">
        <v>15.21</v>
      </c>
      <c r="AY108" s="8">
        <v>15.16</v>
      </c>
      <c r="AZ108" s="8">
        <v>15.18</v>
      </c>
      <c r="BA108" s="8">
        <v>15.18</v>
      </c>
      <c r="BB108" s="8">
        <v>15.18</v>
      </c>
      <c r="BC108" s="8">
        <v>15.32</v>
      </c>
      <c r="BD108" s="8">
        <v>15.35</v>
      </c>
      <c r="BE108" s="17"/>
    </row>
    <row r="109" spans="3:57" x14ac:dyDescent="0.2">
      <c r="C109" s="5" t="s">
        <v>64</v>
      </c>
      <c r="D109" s="6" t="s">
        <v>58</v>
      </c>
      <c r="E109" s="17">
        <v>9.7100000000000009</v>
      </c>
      <c r="F109" s="8">
        <v>9.4</v>
      </c>
      <c r="G109" s="8">
        <v>9.2899999999999991</v>
      </c>
      <c r="H109" s="8">
        <v>9.14</v>
      </c>
      <c r="I109" s="8">
        <v>8.85</v>
      </c>
      <c r="J109" s="8">
        <v>8.89</v>
      </c>
      <c r="K109" s="8">
        <v>8.76</v>
      </c>
      <c r="L109" s="8">
        <v>8.82</v>
      </c>
      <c r="M109" s="8">
        <v>8.6999999999999993</v>
      </c>
      <c r="N109" s="8">
        <v>8.6300000000000008</v>
      </c>
      <c r="O109" s="8">
        <v>8.8800000000000008</v>
      </c>
      <c r="P109" s="8">
        <v>8.94</v>
      </c>
      <c r="Q109" s="8">
        <v>8.91</v>
      </c>
      <c r="R109" s="8">
        <v>8.89</v>
      </c>
      <c r="S109" s="8">
        <v>8.82</v>
      </c>
      <c r="T109" s="8">
        <v>8.94</v>
      </c>
      <c r="U109" s="8">
        <v>9.08</v>
      </c>
      <c r="V109" s="8">
        <v>8.9600000000000009</v>
      </c>
      <c r="W109" s="8">
        <v>8.9700000000000006</v>
      </c>
      <c r="X109" s="8">
        <v>8.85</v>
      </c>
      <c r="Y109" s="8">
        <v>8.9</v>
      </c>
      <c r="Z109" s="8">
        <v>8.8000000000000007</v>
      </c>
      <c r="AA109" s="8">
        <v>8.77</v>
      </c>
      <c r="AB109" s="8">
        <v>8.81</v>
      </c>
      <c r="AC109" s="8">
        <v>8.81</v>
      </c>
      <c r="AD109" s="8">
        <v>8.7899999999999991</v>
      </c>
      <c r="AE109" s="8">
        <v>8.75</v>
      </c>
      <c r="AF109" s="8">
        <v>8.6999999999999993</v>
      </c>
      <c r="AG109" s="8">
        <v>8.7200000000000006</v>
      </c>
      <c r="AH109" s="8">
        <v>8.7100000000000009</v>
      </c>
      <c r="AI109" s="8">
        <v>8.7100000000000009</v>
      </c>
      <c r="AJ109" s="8">
        <v>8.73</v>
      </c>
      <c r="AK109" s="8">
        <v>8.7100000000000009</v>
      </c>
      <c r="AL109" s="17">
        <v>8.85</v>
      </c>
      <c r="AM109" s="8">
        <v>8.8000000000000007</v>
      </c>
      <c r="AN109" s="8">
        <v>8.9</v>
      </c>
      <c r="AO109" s="8">
        <v>8.91</v>
      </c>
      <c r="AP109" s="8">
        <v>8.84</v>
      </c>
      <c r="AQ109" s="8">
        <v>8.9</v>
      </c>
      <c r="AR109" s="8">
        <v>8.86</v>
      </c>
      <c r="AS109" s="8">
        <v>8.82</v>
      </c>
      <c r="AT109" s="8">
        <v>8.7899999999999991</v>
      </c>
      <c r="AU109" s="8">
        <v>8.9</v>
      </c>
      <c r="AV109" s="8">
        <v>8.92</v>
      </c>
      <c r="AW109" s="8">
        <v>8.98</v>
      </c>
      <c r="AX109" s="8">
        <v>8.8699999999999992</v>
      </c>
      <c r="AY109" s="8">
        <v>8.82</v>
      </c>
      <c r="AZ109" s="8">
        <v>8.8000000000000007</v>
      </c>
      <c r="BA109" s="8">
        <v>8.83</v>
      </c>
      <c r="BB109" s="8">
        <v>8.83</v>
      </c>
      <c r="BC109" s="8">
        <v>8.93</v>
      </c>
      <c r="BD109" s="8">
        <v>8.94</v>
      </c>
      <c r="BE109" s="17"/>
    </row>
    <row r="110" spans="3:57" x14ac:dyDescent="0.2">
      <c r="C110" s="5" t="s">
        <v>65</v>
      </c>
      <c r="D110" s="6" t="s">
        <v>58</v>
      </c>
      <c r="E110" s="17">
        <v>4.3099999999999996</v>
      </c>
      <c r="F110" s="8">
        <v>4.1900000000000004</v>
      </c>
      <c r="G110" s="8">
        <v>4.18</v>
      </c>
      <c r="H110" s="8">
        <v>4.17</v>
      </c>
      <c r="I110" s="8">
        <v>4.2</v>
      </c>
      <c r="J110" s="8">
        <v>4.38</v>
      </c>
      <c r="K110" s="8">
        <v>4.28</v>
      </c>
      <c r="L110" s="8">
        <v>4.29</v>
      </c>
      <c r="M110" s="8">
        <v>4.2</v>
      </c>
      <c r="N110" s="8">
        <v>4.26</v>
      </c>
      <c r="O110" s="8">
        <v>4.24</v>
      </c>
      <c r="P110" s="8">
        <v>4.1399999999999997</v>
      </c>
      <c r="Q110" s="8">
        <v>4.2300000000000004</v>
      </c>
      <c r="R110" s="8">
        <v>4.22</v>
      </c>
      <c r="S110" s="8">
        <v>4.28</v>
      </c>
      <c r="T110" s="8">
        <v>5.16</v>
      </c>
      <c r="U110" s="8">
        <v>4.3899999999999997</v>
      </c>
      <c r="V110" s="8">
        <v>4.2699999999999996</v>
      </c>
      <c r="W110" s="8">
        <v>4.2699999999999996</v>
      </c>
      <c r="X110" s="8">
        <v>4.3</v>
      </c>
      <c r="Y110" s="8">
        <v>4.38</v>
      </c>
      <c r="Z110" s="8">
        <v>4.2699999999999996</v>
      </c>
      <c r="AA110" s="8">
        <v>4.2699999999999996</v>
      </c>
      <c r="AB110" s="8">
        <v>4.54</v>
      </c>
      <c r="AC110" s="8">
        <v>4.53</v>
      </c>
      <c r="AD110" s="8">
        <v>4.49</v>
      </c>
      <c r="AE110" s="8">
        <v>4.54</v>
      </c>
      <c r="AF110" s="8">
        <v>4.71</v>
      </c>
      <c r="AG110" s="8">
        <v>4.79</v>
      </c>
      <c r="AH110" s="8">
        <v>4.8</v>
      </c>
      <c r="AI110" s="8">
        <v>4.78</v>
      </c>
      <c r="AJ110" s="8">
        <v>4.8600000000000003</v>
      </c>
      <c r="AK110" s="8">
        <v>4.84</v>
      </c>
      <c r="AL110" s="17">
        <v>4.82</v>
      </c>
      <c r="AM110" s="8">
        <v>4.8600000000000003</v>
      </c>
      <c r="AN110" s="8">
        <v>4.8099999999999996</v>
      </c>
      <c r="AO110" s="8">
        <v>4.6500000000000004</v>
      </c>
      <c r="AP110" s="8">
        <v>4.5999999999999996</v>
      </c>
      <c r="AQ110" s="8">
        <v>4.58</v>
      </c>
      <c r="AR110" s="8">
        <v>4.55</v>
      </c>
      <c r="AS110" s="8">
        <v>4.42</v>
      </c>
      <c r="AT110" s="8">
        <v>4.4400000000000004</v>
      </c>
      <c r="AU110" s="8">
        <v>4.47</v>
      </c>
      <c r="AV110" s="8">
        <v>4.42</v>
      </c>
      <c r="AW110" s="8">
        <v>4.42</v>
      </c>
      <c r="AX110" s="8">
        <v>4.43</v>
      </c>
      <c r="AY110" s="8">
        <v>4.25</v>
      </c>
      <c r="AZ110" s="8">
        <v>4.41</v>
      </c>
      <c r="BA110" s="8">
        <v>4.5</v>
      </c>
      <c r="BB110" s="8">
        <v>4.5</v>
      </c>
      <c r="BC110" s="8">
        <v>4.62</v>
      </c>
      <c r="BD110" s="8">
        <v>4.62</v>
      </c>
      <c r="BE110" s="17"/>
    </row>
    <row r="111" spans="3:57" x14ac:dyDescent="0.2">
      <c r="C111" s="5" t="s">
        <v>66</v>
      </c>
      <c r="D111" s="6" t="s">
        <v>58</v>
      </c>
      <c r="E111" s="17">
        <v>6.65</v>
      </c>
      <c r="F111" s="8">
        <v>6.6</v>
      </c>
      <c r="G111" s="8">
        <v>6.52</v>
      </c>
      <c r="H111" s="8">
        <v>6.43</v>
      </c>
      <c r="I111" s="8">
        <v>6.62</v>
      </c>
      <c r="J111" s="8">
        <v>6.97</v>
      </c>
      <c r="K111" s="8">
        <v>6.96</v>
      </c>
      <c r="L111" s="8">
        <v>6.72</v>
      </c>
      <c r="M111" s="8">
        <v>6.47</v>
      </c>
      <c r="N111" s="8">
        <v>6.52</v>
      </c>
      <c r="O111" s="8">
        <v>6.56</v>
      </c>
      <c r="P111" s="8">
        <v>6.62</v>
      </c>
      <c r="Q111" s="8">
        <v>6.71</v>
      </c>
      <c r="R111" s="8">
        <v>6.79</v>
      </c>
      <c r="S111" s="8">
        <v>6.74</v>
      </c>
      <c r="T111" s="8">
        <v>6.79</v>
      </c>
      <c r="U111" s="8">
        <v>6.79</v>
      </c>
      <c r="V111" s="8">
        <v>6.68</v>
      </c>
      <c r="W111" s="8">
        <v>6.55</v>
      </c>
      <c r="X111" s="8">
        <v>6.21</v>
      </c>
      <c r="Y111" s="8">
        <v>6.44</v>
      </c>
      <c r="Z111" s="8">
        <v>6.21</v>
      </c>
      <c r="AA111" s="8">
        <v>6.27</v>
      </c>
      <c r="AB111" s="8">
        <v>6.58</v>
      </c>
      <c r="AC111" s="8">
        <v>6.19</v>
      </c>
      <c r="AD111" s="8">
        <v>6.1</v>
      </c>
      <c r="AE111" s="8">
        <v>6.24</v>
      </c>
      <c r="AF111" s="8">
        <v>6.4</v>
      </c>
      <c r="AG111" s="8">
        <v>6.42</v>
      </c>
      <c r="AH111" s="8">
        <v>6.24</v>
      </c>
      <c r="AI111" s="8">
        <v>6.32</v>
      </c>
      <c r="AJ111" s="8">
        <v>6.4</v>
      </c>
      <c r="AK111" s="8">
        <v>6.33</v>
      </c>
      <c r="AL111" s="17">
        <v>6.43</v>
      </c>
      <c r="AM111" s="8">
        <v>6.45</v>
      </c>
      <c r="AN111" s="8">
        <v>6.48</v>
      </c>
      <c r="AO111" s="8">
        <v>6.28</v>
      </c>
      <c r="AP111" s="8">
        <v>6.16</v>
      </c>
      <c r="AQ111" s="8">
        <v>6.16</v>
      </c>
      <c r="AR111" s="8">
        <v>6.27</v>
      </c>
      <c r="AS111" s="8">
        <v>6.21</v>
      </c>
      <c r="AT111" s="8">
        <v>6.36</v>
      </c>
      <c r="AU111" s="8">
        <v>6.38</v>
      </c>
      <c r="AV111" s="8">
        <v>6.39</v>
      </c>
      <c r="AW111" s="8">
        <v>6.66</v>
      </c>
      <c r="AX111" s="8">
        <v>6.76</v>
      </c>
      <c r="AY111" s="8">
        <v>6.58</v>
      </c>
      <c r="AZ111" s="8">
        <v>6.63</v>
      </c>
      <c r="BA111" s="8">
        <v>6.61</v>
      </c>
      <c r="BB111" s="8">
        <v>6.61</v>
      </c>
      <c r="BC111" s="8">
        <v>6.56</v>
      </c>
      <c r="BD111" s="8">
        <v>6.56</v>
      </c>
      <c r="BE111" s="17"/>
    </row>
    <row r="112" spans="3:57" x14ac:dyDescent="0.2">
      <c r="C112" s="5" t="s">
        <v>67</v>
      </c>
      <c r="D112" s="6" t="s">
        <v>58</v>
      </c>
      <c r="E112" s="17">
        <v>11.55</v>
      </c>
      <c r="F112" s="8">
        <v>11.58</v>
      </c>
      <c r="G112" s="8">
        <v>11.55</v>
      </c>
      <c r="H112" s="8">
        <v>11.26</v>
      </c>
      <c r="I112" s="8">
        <v>11.23</v>
      </c>
      <c r="J112" s="8">
        <v>10.93</v>
      </c>
      <c r="K112" s="8">
        <v>10.71</v>
      </c>
      <c r="L112" s="8">
        <v>10.61</v>
      </c>
      <c r="M112" s="8">
        <v>10.55</v>
      </c>
      <c r="N112" s="8">
        <v>10.64</v>
      </c>
      <c r="O112" s="8">
        <v>10.55</v>
      </c>
      <c r="P112" s="8">
        <v>10.5</v>
      </c>
      <c r="Q112" s="8">
        <v>10.61</v>
      </c>
      <c r="R112" s="8">
        <v>10.68</v>
      </c>
      <c r="S112" s="8">
        <v>10.32</v>
      </c>
      <c r="T112" s="8">
        <v>10.62</v>
      </c>
      <c r="U112" s="8">
        <v>10.71</v>
      </c>
      <c r="V112" s="8">
        <v>10.73</v>
      </c>
      <c r="W112" s="8">
        <v>10.66</v>
      </c>
      <c r="X112" s="8">
        <v>10.63</v>
      </c>
      <c r="Y112" s="8">
        <v>10.6</v>
      </c>
      <c r="Z112" s="8">
        <v>10.67</v>
      </c>
      <c r="AA112" s="8">
        <v>10.55</v>
      </c>
      <c r="AB112" s="8">
        <v>10.62</v>
      </c>
      <c r="AC112" s="8">
        <v>10.61</v>
      </c>
      <c r="AD112" s="8">
        <v>10.63</v>
      </c>
      <c r="AE112" s="8">
        <v>10.64</v>
      </c>
      <c r="AF112" s="8">
        <v>10.43</v>
      </c>
      <c r="AG112" s="8">
        <v>10.48</v>
      </c>
      <c r="AH112" s="8">
        <v>10.58</v>
      </c>
      <c r="AI112" s="8">
        <v>10.58</v>
      </c>
      <c r="AJ112" s="8">
        <v>10.58</v>
      </c>
      <c r="AK112" s="8">
        <v>10.56</v>
      </c>
      <c r="AL112" s="17">
        <v>10.57</v>
      </c>
      <c r="AM112" s="8">
        <v>10.55</v>
      </c>
      <c r="AN112" s="8">
        <v>10.63</v>
      </c>
      <c r="AO112" s="8">
        <v>10.7</v>
      </c>
      <c r="AP112" s="8">
        <v>10.62</v>
      </c>
      <c r="AQ112" s="8">
        <v>10.62</v>
      </c>
      <c r="AR112" s="8">
        <v>10.53</v>
      </c>
      <c r="AS112" s="8">
        <v>10.63</v>
      </c>
      <c r="AT112" s="8">
        <v>10.54</v>
      </c>
      <c r="AU112" s="8">
        <v>10.65</v>
      </c>
      <c r="AV112" s="8">
        <v>10.41</v>
      </c>
      <c r="AW112" s="8">
        <v>10.6</v>
      </c>
      <c r="AX112" s="8">
        <v>10.65</v>
      </c>
      <c r="AY112" s="8">
        <v>10.69</v>
      </c>
      <c r="AZ112" s="8">
        <v>10.63</v>
      </c>
      <c r="BA112" s="8">
        <v>10.73</v>
      </c>
      <c r="BB112" s="8">
        <v>10.73</v>
      </c>
      <c r="BC112" s="8">
        <v>10.81</v>
      </c>
      <c r="BD112" s="8">
        <v>10.8</v>
      </c>
      <c r="BE112" s="17"/>
    </row>
    <row r="113" spans="3:57" x14ac:dyDescent="0.2">
      <c r="C113" s="5" t="s">
        <v>68</v>
      </c>
      <c r="D113" s="6" t="s">
        <v>58</v>
      </c>
      <c r="E113" s="17">
        <v>5.01</v>
      </c>
      <c r="F113" s="8">
        <v>5</v>
      </c>
      <c r="G113" s="8">
        <v>5.0199999999999996</v>
      </c>
      <c r="H113" s="8">
        <v>5.08</v>
      </c>
      <c r="I113" s="8">
        <v>5.12</v>
      </c>
      <c r="J113" s="8">
        <v>5.09</v>
      </c>
      <c r="K113" s="8">
        <v>5.05</v>
      </c>
      <c r="L113" s="8">
        <v>5.09</v>
      </c>
      <c r="M113" s="8">
        <v>5.05</v>
      </c>
      <c r="N113" s="8">
        <v>5.1100000000000003</v>
      </c>
      <c r="O113" s="8">
        <v>5.28</v>
      </c>
      <c r="P113" s="8">
        <v>5.23</v>
      </c>
      <c r="Q113" s="8">
        <v>5.3</v>
      </c>
      <c r="R113" s="8">
        <v>5.26</v>
      </c>
      <c r="S113" s="8">
        <v>5.15</v>
      </c>
      <c r="T113" s="8">
        <v>5.16</v>
      </c>
      <c r="U113" s="8">
        <v>5.13</v>
      </c>
      <c r="V113" s="8">
        <v>5.16</v>
      </c>
      <c r="W113" s="8">
        <v>5.17</v>
      </c>
      <c r="X113" s="8">
        <v>5.05</v>
      </c>
      <c r="Y113" s="8">
        <v>5.15</v>
      </c>
      <c r="Z113" s="8">
        <v>5.13</v>
      </c>
      <c r="AA113" s="8">
        <v>5.03</v>
      </c>
      <c r="AB113" s="8">
        <v>5.05</v>
      </c>
      <c r="AC113" s="8">
        <v>5.14</v>
      </c>
      <c r="AD113" s="8">
        <v>5.22</v>
      </c>
      <c r="AE113" s="8">
        <v>5.18</v>
      </c>
      <c r="AF113" s="8">
        <v>5.18</v>
      </c>
      <c r="AG113" s="8">
        <v>5.18</v>
      </c>
      <c r="AH113" s="8">
        <v>5.1100000000000003</v>
      </c>
      <c r="AI113" s="8">
        <v>5.13</v>
      </c>
      <c r="AJ113" s="8">
        <v>5.12</v>
      </c>
      <c r="AK113" s="8">
        <v>5.12</v>
      </c>
      <c r="AL113" s="17">
        <v>5.07</v>
      </c>
      <c r="AM113" s="8">
        <v>5.13</v>
      </c>
      <c r="AN113" s="8">
        <v>5.0999999999999996</v>
      </c>
      <c r="AO113" s="8">
        <v>5.12</v>
      </c>
      <c r="AP113" s="8">
        <v>5.05</v>
      </c>
      <c r="AQ113" s="8">
        <v>5.05</v>
      </c>
      <c r="AR113" s="8">
        <v>4.9800000000000004</v>
      </c>
      <c r="AS113" s="8">
        <v>4.9400000000000004</v>
      </c>
      <c r="AT113" s="8">
        <v>4.9800000000000004</v>
      </c>
      <c r="AU113" s="8">
        <v>5.0199999999999996</v>
      </c>
      <c r="AV113" s="8">
        <v>5</v>
      </c>
      <c r="AW113" s="8">
        <v>4.96</v>
      </c>
      <c r="AX113" s="8">
        <v>5.03</v>
      </c>
      <c r="AY113" s="8">
        <v>5.05</v>
      </c>
      <c r="AZ113" s="8">
        <v>5.05</v>
      </c>
      <c r="BA113" s="8">
        <v>5.09</v>
      </c>
      <c r="BB113" s="8">
        <v>5.09</v>
      </c>
      <c r="BC113" s="8">
        <v>5.15</v>
      </c>
      <c r="BD113" s="8">
        <v>5.15</v>
      </c>
      <c r="BE113" s="17"/>
    </row>
    <row r="114" spans="3:57" x14ac:dyDescent="0.2">
      <c r="C114" s="5" t="s">
        <v>69</v>
      </c>
      <c r="D114" s="6" t="s">
        <v>58</v>
      </c>
      <c r="E114" s="17">
        <v>4.34</v>
      </c>
      <c r="F114" s="8">
        <v>4.26</v>
      </c>
      <c r="G114" s="8">
        <v>4.26</v>
      </c>
      <c r="H114" s="8">
        <v>4.24</v>
      </c>
      <c r="I114" s="8">
        <v>4.17</v>
      </c>
      <c r="J114" s="8">
        <v>4.17</v>
      </c>
      <c r="K114" s="8">
        <v>4.0599999999999996</v>
      </c>
      <c r="L114" s="8">
        <v>4.0199999999999996</v>
      </c>
      <c r="M114" s="8">
        <v>4.01</v>
      </c>
      <c r="N114" s="8">
        <v>4.0999999999999996</v>
      </c>
      <c r="O114" s="8">
        <v>4.1399999999999997</v>
      </c>
      <c r="P114" s="8">
        <v>4.17</v>
      </c>
      <c r="Q114" s="8">
        <v>4.22</v>
      </c>
      <c r="R114" s="8">
        <v>4.24</v>
      </c>
      <c r="S114" s="8">
        <v>4.1500000000000004</v>
      </c>
      <c r="T114" s="8">
        <v>4.18</v>
      </c>
      <c r="U114" s="8">
        <v>4.17</v>
      </c>
      <c r="V114" s="8">
        <v>4.09</v>
      </c>
      <c r="W114" s="8">
        <v>4.04</v>
      </c>
      <c r="X114" s="8">
        <v>3.95</v>
      </c>
      <c r="Y114" s="8">
        <v>3.93</v>
      </c>
      <c r="Z114" s="8">
        <v>3.9</v>
      </c>
      <c r="AA114" s="8">
        <v>3.86</v>
      </c>
      <c r="AB114" s="8">
        <v>3.96</v>
      </c>
      <c r="AC114" s="8">
        <v>3.93</v>
      </c>
      <c r="AD114" s="8">
        <v>3.89</v>
      </c>
      <c r="AE114" s="8">
        <v>3.93</v>
      </c>
      <c r="AF114" s="8">
        <v>3.87</v>
      </c>
      <c r="AG114" s="8">
        <v>3.79</v>
      </c>
      <c r="AH114" s="8">
        <v>3.77</v>
      </c>
      <c r="AI114" s="8">
        <v>3.79</v>
      </c>
      <c r="AJ114" s="8">
        <v>3.83</v>
      </c>
      <c r="AK114" s="8">
        <v>3.83</v>
      </c>
      <c r="AL114" s="17">
        <v>3.91</v>
      </c>
      <c r="AM114" s="8">
        <v>3.92</v>
      </c>
      <c r="AN114" s="8">
        <v>3.99</v>
      </c>
      <c r="AO114" s="8">
        <v>3.96</v>
      </c>
      <c r="AP114" s="8">
        <v>3.91</v>
      </c>
      <c r="AQ114" s="8">
        <v>3.95</v>
      </c>
      <c r="AR114" s="8">
        <v>3.96</v>
      </c>
      <c r="AS114" s="8">
        <v>3.93</v>
      </c>
      <c r="AT114" s="8">
        <v>3.96</v>
      </c>
      <c r="AU114" s="8">
        <v>3.92</v>
      </c>
      <c r="AV114" s="8">
        <v>3.98</v>
      </c>
      <c r="AW114" s="8">
        <v>4.13</v>
      </c>
      <c r="AX114" s="8">
        <v>4.13</v>
      </c>
      <c r="AY114" s="8">
        <v>4.0599999999999996</v>
      </c>
      <c r="AZ114" s="8">
        <v>4.17</v>
      </c>
      <c r="BA114" s="8">
        <v>4.21</v>
      </c>
      <c r="BB114" s="8">
        <v>4.21</v>
      </c>
      <c r="BC114" s="8">
        <v>4.3899999999999997</v>
      </c>
      <c r="BD114" s="8">
        <v>4.4000000000000004</v>
      </c>
      <c r="BE114" s="17"/>
    </row>
    <row r="115" spans="3:57" x14ac:dyDescent="0.2">
      <c r="C115" s="5" t="s">
        <v>70</v>
      </c>
      <c r="D115" s="6" t="s">
        <v>58</v>
      </c>
      <c r="E115" s="17">
        <v>4.2</v>
      </c>
      <c r="F115" s="8">
        <v>4.3</v>
      </c>
      <c r="G115" s="8">
        <v>4.33</v>
      </c>
      <c r="H115" s="8">
        <v>4.26</v>
      </c>
      <c r="I115" s="8">
        <v>4.34</v>
      </c>
      <c r="J115" s="8">
        <v>4.34</v>
      </c>
      <c r="K115" s="8">
        <v>4.37</v>
      </c>
      <c r="L115" s="8">
        <v>4.28</v>
      </c>
      <c r="M115" s="8">
        <v>4.2</v>
      </c>
      <c r="N115" s="8">
        <v>4.09</v>
      </c>
      <c r="O115" s="8">
        <v>3.96</v>
      </c>
      <c r="P115" s="8">
        <v>3.97</v>
      </c>
      <c r="Q115" s="8">
        <v>3.99</v>
      </c>
      <c r="R115" s="8">
        <v>3.99</v>
      </c>
      <c r="S115" s="8">
        <v>3.91</v>
      </c>
      <c r="T115" s="8">
        <v>3.97</v>
      </c>
      <c r="U115" s="8">
        <v>4.05</v>
      </c>
      <c r="V115" s="8">
        <v>4.1900000000000004</v>
      </c>
      <c r="W115" s="8">
        <v>4.21</v>
      </c>
      <c r="X115" s="8">
        <v>4.24</v>
      </c>
      <c r="Y115" s="8">
        <v>4.2300000000000004</v>
      </c>
      <c r="Z115" s="8">
        <v>4.09</v>
      </c>
      <c r="AA115" s="8">
        <v>4.1100000000000003</v>
      </c>
      <c r="AB115" s="8">
        <v>4.17</v>
      </c>
      <c r="AC115" s="8">
        <v>4.28</v>
      </c>
      <c r="AD115" s="8">
        <v>4.29</v>
      </c>
      <c r="AE115" s="8">
        <v>4.17</v>
      </c>
      <c r="AF115" s="8">
        <v>4.22</v>
      </c>
      <c r="AG115" s="8">
        <v>4.3</v>
      </c>
      <c r="AH115" s="8">
        <v>4.32</v>
      </c>
      <c r="AI115" s="8">
        <v>4.3099999999999996</v>
      </c>
      <c r="AJ115" s="8">
        <v>4.32</v>
      </c>
      <c r="AK115" s="8">
        <v>4.32</v>
      </c>
      <c r="AL115" s="17">
        <v>4.3099999999999996</v>
      </c>
      <c r="AM115" s="8">
        <v>4.3</v>
      </c>
      <c r="AN115" s="8">
        <v>4.3499999999999996</v>
      </c>
      <c r="AO115" s="8">
        <v>4.3899999999999997</v>
      </c>
      <c r="AP115" s="8">
        <v>4.25</v>
      </c>
      <c r="AQ115" s="8">
        <v>4.2</v>
      </c>
      <c r="AR115" s="8">
        <v>4.22</v>
      </c>
      <c r="AS115" s="8">
        <v>4.26</v>
      </c>
      <c r="AT115" s="8">
        <v>4.25</v>
      </c>
      <c r="AU115" s="8">
        <v>4.2699999999999996</v>
      </c>
      <c r="AV115" s="8">
        <v>4.2300000000000004</v>
      </c>
      <c r="AW115" s="8">
        <v>4.1500000000000004</v>
      </c>
      <c r="AX115" s="8">
        <v>4.17</v>
      </c>
      <c r="AY115" s="8">
        <v>4.18</v>
      </c>
      <c r="AZ115" s="8">
        <v>4.2699999999999996</v>
      </c>
      <c r="BA115" s="8">
        <v>4.28</v>
      </c>
      <c r="BB115" s="8">
        <v>4.28</v>
      </c>
      <c r="BC115" s="8">
        <v>4.3099999999999996</v>
      </c>
      <c r="BD115" s="8">
        <v>4.3099999999999996</v>
      </c>
      <c r="BE115" s="17"/>
    </row>
    <row r="116" spans="3:57" x14ac:dyDescent="0.2">
      <c r="C116" s="5" t="s">
        <v>101</v>
      </c>
      <c r="D116" s="6" t="s">
        <v>58</v>
      </c>
      <c r="E116" s="17">
        <v>9.42</v>
      </c>
      <c r="F116" s="8">
        <v>9.36</v>
      </c>
      <c r="G116" s="8">
        <v>9.5299999999999994</v>
      </c>
      <c r="H116" s="8">
        <v>9.41</v>
      </c>
      <c r="I116" s="8">
        <v>9.64</v>
      </c>
      <c r="J116" s="8">
        <v>9.89</v>
      </c>
      <c r="K116" s="8">
        <v>9.82</v>
      </c>
      <c r="L116" s="8">
        <v>9.74</v>
      </c>
      <c r="M116" s="8">
        <v>9.81</v>
      </c>
      <c r="N116" s="8">
        <v>9.81</v>
      </c>
      <c r="O116" s="8">
        <v>9.58</v>
      </c>
      <c r="P116" s="8">
        <v>9.5299999999999994</v>
      </c>
      <c r="Q116" s="8">
        <v>9.66</v>
      </c>
      <c r="R116" s="8">
        <v>9.76</v>
      </c>
      <c r="S116" s="8">
        <v>9.83</v>
      </c>
      <c r="T116" s="8">
        <v>9.86</v>
      </c>
      <c r="U116" s="8">
        <v>9.93</v>
      </c>
      <c r="V116" s="8">
        <v>9.94</v>
      </c>
      <c r="W116" s="8">
        <v>10.02</v>
      </c>
      <c r="X116" s="8">
        <v>9.8800000000000008</v>
      </c>
      <c r="Y116" s="8">
        <v>9.9600000000000009</v>
      </c>
      <c r="Z116" s="8">
        <v>10.14</v>
      </c>
      <c r="AA116" s="8">
        <v>9.9600000000000009</v>
      </c>
      <c r="AB116" s="8">
        <v>10.16</v>
      </c>
      <c r="AC116" s="8">
        <v>10.53</v>
      </c>
      <c r="AD116" s="8">
        <v>10.43</v>
      </c>
      <c r="AE116" s="8">
        <v>10.18</v>
      </c>
      <c r="AF116" s="8">
        <v>10.039999999999999</v>
      </c>
      <c r="AG116" s="8">
        <v>10.039999999999999</v>
      </c>
      <c r="AH116" s="8">
        <v>10.06</v>
      </c>
      <c r="AI116" s="8">
        <v>9.9</v>
      </c>
      <c r="AJ116" s="8">
        <v>9.7799999999999994</v>
      </c>
      <c r="AK116" s="8">
        <v>9.77</v>
      </c>
      <c r="AL116" s="17">
        <v>9.7899999999999991</v>
      </c>
      <c r="AM116" s="8">
        <v>9.81</v>
      </c>
      <c r="AN116" s="8">
        <v>9.7200000000000006</v>
      </c>
      <c r="AO116" s="8">
        <v>9.7200000000000006</v>
      </c>
      <c r="AP116" s="8">
        <v>9.69</v>
      </c>
      <c r="AQ116" s="8">
        <v>9.7200000000000006</v>
      </c>
      <c r="AR116" s="8">
        <v>9.68</v>
      </c>
      <c r="AS116" s="8">
        <v>9.56</v>
      </c>
      <c r="AT116" s="8">
        <v>9.52</v>
      </c>
      <c r="AU116" s="8">
        <v>9.44</v>
      </c>
      <c r="AV116" s="8">
        <v>9.59</v>
      </c>
      <c r="AW116" s="8">
        <v>9.6300000000000008</v>
      </c>
      <c r="AX116" s="8">
        <v>9.74</v>
      </c>
      <c r="AY116" s="8">
        <v>9.59</v>
      </c>
      <c r="AZ116" s="8">
        <v>9.73</v>
      </c>
      <c r="BA116" s="8">
        <v>9.7200000000000006</v>
      </c>
      <c r="BB116" s="8">
        <v>9.7200000000000006</v>
      </c>
      <c r="BC116" s="8">
        <v>9.7100000000000009</v>
      </c>
      <c r="BD116" s="8">
        <v>9.7200000000000006</v>
      </c>
      <c r="BE116" s="17"/>
    </row>
    <row r="117" spans="3:57" x14ac:dyDescent="0.2">
      <c r="C117" s="5" t="s">
        <v>71</v>
      </c>
      <c r="D117" s="6" t="s">
        <v>58</v>
      </c>
      <c r="E117" s="17">
        <v>5.03</v>
      </c>
      <c r="F117" s="8">
        <v>5.03</v>
      </c>
      <c r="G117" s="8">
        <v>5.03</v>
      </c>
      <c r="H117" s="8">
        <v>5.0599999999999996</v>
      </c>
      <c r="I117" s="8">
        <v>5.12</v>
      </c>
      <c r="J117" s="8">
        <v>5.1100000000000003</v>
      </c>
      <c r="K117" s="8">
        <v>5.0999999999999996</v>
      </c>
      <c r="L117" s="8">
        <v>5.12</v>
      </c>
      <c r="M117" s="8">
        <v>5.13</v>
      </c>
      <c r="N117" s="8">
        <v>5.1100000000000003</v>
      </c>
      <c r="O117" s="8">
        <v>5.18</v>
      </c>
      <c r="P117" s="8">
        <v>5.16</v>
      </c>
      <c r="Q117" s="8">
        <v>5.18</v>
      </c>
      <c r="R117" s="8">
        <v>5.18</v>
      </c>
      <c r="S117" s="8">
        <v>5.17</v>
      </c>
      <c r="T117" s="8">
        <v>5.19</v>
      </c>
      <c r="U117" s="8">
        <v>5.16</v>
      </c>
      <c r="V117" s="8">
        <v>5.12</v>
      </c>
      <c r="W117" s="8">
        <v>5.12</v>
      </c>
      <c r="X117" s="8">
        <v>5.15</v>
      </c>
      <c r="Y117" s="8">
        <v>5.1100000000000003</v>
      </c>
      <c r="Z117" s="8">
        <v>5.1100000000000003</v>
      </c>
      <c r="AA117" s="8">
        <v>5.1100000000000003</v>
      </c>
      <c r="AB117" s="8">
        <v>5.1100000000000003</v>
      </c>
      <c r="AC117" s="8">
        <v>5.09</v>
      </c>
      <c r="AD117" s="8">
        <v>5.0999999999999996</v>
      </c>
      <c r="AE117" s="8">
        <v>5.1100000000000003</v>
      </c>
      <c r="AF117" s="8">
        <v>5.12</v>
      </c>
      <c r="AG117" s="8">
        <v>5.14</v>
      </c>
      <c r="AH117" s="8">
        <v>5.1100000000000003</v>
      </c>
      <c r="AI117" s="8">
        <v>5.13</v>
      </c>
      <c r="AJ117" s="8">
        <v>5.13</v>
      </c>
      <c r="AK117" s="8">
        <v>5.13</v>
      </c>
      <c r="AL117" s="17">
        <v>5.18</v>
      </c>
      <c r="AM117" s="8">
        <v>5.17</v>
      </c>
      <c r="AN117" s="8">
        <v>5.18</v>
      </c>
      <c r="AO117" s="8">
        <v>5.17</v>
      </c>
      <c r="AP117" s="8">
        <v>5.17</v>
      </c>
      <c r="AQ117" s="8">
        <v>5.16</v>
      </c>
      <c r="AR117" s="8">
        <v>5.18</v>
      </c>
      <c r="AS117" s="8">
        <v>5.19</v>
      </c>
      <c r="AT117" s="8">
        <v>5.21</v>
      </c>
      <c r="AU117" s="8">
        <v>5.15</v>
      </c>
      <c r="AV117" s="8">
        <v>5.13</v>
      </c>
      <c r="AW117" s="8">
        <v>5.12</v>
      </c>
      <c r="AX117" s="8">
        <v>5.13</v>
      </c>
      <c r="AY117" s="8">
        <v>5.18</v>
      </c>
      <c r="AZ117" s="8">
        <v>5.15</v>
      </c>
      <c r="BA117" s="8">
        <v>5.17</v>
      </c>
      <c r="BB117" s="8">
        <v>5.17</v>
      </c>
      <c r="BC117" s="8">
        <v>5.2</v>
      </c>
      <c r="BD117" s="8">
        <v>5.2</v>
      </c>
      <c r="BE117" s="17"/>
    </row>
    <row r="118" spans="3:57" x14ac:dyDescent="0.2">
      <c r="C118" s="5" t="s">
        <v>102</v>
      </c>
      <c r="D118" s="6" t="s">
        <v>58</v>
      </c>
      <c r="E118" s="17">
        <v>10.42</v>
      </c>
      <c r="F118" s="17">
        <v>10.11</v>
      </c>
      <c r="G118" s="17">
        <v>9.99</v>
      </c>
      <c r="H118" s="8">
        <v>9.86</v>
      </c>
      <c r="I118" s="17">
        <v>9.89</v>
      </c>
      <c r="J118" s="17">
        <v>9.75</v>
      </c>
      <c r="K118" s="17">
        <v>9.8000000000000007</v>
      </c>
      <c r="L118" s="17">
        <v>9.8000000000000007</v>
      </c>
      <c r="M118" s="17">
        <v>9.9</v>
      </c>
      <c r="N118" s="17">
        <v>9.9600000000000009</v>
      </c>
      <c r="O118" s="17">
        <v>9.86</v>
      </c>
      <c r="P118" s="8">
        <v>9.83</v>
      </c>
      <c r="Q118" s="8">
        <v>9.86</v>
      </c>
      <c r="R118" s="17">
        <v>9.75</v>
      </c>
      <c r="S118" s="8">
        <v>9.74</v>
      </c>
      <c r="T118" s="8">
        <v>9.8000000000000007</v>
      </c>
      <c r="U118" s="8">
        <v>9.82</v>
      </c>
      <c r="V118" s="8">
        <v>9.82</v>
      </c>
      <c r="W118" s="17">
        <v>9.8000000000000007</v>
      </c>
      <c r="X118" s="8">
        <v>9.82</v>
      </c>
      <c r="Y118" s="8">
        <v>9.74</v>
      </c>
      <c r="Z118" s="17">
        <v>9.7200000000000006</v>
      </c>
      <c r="AA118" s="8">
        <v>9.7200000000000006</v>
      </c>
      <c r="AB118" s="17">
        <v>9.77</v>
      </c>
      <c r="AC118" s="17">
        <v>9.74</v>
      </c>
      <c r="AD118" s="8">
        <v>9.7100000000000009</v>
      </c>
      <c r="AE118" s="17">
        <v>9.7100000000000009</v>
      </c>
      <c r="AF118" s="17">
        <v>9.69</v>
      </c>
      <c r="AG118" s="17">
        <v>9.75</v>
      </c>
      <c r="AH118" s="17">
        <v>9.7899999999999991</v>
      </c>
      <c r="AI118" s="17">
        <v>9.7200000000000006</v>
      </c>
      <c r="AJ118" s="8">
        <v>9.73</v>
      </c>
      <c r="AK118" s="8">
        <v>9.74</v>
      </c>
      <c r="AL118" s="17">
        <v>9.74</v>
      </c>
      <c r="AM118" s="8">
        <v>9.7200000000000006</v>
      </c>
      <c r="AN118" s="17">
        <v>9.7200000000000006</v>
      </c>
      <c r="AO118" s="17">
        <v>9.67</v>
      </c>
      <c r="AP118" s="17">
        <v>9.56</v>
      </c>
      <c r="AQ118" s="17">
        <v>9.6300000000000008</v>
      </c>
      <c r="AR118" s="17">
        <v>9.7799999999999994</v>
      </c>
      <c r="AS118" s="17">
        <v>9.7899999999999991</v>
      </c>
      <c r="AT118" s="17">
        <v>9.74</v>
      </c>
      <c r="AU118" s="17">
        <v>9.64</v>
      </c>
      <c r="AV118" s="17">
        <v>9.6300000000000008</v>
      </c>
      <c r="AW118" s="17">
        <v>9.68</v>
      </c>
      <c r="AX118" s="17">
        <v>9.68</v>
      </c>
      <c r="AY118" s="17">
        <v>9.6</v>
      </c>
      <c r="AZ118" s="17">
        <v>9.59</v>
      </c>
      <c r="BA118" s="17">
        <v>9.64</v>
      </c>
      <c r="BB118" s="17">
        <v>9.64</v>
      </c>
      <c r="BC118" s="17">
        <v>9.8000000000000007</v>
      </c>
      <c r="BD118" s="17">
        <v>9.8000000000000007</v>
      </c>
      <c r="BE118" s="17"/>
    </row>
    <row r="119" spans="3:57" x14ac:dyDescent="0.2">
      <c r="C119" s="5" t="s">
        <v>72</v>
      </c>
      <c r="D119" s="6" t="s">
        <v>58</v>
      </c>
      <c r="E119" s="17">
        <v>10.02</v>
      </c>
      <c r="F119" s="8">
        <v>9.98</v>
      </c>
      <c r="G119" s="8">
        <v>10.15</v>
      </c>
      <c r="H119" s="8">
        <v>10.07</v>
      </c>
      <c r="I119" s="8">
        <v>10.039999999999999</v>
      </c>
      <c r="J119" s="8">
        <v>10.029999999999999</v>
      </c>
      <c r="K119" s="8">
        <v>10.06</v>
      </c>
      <c r="L119" s="8">
        <v>10.119999999999999</v>
      </c>
      <c r="M119" s="8">
        <v>10.1</v>
      </c>
      <c r="N119" s="8">
        <v>10.11</v>
      </c>
      <c r="O119" s="8">
        <v>10.11</v>
      </c>
      <c r="P119" s="8">
        <v>10.02</v>
      </c>
      <c r="Q119" s="8">
        <v>10.06</v>
      </c>
      <c r="R119" s="8">
        <v>10.02</v>
      </c>
      <c r="S119" s="8">
        <v>10.07</v>
      </c>
      <c r="T119" s="8">
        <v>10.039999999999999</v>
      </c>
      <c r="U119" s="8">
        <v>9.99</v>
      </c>
      <c r="V119" s="8">
        <v>9.98</v>
      </c>
      <c r="W119" s="8">
        <v>10</v>
      </c>
      <c r="X119" s="8">
        <v>10</v>
      </c>
      <c r="Y119" s="8">
        <v>10.050000000000001</v>
      </c>
      <c r="Z119" s="8">
        <v>9.9499999999999993</v>
      </c>
      <c r="AA119" s="8">
        <v>9.93</v>
      </c>
      <c r="AB119" s="8">
        <v>9.99</v>
      </c>
      <c r="AC119" s="8">
        <v>10.01</v>
      </c>
      <c r="AD119" s="8">
        <v>9.98</v>
      </c>
      <c r="AE119" s="8">
        <v>9.98</v>
      </c>
      <c r="AF119" s="8">
        <v>10</v>
      </c>
      <c r="AG119" s="8">
        <v>9.9</v>
      </c>
      <c r="AH119" s="8">
        <v>9.94</v>
      </c>
      <c r="AI119" s="8">
        <v>9.94</v>
      </c>
      <c r="AJ119" s="8">
        <v>9.9499999999999993</v>
      </c>
      <c r="AK119" s="8">
        <v>9.94</v>
      </c>
      <c r="AL119" s="17">
        <v>9.9499999999999993</v>
      </c>
      <c r="AM119" s="8">
        <v>9.98</v>
      </c>
      <c r="AN119" s="8">
        <v>9.99</v>
      </c>
      <c r="AO119" s="8">
        <v>10.02</v>
      </c>
      <c r="AP119" s="8">
        <v>10.050000000000001</v>
      </c>
      <c r="AQ119" s="8">
        <v>10.119999999999999</v>
      </c>
      <c r="AR119" s="8">
        <v>10.01</v>
      </c>
      <c r="AS119" s="8">
        <v>9.94</v>
      </c>
      <c r="AT119" s="8">
        <v>9.84</v>
      </c>
      <c r="AU119" s="8">
        <v>9.94</v>
      </c>
      <c r="AV119" s="8">
        <v>10.02</v>
      </c>
      <c r="AW119" s="8">
        <v>9.94</v>
      </c>
      <c r="AX119" s="8">
        <v>9.86</v>
      </c>
      <c r="AY119" s="8">
        <v>9.9</v>
      </c>
      <c r="AZ119" s="8">
        <v>9.84</v>
      </c>
      <c r="BA119" s="8">
        <v>9.85</v>
      </c>
      <c r="BB119" s="8">
        <v>9.85</v>
      </c>
      <c r="BC119" s="8">
        <v>9.89</v>
      </c>
      <c r="BD119" s="8">
        <v>9.89</v>
      </c>
      <c r="BE119" s="17"/>
    </row>
    <row r="120" spans="3:57" x14ac:dyDescent="0.2">
      <c r="C120" s="5" t="s">
        <v>73</v>
      </c>
      <c r="D120" s="6" t="s">
        <v>58</v>
      </c>
      <c r="E120" s="17">
        <v>9.2200000000000006</v>
      </c>
      <c r="F120" s="8">
        <v>9.14</v>
      </c>
      <c r="G120" s="8">
        <v>9.27</v>
      </c>
      <c r="H120" s="8">
        <v>9.3800000000000008</v>
      </c>
      <c r="I120" s="8">
        <v>9.35</v>
      </c>
      <c r="J120" s="8">
        <v>9.65</v>
      </c>
      <c r="K120" s="8">
        <v>9.83</v>
      </c>
      <c r="L120" s="8">
        <v>9.6199999999999992</v>
      </c>
      <c r="M120" s="8">
        <v>9.35</v>
      </c>
      <c r="N120" s="8">
        <v>9.1300000000000008</v>
      </c>
      <c r="O120" s="8">
        <v>9.01</v>
      </c>
      <c r="P120" s="8">
        <v>9.02</v>
      </c>
      <c r="Q120" s="8">
        <v>8.98</v>
      </c>
      <c r="R120" s="8">
        <v>9.02</v>
      </c>
      <c r="S120" s="8">
        <v>8.93</v>
      </c>
      <c r="T120" s="8">
        <v>8.9499999999999993</v>
      </c>
      <c r="U120" s="8">
        <v>8.9499999999999993</v>
      </c>
      <c r="V120" s="8">
        <v>8.9499999999999993</v>
      </c>
      <c r="W120" s="8">
        <v>8.98</v>
      </c>
      <c r="X120" s="8">
        <v>8.98</v>
      </c>
      <c r="Y120" s="8">
        <v>9.23</v>
      </c>
      <c r="Z120" s="8">
        <v>9.19</v>
      </c>
      <c r="AA120" s="8">
        <v>9.0299999999999994</v>
      </c>
      <c r="AB120" s="8">
        <v>9.0500000000000007</v>
      </c>
      <c r="AC120" s="8">
        <v>9.01</v>
      </c>
      <c r="AD120" s="8">
        <v>8.9</v>
      </c>
      <c r="AE120" s="8">
        <v>8.8800000000000008</v>
      </c>
      <c r="AF120" s="8">
        <v>8.89</v>
      </c>
      <c r="AG120" s="8">
        <v>8.8699999999999992</v>
      </c>
      <c r="AH120" s="8">
        <v>8.89</v>
      </c>
      <c r="AI120" s="8">
        <v>8.89</v>
      </c>
      <c r="AJ120" s="8">
        <v>8.8800000000000008</v>
      </c>
      <c r="AK120" s="8">
        <v>8.8699999999999992</v>
      </c>
      <c r="AL120" s="17">
        <v>8.92</v>
      </c>
      <c r="AM120" s="8">
        <v>8.8699999999999992</v>
      </c>
      <c r="AN120" s="8">
        <v>8.85</v>
      </c>
      <c r="AO120" s="8">
        <v>8.84</v>
      </c>
      <c r="AP120" s="8">
        <v>8.7799999999999994</v>
      </c>
      <c r="AQ120" s="8">
        <v>8.83</v>
      </c>
      <c r="AR120" s="8">
        <v>8.8000000000000007</v>
      </c>
      <c r="AS120" s="8">
        <v>8.7799999999999994</v>
      </c>
      <c r="AT120" s="8">
        <v>8.73</v>
      </c>
      <c r="AU120" s="8">
        <v>8.73</v>
      </c>
      <c r="AV120" s="8">
        <v>8.74</v>
      </c>
      <c r="AW120" s="8">
        <v>8.7799999999999994</v>
      </c>
      <c r="AX120" s="8">
        <v>8.82</v>
      </c>
      <c r="AY120" s="8">
        <v>8.8000000000000007</v>
      </c>
      <c r="AZ120" s="8">
        <v>8.77</v>
      </c>
      <c r="BA120" s="8">
        <v>8.74</v>
      </c>
      <c r="BB120" s="8">
        <v>8.74</v>
      </c>
      <c r="BC120" s="8">
        <v>8.83</v>
      </c>
      <c r="BD120" s="8">
        <v>8.82</v>
      </c>
      <c r="BE120" s="17"/>
    </row>
    <row r="121" spans="3:57" x14ac:dyDescent="0.2">
      <c r="C121" s="5" t="s">
        <v>74</v>
      </c>
      <c r="D121" s="6" t="s">
        <v>58</v>
      </c>
      <c r="E121" s="17">
        <v>3.05</v>
      </c>
      <c r="F121" s="8">
        <v>3.04</v>
      </c>
      <c r="G121" s="8">
        <v>3.07</v>
      </c>
      <c r="H121" s="8">
        <v>3.05</v>
      </c>
      <c r="I121" s="8">
        <v>3.05</v>
      </c>
      <c r="J121" s="8">
        <v>3.03</v>
      </c>
      <c r="K121" s="8">
        <v>3.03</v>
      </c>
      <c r="L121" s="8">
        <v>3.02</v>
      </c>
      <c r="M121" s="8">
        <v>3.01</v>
      </c>
      <c r="N121" s="8">
        <v>3</v>
      </c>
      <c r="O121" s="8">
        <v>3.02</v>
      </c>
      <c r="P121" s="8">
        <v>2.96</v>
      </c>
      <c r="Q121" s="8">
        <v>2.98</v>
      </c>
      <c r="R121" s="8">
        <v>2.98</v>
      </c>
      <c r="S121" s="8">
        <v>2.98</v>
      </c>
      <c r="T121" s="8">
        <v>2.98</v>
      </c>
      <c r="U121" s="8">
        <v>3.02</v>
      </c>
      <c r="V121" s="8">
        <v>3.01</v>
      </c>
      <c r="W121" s="8">
        <v>3.02</v>
      </c>
      <c r="X121" s="8">
        <v>3.02</v>
      </c>
      <c r="Y121" s="8">
        <v>3.04</v>
      </c>
      <c r="Z121" s="8">
        <v>3.03</v>
      </c>
      <c r="AA121" s="8">
        <v>3.02</v>
      </c>
      <c r="AB121" s="8">
        <v>3.04</v>
      </c>
      <c r="AC121" s="8">
        <v>3.03</v>
      </c>
      <c r="AD121" s="8">
        <v>3.03</v>
      </c>
      <c r="AE121" s="8">
        <v>3.04</v>
      </c>
      <c r="AF121" s="8">
        <v>3.03</v>
      </c>
      <c r="AG121" s="8">
        <v>3.03</v>
      </c>
      <c r="AH121" s="8">
        <v>3.03</v>
      </c>
      <c r="AI121" s="8">
        <v>3.04</v>
      </c>
      <c r="AJ121" s="8">
        <v>3.04</v>
      </c>
      <c r="AK121" s="8">
        <v>3.03</v>
      </c>
      <c r="AL121" s="17">
        <v>3.04</v>
      </c>
      <c r="AM121" s="8">
        <v>3.03</v>
      </c>
      <c r="AN121" s="8">
        <v>3.02</v>
      </c>
      <c r="AO121" s="8">
        <v>3.03</v>
      </c>
      <c r="AP121" s="8">
        <v>3.08</v>
      </c>
      <c r="AQ121" s="8">
        <v>3.1</v>
      </c>
      <c r="AR121" s="8">
        <v>3.06</v>
      </c>
      <c r="AS121" s="8">
        <v>3.03</v>
      </c>
      <c r="AT121" s="8">
        <v>3.04</v>
      </c>
      <c r="AU121" s="8">
        <v>3.02</v>
      </c>
      <c r="AV121" s="8">
        <v>3.02</v>
      </c>
      <c r="AW121" s="8">
        <v>3.04</v>
      </c>
      <c r="AX121" s="8">
        <v>3.05</v>
      </c>
      <c r="AY121" s="8">
        <v>3.05</v>
      </c>
      <c r="AZ121" s="8">
        <v>3.05</v>
      </c>
      <c r="BA121" s="8">
        <v>3.05</v>
      </c>
      <c r="BB121" s="8">
        <v>3.05</v>
      </c>
      <c r="BC121" s="8">
        <v>3.05</v>
      </c>
      <c r="BD121" s="8">
        <v>3.05</v>
      </c>
      <c r="BE121" s="17"/>
    </row>
    <row r="122" spans="3:57" x14ac:dyDescent="0.2">
      <c r="C122" s="16" t="s">
        <v>78</v>
      </c>
      <c r="D122" s="6" t="s">
        <v>58</v>
      </c>
      <c r="E122" s="17">
        <v>0.78</v>
      </c>
      <c r="F122" s="8">
        <v>0.78</v>
      </c>
      <c r="G122" s="8">
        <v>0.78</v>
      </c>
      <c r="H122" s="8">
        <v>0.77</v>
      </c>
      <c r="I122" s="8">
        <v>0.77</v>
      </c>
      <c r="J122" s="8">
        <v>0.77</v>
      </c>
      <c r="K122" s="8">
        <v>0.77</v>
      </c>
      <c r="L122" s="8">
        <v>0.77</v>
      </c>
      <c r="M122" s="8">
        <v>0.77</v>
      </c>
      <c r="N122" s="8">
        <v>0.76</v>
      </c>
      <c r="O122" s="8">
        <v>0.76</v>
      </c>
      <c r="P122" s="8">
        <v>0.76</v>
      </c>
      <c r="Q122" s="8">
        <v>0.76</v>
      </c>
      <c r="R122" s="8">
        <v>0.76</v>
      </c>
      <c r="S122" s="8">
        <v>0.77</v>
      </c>
      <c r="T122" s="8">
        <v>0.77</v>
      </c>
      <c r="U122" s="8">
        <v>0.77</v>
      </c>
      <c r="V122" s="8">
        <v>0.99</v>
      </c>
      <c r="W122" s="8">
        <v>0.77</v>
      </c>
      <c r="X122" s="8">
        <v>0.77</v>
      </c>
      <c r="Y122" s="8">
        <v>0.76</v>
      </c>
      <c r="Z122" s="8">
        <v>0.76</v>
      </c>
      <c r="AA122" s="8">
        <v>0.76</v>
      </c>
      <c r="AB122" s="8">
        <v>0.76</v>
      </c>
      <c r="AC122" s="8">
        <v>0.76</v>
      </c>
      <c r="AD122" s="8">
        <v>0.76</v>
      </c>
      <c r="AE122" s="8">
        <v>0.76</v>
      </c>
      <c r="AF122" s="8">
        <v>0.92</v>
      </c>
      <c r="AG122" s="8">
        <v>0.92</v>
      </c>
      <c r="AH122" s="8">
        <v>0.92</v>
      </c>
      <c r="AI122" s="8">
        <v>0.76</v>
      </c>
      <c r="AJ122" s="76">
        <v>0.76</v>
      </c>
      <c r="AK122" s="76">
        <v>0.77</v>
      </c>
      <c r="AL122" s="76">
        <v>0.77</v>
      </c>
      <c r="AM122" s="8">
        <v>0.8</v>
      </c>
      <c r="AN122" s="8">
        <v>0.77</v>
      </c>
      <c r="AO122" s="8">
        <v>0.77</v>
      </c>
      <c r="AP122" s="8">
        <v>0.79</v>
      </c>
      <c r="AQ122" s="8">
        <v>0.79</v>
      </c>
      <c r="AR122" s="8">
        <v>0.8</v>
      </c>
      <c r="AS122" s="8">
        <v>0.8</v>
      </c>
      <c r="AT122" s="8">
        <v>0.85</v>
      </c>
      <c r="AU122" s="8">
        <v>0.77</v>
      </c>
      <c r="AV122" s="8">
        <v>0.81</v>
      </c>
      <c r="AW122" s="8">
        <v>0.81</v>
      </c>
      <c r="AX122" s="8">
        <v>0.79</v>
      </c>
      <c r="AY122" s="8">
        <v>0.79</v>
      </c>
      <c r="AZ122" s="8">
        <v>0.82</v>
      </c>
      <c r="BA122" s="8">
        <v>0.77</v>
      </c>
      <c r="BB122" s="8">
        <v>0.77</v>
      </c>
      <c r="BC122" s="8">
        <v>0.54</v>
      </c>
      <c r="BD122" s="8">
        <v>0.78</v>
      </c>
      <c r="BE122" s="17"/>
    </row>
    <row r="123" spans="3:57" x14ac:dyDescent="0.2">
      <c r="C123" s="16" t="s">
        <v>79</v>
      </c>
      <c r="D123" s="6" t="s">
        <v>58</v>
      </c>
      <c r="E123" s="17">
        <v>1.54</v>
      </c>
      <c r="F123" s="8">
        <v>1.53</v>
      </c>
      <c r="G123" s="8">
        <v>1.56</v>
      </c>
      <c r="H123" s="8">
        <v>1.57</v>
      </c>
      <c r="I123" s="8">
        <v>1.57</v>
      </c>
      <c r="J123" s="8">
        <v>1.58</v>
      </c>
      <c r="K123" s="8">
        <v>1.61</v>
      </c>
      <c r="L123" s="8">
        <v>1.63</v>
      </c>
      <c r="M123" s="8">
        <v>1.6</v>
      </c>
      <c r="N123" s="8">
        <v>1.61</v>
      </c>
      <c r="O123" s="8">
        <v>1.62</v>
      </c>
      <c r="P123" s="8">
        <v>1.6</v>
      </c>
      <c r="Q123" s="8">
        <v>1.59</v>
      </c>
      <c r="R123" s="8">
        <v>1.59</v>
      </c>
      <c r="S123" s="8">
        <v>1.57</v>
      </c>
      <c r="T123" s="8">
        <v>1.57</v>
      </c>
      <c r="U123" s="8">
        <v>1.51</v>
      </c>
      <c r="V123" s="8">
        <v>1.5</v>
      </c>
      <c r="W123" s="8">
        <v>1.53</v>
      </c>
      <c r="X123" s="8">
        <v>1.52</v>
      </c>
      <c r="Y123" s="8">
        <v>1.53</v>
      </c>
      <c r="Z123" s="8">
        <v>1.55</v>
      </c>
      <c r="AA123" s="8">
        <v>1.56</v>
      </c>
      <c r="AB123" s="8">
        <v>1.54</v>
      </c>
      <c r="AC123" s="8">
        <v>1.55</v>
      </c>
      <c r="AD123" s="8">
        <v>1.55</v>
      </c>
      <c r="AE123" s="8">
        <v>1.54</v>
      </c>
      <c r="AF123" s="8">
        <v>1.54</v>
      </c>
      <c r="AG123" s="8">
        <v>1.54</v>
      </c>
      <c r="AH123" s="8">
        <v>1.55</v>
      </c>
      <c r="AI123" s="8">
        <v>1.55</v>
      </c>
      <c r="AJ123" s="76">
        <v>1.55</v>
      </c>
      <c r="AK123" s="76">
        <v>1.55</v>
      </c>
      <c r="AL123" s="76">
        <v>1.55</v>
      </c>
      <c r="AM123" s="8">
        <v>1.54</v>
      </c>
      <c r="AN123" s="8">
        <v>1.56</v>
      </c>
      <c r="AO123" s="8">
        <v>1.59</v>
      </c>
      <c r="AP123" s="8">
        <v>1.6</v>
      </c>
      <c r="AQ123" s="8">
        <v>1.62</v>
      </c>
      <c r="AR123" s="8">
        <v>1.63</v>
      </c>
      <c r="AS123" s="8">
        <v>1.64</v>
      </c>
      <c r="AT123" s="8">
        <v>1.62</v>
      </c>
      <c r="AU123" s="8">
        <v>1.61</v>
      </c>
      <c r="AV123" s="8">
        <v>1.61</v>
      </c>
      <c r="AW123" s="8">
        <v>1.62</v>
      </c>
      <c r="AX123" s="8">
        <v>1.62</v>
      </c>
      <c r="AY123" s="8">
        <v>1.6</v>
      </c>
      <c r="AZ123" s="8">
        <v>1.6</v>
      </c>
      <c r="BA123" s="8">
        <v>1.62</v>
      </c>
      <c r="BB123" s="8">
        <v>1.62</v>
      </c>
      <c r="BC123" s="8">
        <v>1.61</v>
      </c>
      <c r="BD123" s="8">
        <v>1.61</v>
      </c>
      <c r="BE123" s="17"/>
    </row>
    <row r="124" spans="3:57" x14ac:dyDescent="0.2">
      <c r="C124" s="16" t="s">
        <v>80</v>
      </c>
      <c r="D124" s="6" t="s">
        <v>58</v>
      </c>
      <c r="E124" s="17">
        <v>1.46</v>
      </c>
      <c r="F124" s="8">
        <v>1.48</v>
      </c>
      <c r="G124" s="8">
        <v>1.73</v>
      </c>
      <c r="H124" s="8">
        <v>1.9</v>
      </c>
      <c r="I124" s="8">
        <v>2.04</v>
      </c>
      <c r="J124" s="8">
        <v>2.11</v>
      </c>
      <c r="K124" s="8">
        <v>2.1</v>
      </c>
      <c r="L124" s="8">
        <v>2.08</v>
      </c>
      <c r="M124" s="8">
        <v>1.94</v>
      </c>
      <c r="N124" s="8">
        <v>1.8</v>
      </c>
      <c r="O124" s="8">
        <v>1.72</v>
      </c>
      <c r="P124" s="8">
        <v>1.69</v>
      </c>
      <c r="Q124" s="8">
        <v>1.62</v>
      </c>
      <c r="R124" s="8">
        <v>1.6</v>
      </c>
      <c r="S124" s="8">
        <v>1.6</v>
      </c>
      <c r="T124" s="8">
        <v>1.53</v>
      </c>
      <c r="U124" s="8">
        <v>1.47</v>
      </c>
      <c r="V124" s="8">
        <v>1.44</v>
      </c>
      <c r="W124" s="8">
        <v>1.4</v>
      </c>
      <c r="X124" s="8">
        <v>1.38</v>
      </c>
      <c r="Y124" s="8">
        <v>1.36</v>
      </c>
      <c r="Z124" s="8">
        <v>1.35</v>
      </c>
      <c r="AA124" s="8">
        <v>1.34</v>
      </c>
      <c r="AB124" s="8">
        <v>1.34</v>
      </c>
      <c r="AC124" s="8">
        <v>1.33</v>
      </c>
      <c r="AD124" s="8">
        <v>1.32</v>
      </c>
      <c r="AE124" s="8">
        <v>1.33</v>
      </c>
      <c r="AF124" s="8">
        <v>1.34</v>
      </c>
      <c r="AG124" s="8">
        <v>1.34</v>
      </c>
      <c r="AH124" s="8">
        <v>1.36</v>
      </c>
      <c r="AI124" s="8">
        <v>1.36</v>
      </c>
      <c r="AJ124" s="76">
        <v>1.33</v>
      </c>
      <c r="AK124" s="76">
        <v>1.33</v>
      </c>
      <c r="AL124" s="76">
        <v>1.33</v>
      </c>
      <c r="AM124" s="8">
        <v>1.33</v>
      </c>
      <c r="AN124" s="8">
        <v>1.39</v>
      </c>
      <c r="AO124" s="8">
        <v>1.43</v>
      </c>
      <c r="AP124" s="8">
        <v>1.44</v>
      </c>
      <c r="AQ124" s="8">
        <v>1.46</v>
      </c>
      <c r="AR124" s="8">
        <v>1.44</v>
      </c>
      <c r="AS124" s="8">
        <v>1.45</v>
      </c>
      <c r="AT124" s="8">
        <v>1.45</v>
      </c>
      <c r="AU124" s="8">
        <v>1.43</v>
      </c>
      <c r="AV124" s="8">
        <v>1.41</v>
      </c>
      <c r="AW124" s="8">
        <v>1.47</v>
      </c>
      <c r="AX124" s="8">
        <v>1.56</v>
      </c>
      <c r="AY124" s="8">
        <v>1.76</v>
      </c>
      <c r="AZ124" s="8">
        <v>1.77</v>
      </c>
      <c r="BA124" s="8">
        <v>1.79</v>
      </c>
      <c r="BB124" s="8">
        <v>1.79</v>
      </c>
      <c r="BC124" s="8">
        <v>1.95</v>
      </c>
      <c r="BD124" s="8">
        <v>1.95</v>
      </c>
      <c r="BE124" s="17"/>
    </row>
    <row r="125" spans="3:57" x14ac:dyDescent="0.2">
      <c r="C125" s="16" t="s">
        <v>81</v>
      </c>
      <c r="D125" s="6" t="s">
        <v>58</v>
      </c>
      <c r="E125" s="17">
        <v>1.02</v>
      </c>
      <c r="F125" s="8">
        <v>1.02</v>
      </c>
      <c r="G125" s="8">
        <v>1.03</v>
      </c>
      <c r="H125" s="8">
        <v>1.03</v>
      </c>
      <c r="I125" s="8">
        <v>1.02</v>
      </c>
      <c r="J125" s="8">
        <v>1.02</v>
      </c>
      <c r="K125" s="8">
        <v>1.03</v>
      </c>
      <c r="L125" s="8">
        <v>1.02</v>
      </c>
      <c r="M125" s="8">
        <v>1.02</v>
      </c>
      <c r="N125" s="8">
        <v>1.02</v>
      </c>
      <c r="O125" s="8">
        <v>1.03</v>
      </c>
      <c r="P125" s="8">
        <v>1.03</v>
      </c>
      <c r="Q125" s="8">
        <v>1.01</v>
      </c>
      <c r="R125" s="8">
        <v>1.01</v>
      </c>
      <c r="S125" s="8">
        <v>1.01</v>
      </c>
      <c r="T125" s="8">
        <v>1.02</v>
      </c>
      <c r="U125" s="8">
        <v>1.01</v>
      </c>
      <c r="V125" s="8">
        <v>1.03</v>
      </c>
      <c r="W125" s="8">
        <v>1.03</v>
      </c>
      <c r="X125" s="8">
        <v>1.04</v>
      </c>
      <c r="Y125" s="8">
        <v>1.05</v>
      </c>
      <c r="Z125" s="8">
        <v>1.06</v>
      </c>
      <c r="AA125" s="8">
        <v>1.06</v>
      </c>
      <c r="AB125" s="8">
        <v>1.06</v>
      </c>
      <c r="AC125" s="8">
        <v>1.06</v>
      </c>
      <c r="AD125" s="8">
        <v>1.06</v>
      </c>
      <c r="AE125" s="8">
        <v>1.06</v>
      </c>
      <c r="AF125" s="8">
        <v>1.05</v>
      </c>
      <c r="AG125" s="8">
        <v>1.05</v>
      </c>
      <c r="AH125" s="8">
        <v>1.05</v>
      </c>
      <c r="AI125" s="8">
        <v>1.05</v>
      </c>
      <c r="AJ125" s="76">
        <v>1.05</v>
      </c>
      <c r="AK125" s="76">
        <v>1.05</v>
      </c>
      <c r="AL125" s="76">
        <v>1.05</v>
      </c>
      <c r="AM125" s="8">
        <v>1.05</v>
      </c>
      <c r="AN125" s="8">
        <v>1.05</v>
      </c>
      <c r="AO125" s="8">
        <v>1.03</v>
      </c>
      <c r="AP125" s="8">
        <v>1.03</v>
      </c>
      <c r="AQ125" s="8">
        <v>1.04</v>
      </c>
      <c r="AR125" s="8">
        <v>1.04</v>
      </c>
      <c r="AS125" s="8">
        <v>1.04</v>
      </c>
      <c r="AT125" s="8">
        <v>1.04</v>
      </c>
      <c r="AU125" s="8">
        <v>1.05</v>
      </c>
      <c r="AV125" s="8">
        <v>1.04</v>
      </c>
      <c r="AW125" s="8">
        <v>1.04</v>
      </c>
      <c r="AX125" s="8">
        <v>1.04</v>
      </c>
      <c r="AY125" s="8">
        <v>1.03</v>
      </c>
      <c r="AZ125" s="8">
        <v>1.03</v>
      </c>
      <c r="BA125" s="8">
        <v>1.03</v>
      </c>
      <c r="BB125" s="8">
        <v>1.03</v>
      </c>
      <c r="BC125" s="8">
        <v>1.03</v>
      </c>
      <c r="BD125" s="8">
        <v>1.03</v>
      </c>
      <c r="BE125" s="17"/>
    </row>
    <row r="126" spans="3:57" x14ac:dyDescent="0.2">
      <c r="C126" s="16" t="s">
        <v>82</v>
      </c>
      <c r="D126" s="6" t="s">
        <v>58</v>
      </c>
      <c r="E126" s="17">
        <v>3.4</v>
      </c>
      <c r="F126" s="8">
        <v>3.42</v>
      </c>
      <c r="G126" s="8">
        <v>3.74</v>
      </c>
      <c r="H126" s="8">
        <v>3.76</v>
      </c>
      <c r="I126" s="8">
        <v>3.81</v>
      </c>
      <c r="J126" s="8">
        <v>3.99</v>
      </c>
      <c r="K126" s="8">
        <v>4.2300000000000004</v>
      </c>
      <c r="L126" s="8">
        <v>4.37</v>
      </c>
      <c r="M126" s="8">
        <v>4.41</v>
      </c>
      <c r="N126" s="8">
        <v>4.3899999999999997</v>
      </c>
      <c r="O126" s="8">
        <v>4.43</v>
      </c>
      <c r="P126" s="8">
        <v>4.5199999999999996</v>
      </c>
      <c r="Q126" s="8">
        <v>4.51</v>
      </c>
      <c r="R126" s="8">
        <v>4.33</v>
      </c>
      <c r="S126" s="8">
        <v>3.99</v>
      </c>
      <c r="T126" s="8">
        <v>3.8</v>
      </c>
      <c r="U126" s="8">
        <v>3.66</v>
      </c>
      <c r="V126" s="8">
        <v>3.61</v>
      </c>
      <c r="W126" s="8">
        <v>3.56</v>
      </c>
      <c r="X126" s="8">
        <v>3.49</v>
      </c>
      <c r="Y126" s="8">
        <v>3.43</v>
      </c>
      <c r="Z126" s="8">
        <v>3.39</v>
      </c>
      <c r="AA126" s="8">
        <v>3.45</v>
      </c>
      <c r="AB126" s="8">
        <v>3.53</v>
      </c>
      <c r="AC126" s="8">
        <v>3.48</v>
      </c>
      <c r="AD126" s="8">
        <v>3.43</v>
      </c>
      <c r="AE126" s="8">
        <v>3.4</v>
      </c>
      <c r="AF126" s="8">
        <v>3.36</v>
      </c>
      <c r="AG126" s="8">
        <v>3.34</v>
      </c>
      <c r="AH126" s="8">
        <v>3.34</v>
      </c>
      <c r="AI126" s="8">
        <v>3.4</v>
      </c>
      <c r="AJ126" s="76">
        <v>3.39</v>
      </c>
      <c r="AK126" s="76">
        <v>3.41</v>
      </c>
      <c r="AL126" s="76">
        <v>3.44</v>
      </c>
      <c r="AM126" s="8">
        <v>3.43</v>
      </c>
      <c r="AN126" s="8">
        <v>3.6</v>
      </c>
      <c r="AO126" s="8">
        <v>3.93</v>
      </c>
      <c r="AP126" s="8">
        <v>3.91</v>
      </c>
      <c r="AQ126" s="8">
        <v>3.77</v>
      </c>
      <c r="AR126" s="8">
        <v>3.71</v>
      </c>
      <c r="AS126" s="8">
        <v>3.64</v>
      </c>
      <c r="AT126" s="8">
        <v>3.54</v>
      </c>
      <c r="AU126" s="8">
        <v>3.48</v>
      </c>
      <c r="AV126" s="8">
        <v>3.46</v>
      </c>
      <c r="AW126" s="8">
        <v>3.45</v>
      </c>
      <c r="AX126" s="8">
        <v>3.51</v>
      </c>
      <c r="AY126" s="8">
        <v>3.58</v>
      </c>
      <c r="AZ126" s="8">
        <v>3.54</v>
      </c>
      <c r="BA126" s="8">
        <v>3.6</v>
      </c>
      <c r="BB126" s="8">
        <v>3.6</v>
      </c>
      <c r="BC126" s="8">
        <v>3.79</v>
      </c>
      <c r="BD126" s="8">
        <v>3.76</v>
      </c>
      <c r="BE126" s="17"/>
    </row>
    <row r="127" spans="3:57" x14ac:dyDescent="0.2">
      <c r="C127" s="16" t="s">
        <v>84</v>
      </c>
      <c r="D127" s="6" t="s">
        <v>85</v>
      </c>
      <c r="E127" s="17">
        <v>0.88</v>
      </c>
      <c r="F127" s="8">
        <v>0.89</v>
      </c>
      <c r="G127" s="8">
        <v>0.89</v>
      </c>
      <c r="H127" s="8">
        <v>0.89</v>
      </c>
      <c r="I127" s="8">
        <v>0.89</v>
      </c>
      <c r="J127" s="8">
        <v>0.9</v>
      </c>
      <c r="K127" s="8">
        <v>0.91</v>
      </c>
      <c r="L127" s="8">
        <v>0.92</v>
      </c>
      <c r="M127" s="8">
        <v>0.93</v>
      </c>
      <c r="N127" s="8">
        <v>0.95</v>
      </c>
      <c r="O127" s="8">
        <v>0.93</v>
      </c>
      <c r="P127" s="8">
        <v>0.93</v>
      </c>
      <c r="Q127" s="8">
        <v>0.92</v>
      </c>
      <c r="R127" s="8">
        <v>0.91</v>
      </c>
      <c r="S127" s="8">
        <v>0.91</v>
      </c>
      <c r="T127" s="8">
        <v>0.9</v>
      </c>
      <c r="U127" s="8">
        <v>0.88</v>
      </c>
      <c r="V127" s="8">
        <v>0.88</v>
      </c>
      <c r="W127" s="8">
        <v>0.88</v>
      </c>
      <c r="X127" s="8">
        <v>0.87</v>
      </c>
      <c r="Y127" s="8">
        <v>0.87</v>
      </c>
      <c r="Z127" s="8">
        <v>0.87</v>
      </c>
      <c r="AA127" s="8">
        <v>0.87</v>
      </c>
      <c r="AB127" s="8">
        <v>0.87</v>
      </c>
      <c r="AC127" s="8">
        <v>0.87</v>
      </c>
      <c r="AD127" s="8">
        <v>0.87</v>
      </c>
      <c r="AE127" s="8">
        <v>0.88</v>
      </c>
      <c r="AF127" s="8">
        <v>0.88</v>
      </c>
      <c r="AG127" s="8">
        <v>0.88</v>
      </c>
      <c r="AH127" s="8">
        <v>0.89</v>
      </c>
      <c r="AI127" s="8">
        <v>0.89</v>
      </c>
      <c r="AJ127" s="76">
        <v>0.89</v>
      </c>
      <c r="AK127" s="76">
        <v>0.89</v>
      </c>
      <c r="AL127" s="76">
        <v>0.9</v>
      </c>
      <c r="AM127" s="8">
        <v>0.9</v>
      </c>
      <c r="AN127" s="8">
        <v>0.9</v>
      </c>
      <c r="AO127" s="8">
        <v>0.9</v>
      </c>
      <c r="AP127" s="8">
        <v>0.9</v>
      </c>
      <c r="AQ127" s="8">
        <v>0.91</v>
      </c>
      <c r="AR127" s="8">
        <v>0.91</v>
      </c>
      <c r="AS127" s="8">
        <v>0.9</v>
      </c>
      <c r="AT127" s="8">
        <v>0.9</v>
      </c>
      <c r="AU127" s="8">
        <v>0.9</v>
      </c>
      <c r="AV127" s="8">
        <v>0.9</v>
      </c>
      <c r="AW127" s="8">
        <v>0.91</v>
      </c>
      <c r="AX127" s="8">
        <v>0.93</v>
      </c>
      <c r="AY127" s="8">
        <v>0.92</v>
      </c>
      <c r="AZ127" s="8">
        <v>0.92</v>
      </c>
      <c r="BA127" s="8">
        <v>0.93</v>
      </c>
      <c r="BB127" s="8">
        <v>0.93</v>
      </c>
      <c r="BC127" s="8">
        <v>0.95</v>
      </c>
      <c r="BD127" s="8">
        <v>0.94</v>
      </c>
      <c r="BE127" s="17"/>
    </row>
    <row r="128" spans="3:57" x14ac:dyDescent="0.2">
      <c r="C128" s="16" t="s">
        <v>86</v>
      </c>
      <c r="D128" s="6" t="s">
        <v>58</v>
      </c>
      <c r="E128" s="17">
        <v>1.83</v>
      </c>
      <c r="F128" s="8">
        <v>1.83</v>
      </c>
      <c r="G128" s="8">
        <v>1.91</v>
      </c>
      <c r="H128" s="8">
        <v>1.95</v>
      </c>
      <c r="I128" s="8">
        <v>1.94</v>
      </c>
      <c r="J128" s="8">
        <v>1.97</v>
      </c>
      <c r="K128" s="8">
        <v>1.97</v>
      </c>
      <c r="L128" s="8">
        <v>1.96</v>
      </c>
      <c r="M128" s="8">
        <v>1.94</v>
      </c>
      <c r="N128" s="8">
        <v>2.04</v>
      </c>
      <c r="O128" s="8">
        <v>2.12</v>
      </c>
      <c r="P128" s="8">
        <v>2.17</v>
      </c>
      <c r="Q128" s="8">
        <v>2.2000000000000002</v>
      </c>
      <c r="R128" s="8">
        <v>2.23</v>
      </c>
      <c r="S128" s="8">
        <v>2.25</v>
      </c>
      <c r="T128" s="8">
        <v>2.25</v>
      </c>
      <c r="U128" s="8">
        <v>2.15</v>
      </c>
      <c r="V128" s="8">
        <v>2.13</v>
      </c>
      <c r="W128" s="8">
        <v>2.11</v>
      </c>
      <c r="X128" s="8">
        <v>2.04</v>
      </c>
      <c r="Y128" s="8">
        <v>2.0099999999999998</v>
      </c>
      <c r="Z128" s="8">
        <v>1.94</v>
      </c>
      <c r="AA128" s="8">
        <v>1.92</v>
      </c>
      <c r="AB128" s="8">
        <v>1.9</v>
      </c>
      <c r="AC128" s="8">
        <v>1.89</v>
      </c>
      <c r="AD128" s="8">
        <v>1.85</v>
      </c>
      <c r="AE128" s="8">
        <v>1.84</v>
      </c>
      <c r="AF128" s="8">
        <v>1.83</v>
      </c>
      <c r="AG128" s="8">
        <v>1.84</v>
      </c>
      <c r="AH128" s="8">
        <v>1.84</v>
      </c>
      <c r="AI128" s="8">
        <v>1.82</v>
      </c>
      <c r="AJ128" s="76">
        <v>1.8</v>
      </c>
      <c r="AK128" s="76">
        <v>1.8</v>
      </c>
      <c r="AL128" s="76">
        <v>1.79</v>
      </c>
      <c r="AM128" s="8">
        <v>1.79</v>
      </c>
      <c r="AN128" s="8">
        <v>1.8</v>
      </c>
      <c r="AO128" s="8">
        <v>1.8</v>
      </c>
      <c r="AP128" s="8">
        <v>1.8</v>
      </c>
      <c r="AQ128" s="8">
        <v>1.81</v>
      </c>
      <c r="AR128" s="8">
        <v>1.8</v>
      </c>
      <c r="AS128" s="8">
        <v>1.81</v>
      </c>
      <c r="AT128" s="8">
        <v>1.82</v>
      </c>
      <c r="AU128" s="8">
        <v>1.83</v>
      </c>
      <c r="AV128" s="8">
        <v>1.82</v>
      </c>
      <c r="AW128" s="8">
        <v>1.86</v>
      </c>
      <c r="AX128" s="8">
        <v>1.87</v>
      </c>
      <c r="AY128" s="8">
        <v>1.94</v>
      </c>
      <c r="AZ128" s="8">
        <v>1.87</v>
      </c>
      <c r="BA128" s="8">
        <v>1.88</v>
      </c>
      <c r="BB128" s="8">
        <v>1.88</v>
      </c>
      <c r="BC128" s="8">
        <v>1.97</v>
      </c>
      <c r="BD128" s="8">
        <v>2</v>
      </c>
      <c r="BE128" s="17"/>
    </row>
    <row r="129" spans="3:57" x14ac:dyDescent="0.2">
      <c r="C129" s="16" t="s">
        <v>104</v>
      </c>
      <c r="D129" s="6" t="s">
        <v>58</v>
      </c>
      <c r="E129" s="17">
        <v>1.89</v>
      </c>
      <c r="F129" s="8">
        <v>1.9</v>
      </c>
      <c r="G129" s="8">
        <v>1.96</v>
      </c>
      <c r="H129" s="8">
        <v>1.99</v>
      </c>
      <c r="I129" s="8">
        <v>2.0099999999999998</v>
      </c>
      <c r="J129" s="8">
        <v>2.0099999999999998</v>
      </c>
      <c r="K129" s="8">
        <v>2.0299999999999998</v>
      </c>
      <c r="L129" s="8">
        <v>2.04</v>
      </c>
      <c r="M129" s="8">
        <v>2.0299999999999998</v>
      </c>
      <c r="N129" s="8">
        <v>2</v>
      </c>
      <c r="O129" s="8">
        <v>2.0099999999999998</v>
      </c>
      <c r="P129" s="8">
        <v>2.0099999999999998</v>
      </c>
      <c r="Q129" s="8">
        <v>1.99</v>
      </c>
      <c r="R129" s="8">
        <v>2.02</v>
      </c>
      <c r="S129" s="8">
        <v>2.0099999999999998</v>
      </c>
      <c r="T129" s="8">
        <v>2.0099999999999998</v>
      </c>
      <c r="U129" s="8">
        <v>1.98</v>
      </c>
      <c r="V129" s="8">
        <v>1.97</v>
      </c>
      <c r="W129" s="8">
        <v>1.97</v>
      </c>
      <c r="X129" s="8">
        <v>1.96</v>
      </c>
      <c r="Y129" s="8">
        <v>1.95</v>
      </c>
      <c r="Z129" s="8">
        <v>1.89</v>
      </c>
      <c r="AA129" s="8">
        <v>1.85</v>
      </c>
      <c r="AB129" s="8">
        <v>1.83</v>
      </c>
      <c r="AC129" s="8">
        <v>1.82</v>
      </c>
      <c r="AD129" s="8">
        <v>1.8</v>
      </c>
      <c r="AE129" s="8">
        <v>1.8</v>
      </c>
      <c r="AF129" s="8">
        <v>1.82</v>
      </c>
      <c r="AG129" s="8">
        <v>1.81</v>
      </c>
      <c r="AH129" s="8">
        <v>1.79</v>
      </c>
      <c r="AI129" s="8">
        <v>1.82</v>
      </c>
      <c r="AJ129" s="76">
        <v>1.82</v>
      </c>
      <c r="AK129" s="76">
        <v>1.81</v>
      </c>
      <c r="AL129" s="76">
        <v>1.82</v>
      </c>
      <c r="AM129" s="8">
        <v>1.81</v>
      </c>
      <c r="AN129" s="8">
        <v>1.81</v>
      </c>
      <c r="AO129" s="8">
        <v>1.82</v>
      </c>
      <c r="AP129" s="8">
        <v>1.86</v>
      </c>
      <c r="AQ129" s="8">
        <v>1.87</v>
      </c>
      <c r="AR129" s="8">
        <v>1.91</v>
      </c>
      <c r="AS129" s="8">
        <v>1.9</v>
      </c>
      <c r="AT129" s="8">
        <v>1.89</v>
      </c>
      <c r="AU129" s="8">
        <v>1.92</v>
      </c>
      <c r="AV129" s="8">
        <v>1.94</v>
      </c>
      <c r="AW129" s="8">
        <v>1.94</v>
      </c>
      <c r="AX129" s="8">
        <v>1.94</v>
      </c>
      <c r="AY129" s="8">
        <v>1.92</v>
      </c>
      <c r="AZ129" s="8">
        <v>1.91</v>
      </c>
      <c r="BA129" s="8">
        <v>1.9</v>
      </c>
      <c r="BB129" s="8">
        <v>1.9</v>
      </c>
      <c r="BC129" s="8">
        <v>1.93</v>
      </c>
      <c r="BD129" s="8">
        <v>1.93</v>
      </c>
      <c r="BE129" s="17"/>
    </row>
    <row r="130" spans="3:57" x14ac:dyDescent="0.2">
      <c r="C130" s="16" t="s">
        <v>87</v>
      </c>
      <c r="D130" s="6" t="s">
        <v>58</v>
      </c>
      <c r="E130" s="17">
        <v>0.95</v>
      </c>
      <c r="F130" s="8">
        <v>0.95</v>
      </c>
      <c r="G130" s="8">
        <v>1.28</v>
      </c>
      <c r="H130" s="8">
        <v>1.27</v>
      </c>
      <c r="I130" s="8">
        <v>1.28</v>
      </c>
      <c r="J130" s="8">
        <v>0.94</v>
      </c>
      <c r="K130" s="8">
        <v>0.94</v>
      </c>
      <c r="L130" s="8">
        <v>0.95</v>
      </c>
      <c r="M130" s="8">
        <v>0.94</v>
      </c>
      <c r="N130" s="8">
        <v>0.95</v>
      </c>
      <c r="O130" s="8">
        <v>0.94</v>
      </c>
      <c r="P130" s="8">
        <v>0.94</v>
      </c>
      <c r="Q130" s="8">
        <v>0.93</v>
      </c>
      <c r="R130" s="8">
        <v>0.93</v>
      </c>
      <c r="S130" s="8">
        <v>0.93</v>
      </c>
      <c r="T130" s="8">
        <v>0.93</v>
      </c>
      <c r="U130" s="8">
        <v>0.93</v>
      </c>
      <c r="V130" s="8">
        <v>0.93</v>
      </c>
      <c r="W130" s="8">
        <v>0.92</v>
      </c>
      <c r="X130" s="8">
        <v>0.92</v>
      </c>
      <c r="Y130" s="8">
        <v>0.92</v>
      </c>
      <c r="Z130" s="8">
        <v>0.92</v>
      </c>
      <c r="AA130" s="8">
        <v>0.92</v>
      </c>
      <c r="AB130" s="8">
        <v>0.93</v>
      </c>
      <c r="AC130" s="8">
        <v>0.92</v>
      </c>
      <c r="AD130" s="8">
        <v>0.92</v>
      </c>
      <c r="AE130" s="8">
        <v>0.93</v>
      </c>
      <c r="AF130" s="8">
        <v>0.93</v>
      </c>
      <c r="AG130" s="8">
        <v>0.93</v>
      </c>
      <c r="AH130" s="8">
        <v>0.94</v>
      </c>
      <c r="AI130" s="8">
        <v>0.94</v>
      </c>
      <c r="AJ130" s="76">
        <v>0.94</v>
      </c>
      <c r="AK130" s="76">
        <v>0.94</v>
      </c>
      <c r="AL130" s="76">
        <v>0.94</v>
      </c>
      <c r="AM130" s="8">
        <v>0.94</v>
      </c>
      <c r="AN130" s="8">
        <v>0.95</v>
      </c>
      <c r="AO130" s="8">
        <v>0.96</v>
      </c>
      <c r="AP130" s="8">
        <v>0.96</v>
      </c>
      <c r="AQ130" s="8">
        <v>0.98</v>
      </c>
      <c r="AR130" s="8">
        <v>0.98</v>
      </c>
      <c r="AS130" s="8">
        <v>0.98</v>
      </c>
      <c r="AT130" s="8">
        <v>0.99</v>
      </c>
      <c r="AU130" s="8">
        <v>0.99</v>
      </c>
      <c r="AV130" s="8">
        <v>0.99</v>
      </c>
      <c r="AW130" s="8">
        <v>0.98</v>
      </c>
      <c r="AX130" s="8">
        <v>0.98</v>
      </c>
      <c r="AY130" s="8">
        <v>0.97</v>
      </c>
      <c r="AZ130" s="8">
        <v>0.97</v>
      </c>
      <c r="BA130" s="8">
        <v>0.96</v>
      </c>
      <c r="BB130" s="8">
        <v>0.96</v>
      </c>
      <c r="BC130" s="8">
        <v>0.97</v>
      </c>
      <c r="BD130" s="8">
        <v>0.97</v>
      </c>
      <c r="BE130" s="17"/>
    </row>
    <row r="131" spans="3:57" x14ac:dyDescent="0.2">
      <c r="C131" s="16" t="s">
        <v>88</v>
      </c>
      <c r="D131" s="6" t="s">
        <v>58</v>
      </c>
      <c r="E131" s="17">
        <v>1.45</v>
      </c>
      <c r="F131" s="8">
        <v>1.42</v>
      </c>
      <c r="G131" s="8">
        <v>1.34</v>
      </c>
      <c r="H131" s="8">
        <v>1.34</v>
      </c>
      <c r="I131" s="8">
        <v>1.33</v>
      </c>
      <c r="J131" s="8">
        <v>1.33</v>
      </c>
      <c r="K131" s="8">
        <v>1.32</v>
      </c>
      <c r="L131" s="8">
        <v>1.31</v>
      </c>
      <c r="M131" s="8">
        <v>1.3</v>
      </c>
      <c r="N131" s="8">
        <v>1.29</v>
      </c>
      <c r="O131" s="8">
        <v>1.28</v>
      </c>
      <c r="P131" s="8">
        <v>1.29</v>
      </c>
      <c r="Q131" s="8">
        <v>1.29</v>
      </c>
      <c r="R131" s="8">
        <v>1.29</v>
      </c>
      <c r="S131" s="8">
        <v>1.3</v>
      </c>
      <c r="T131" s="8">
        <v>1.3</v>
      </c>
      <c r="U131" s="8">
        <v>1.3</v>
      </c>
      <c r="V131" s="8">
        <v>1.31</v>
      </c>
      <c r="W131" s="8">
        <v>1.32</v>
      </c>
      <c r="X131" s="8">
        <v>1.32</v>
      </c>
      <c r="Y131" s="8">
        <v>1.32</v>
      </c>
      <c r="Z131" s="8">
        <v>1.32</v>
      </c>
      <c r="AA131" s="8">
        <v>1.33</v>
      </c>
      <c r="AB131" s="8">
        <v>1.33</v>
      </c>
      <c r="AC131" s="8">
        <v>1.33</v>
      </c>
      <c r="AD131" s="8">
        <v>1.34</v>
      </c>
      <c r="AE131" s="8">
        <v>1.36</v>
      </c>
      <c r="AF131" s="8">
        <v>1.38</v>
      </c>
      <c r="AG131" s="8">
        <v>1.43</v>
      </c>
      <c r="AH131" s="8">
        <v>1.45</v>
      </c>
      <c r="AI131" s="8">
        <v>1.48</v>
      </c>
      <c r="AJ131" s="76">
        <v>1.49</v>
      </c>
      <c r="AK131" s="76">
        <v>1.49</v>
      </c>
      <c r="AL131" s="76">
        <v>1.54</v>
      </c>
      <c r="AM131" s="8">
        <v>1.55</v>
      </c>
      <c r="AN131" s="8">
        <v>1.61</v>
      </c>
      <c r="AO131" s="8">
        <v>1.67</v>
      </c>
      <c r="AP131" s="8">
        <v>1.7</v>
      </c>
      <c r="AQ131" s="8">
        <v>1.74</v>
      </c>
      <c r="AR131" s="8">
        <v>1.75</v>
      </c>
      <c r="AS131" s="8">
        <v>1.75</v>
      </c>
      <c r="AT131" s="8">
        <v>1.75</v>
      </c>
      <c r="AU131" s="8">
        <v>1.76</v>
      </c>
      <c r="AV131" s="8">
        <v>1.75</v>
      </c>
      <c r="AW131" s="8">
        <v>1.72</v>
      </c>
      <c r="AX131" s="8">
        <v>1.7</v>
      </c>
      <c r="AY131" s="8">
        <v>1.66</v>
      </c>
      <c r="AZ131" s="8">
        <v>1.66</v>
      </c>
      <c r="BA131" s="8">
        <v>1.65</v>
      </c>
      <c r="BB131" s="8">
        <v>1.65</v>
      </c>
      <c r="BC131" s="8">
        <v>1.62</v>
      </c>
      <c r="BD131" s="8">
        <v>1.61</v>
      </c>
      <c r="BE131" s="17"/>
    </row>
    <row r="132" spans="3:57" x14ac:dyDescent="0.2">
      <c r="C132" s="18" t="s">
        <v>91</v>
      </c>
      <c r="D132" s="6" t="s">
        <v>58</v>
      </c>
      <c r="E132" s="17">
        <v>1.65</v>
      </c>
      <c r="F132" s="8">
        <v>1.64</v>
      </c>
      <c r="G132" s="8">
        <v>1.58</v>
      </c>
      <c r="H132" s="8">
        <v>1.61</v>
      </c>
      <c r="I132" s="8">
        <v>1.59</v>
      </c>
      <c r="J132" s="8">
        <v>1.65</v>
      </c>
      <c r="K132" s="8">
        <v>1.73</v>
      </c>
      <c r="L132" s="8">
        <v>1.79</v>
      </c>
      <c r="M132" s="8">
        <v>1.8</v>
      </c>
      <c r="N132" s="8">
        <v>1.83</v>
      </c>
      <c r="O132" s="8">
        <v>1.87</v>
      </c>
      <c r="P132" s="8">
        <v>1.84</v>
      </c>
      <c r="Q132" s="8">
        <v>1.91</v>
      </c>
      <c r="R132" s="8">
        <v>1.81</v>
      </c>
      <c r="S132" s="8">
        <v>1.85</v>
      </c>
      <c r="T132" s="8">
        <v>1.86</v>
      </c>
      <c r="U132" s="8">
        <v>1.84</v>
      </c>
      <c r="V132" s="8">
        <v>1.85</v>
      </c>
      <c r="W132" s="8">
        <v>1.84</v>
      </c>
      <c r="X132" s="8">
        <v>1.82</v>
      </c>
      <c r="Y132" s="8">
        <v>1.82</v>
      </c>
      <c r="Z132" s="8">
        <v>1.83</v>
      </c>
      <c r="AA132" s="8">
        <v>1.78</v>
      </c>
      <c r="AB132" s="8">
        <v>1.75</v>
      </c>
      <c r="AC132" s="8">
        <v>1.75</v>
      </c>
      <c r="AD132" s="8">
        <v>1.79</v>
      </c>
      <c r="AE132" s="8">
        <v>1.79</v>
      </c>
      <c r="AF132" s="8"/>
      <c r="AG132" s="8"/>
      <c r="AH132" s="8"/>
      <c r="AI132" s="8">
        <v>1.88</v>
      </c>
      <c r="AJ132" s="76">
        <v>1.87</v>
      </c>
      <c r="AK132" s="76">
        <v>1.92</v>
      </c>
      <c r="AL132" s="76">
        <v>1.99</v>
      </c>
      <c r="AM132" s="8">
        <v>1.96</v>
      </c>
      <c r="AN132" s="8">
        <v>2.0099999999999998</v>
      </c>
      <c r="AO132" s="8">
        <v>2.0699999999999998</v>
      </c>
      <c r="AP132" s="8">
        <v>2.16</v>
      </c>
      <c r="AQ132" s="8">
        <v>2.16</v>
      </c>
      <c r="AR132" s="8">
        <v>2.11</v>
      </c>
      <c r="AS132" s="8">
        <v>1.98</v>
      </c>
      <c r="AT132" s="8">
        <v>1.96</v>
      </c>
      <c r="AU132" s="8">
        <v>1.92</v>
      </c>
      <c r="AV132" s="8">
        <v>1.96</v>
      </c>
      <c r="AW132" s="8">
        <v>1.87</v>
      </c>
      <c r="AX132" s="8">
        <v>1.79</v>
      </c>
      <c r="AY132" s="8">
        <v>1.76</v>
      </c>
      <c r="AZ132" s="8">
        <v>1.73</v>
      </c>
      <c r="BA132" s="8">
        <v>1.71</v>
      </c>
      <c r="BB132" s="8">
        <v>1.71</v>
      </c>
      <c r="BC132" s="8">
        <v>1.7</v>
      </c>
      <c r="BD132" s="8">
        <v>1.69</v>
      </c>
      <c r="BE132" s="17"/>
    </row>
    <row r="133" spans="3:57" x14ac:dyDescent="0.2">
      <c r="C133" s="18" t="s">
        <v>100</v>
      </c>
      <c r="D133" s="6" t="s">
        <v>58</v>
      </c>
      <c r="E133" s="17">
        <v>1.37</v>
      </c>
      <c r="F133" s="8">
        <v>1.38</v>
      </c>
      <c r="G133" s="8">
        <v>1.28</v>
      </c>
      <c r="H133" s="8">
        <v>1.27</v>
      </c>
      <c r="I133" s="8">
        <v>1.26</v>
      </c>
      <c r="J133" s="8">
        <v>1.26</v>
      </c>
      <c r="K133" s="8">
        <v>1.26</v>
      </c>
      <c r="L133" s="8">
        <v>1.26</v>
      </c>
      <c r="M133" s="8">
        <v>1.24</v>
      </c>
      <c r="N133" s="8">
        <v>1.25</v>
      </c>
      <c r="O133" s="8">
        <v>1.25</v>
      </c>
      <c r="P133" s="8">
        <v>1.24</v>
      </c>
      <c r="Q133" s="8">
        <v>1.23</v>
      </c>
      <c r="R133" s="8">
        <v>1.23</v>
      </c>
      <c r="S133" s="8">
        <v>1.21</v>
      </c>
      <c r="T133" s="17">
        <v>1.22</v>
      </c>
      <c r="U133" s="8">
        <v>1.22</v>
      </c>
      <c r="V133" s="8">
        <v>1.22</v>
      </c>
      <c r="W133" s="8">
        <v>1.23</v>
      </c>
      <c r="X133" s="8">
        <v>1.24</v>
      </c>
      <c r="Y133" s="8">
        <v>1.24</v>
      </c>
      <c r="Z133" s="8">
        <v>1.24</v>
      </c>
      <c r="AA133" s="8">
        <v>1.22</v>
      </c>
      <c r="AB133" s="8">
        <v>1.23</v>
      </c>
      <c r="AC133" s="8">
        <v>1.24</v>
      </c>
      <c r="AD133" s="8">
        <v>1.25</v>
      </c>
      <c r="AE133" s="8">
        <v>1.26</v>
      </c>
      <c r="AF133" s="8">
        <v>1.28</v>
      </c>
      <c r="AG133" s="8">
        <v>1.29</v>
      </c>
      <c r="AH133" s="8">
        <v>1.31</v>
      </c>
      <c r="AI133" s="8">
        <v>1.32</v>
      </c>
      <c r="AJ133" s="76">
        <v>1.33</v>
      </c>
      <c r="AK133" s="76">
        <v>1.34</v>
      </c>
      <c r="AL133" s="76">
        <v>1.37</v>
      </c>
      <c r="AM133" s="8">
        <v>1.39</v>
      </c>
      <c r="AN133" s="8">
        <v>1.42</v>
      </c>
      <c r="AO133" s="8">
        <v>1.45</v>
      </c>
      <c r="AP133" s="8">
        <v>1.45</v>
      </c>
      <c r="AQ133" s="8">
        <v>1.48</v>
      </c>
      <c r="AR133" s="8">
        <v>1.49</v>
      </c>
      <c r="AS133" s="8">
        <v>1.5</v>
      </c>
      <c r="AT133" s="8">
        <v>1.52</v>
      </c>
      <c r="AU133" s="8">
        <v>1.53</v>
      </c>
      <c r="AV133" s="8">
        <v>1.64</v>
      </c>
      <c r="AW133" s="8">
        <v>1.6</v>
      </c>
      <c r="AX133" s="8">
        <v>1.57</v>
      </c>
      <c r="AY133" s="8">
        <v>1.52</v>
      </c>
      <c r="AZ133" s="8">
        <v>1.48</v>
      </c>
      <c r="BA133" s="8">
        <v>1.45</v>
      </c>
      <c r="BB133" s="8">
        <v>1.45</v>
      </c>
      <c r="BC133" s="8">
        <v>1.41</v>
      </c>
      <c r="BD133" s="8">
        <v>1.41</v>
      </c>
      <c r="BE133" s="17"/>
    </row>
    <row r="134" spans="3:57" x14ac:dyDescent="0.2">
      <c r="C134" s="16" t="s">
        <v>89</v>
      </c>
      <c r="D134" s="6" t="s">
        <v>58</v>
      </c>
      <c r="E134" s="17">
        <v>1.58</v>
      </c>
      <c r="F134" s="17">
        <v>1.57</v>
      </c>
      <c r="G134" s="17">
        <v>1.58</v>
      </c>
      <c r="H134" s="17">
        <v>1.58</v>
      </c>
      <c r="I134" s="17">
        <v>1.57</v>
      </c>
      <c r="J134" s="17">
        <v>1.55</v>
      </c>
      <c r="K134" s="17">
        <v>1.56</v>
      </c>
      <c r="L134" s="17">
        <v>1.54</v>
      </c>
      <c r="M134" s="17">
        <v>1.53</v>
      </c>
      <c r="N134" s="17">
        <v>1.54</v>
      </c>
      <c r="O134" s="17">
        <v>1.54</v>
      </c>
      <c r="P134" s="17">
        <v>1.53</v>
      </c>
      <c r="Q134" s="17">
        <v>1.53</v>
      </c>
      <c r="R134" s="17">
        <v>1.54</v>
      </c>
      <c r="S134" s="17">
        <v>1.53</v>
      </c>
      <c r="T134" s="17">
        <v>1.54</v>
      </c>
      <c r="U134" s="17">
        <v>1.54</v>
      </c>
      <c r="V134" s="17">
        <v>1.54</v>
      </c>
      <c r="W134" s="17">
        <v>1.54</v>
      </c>
      <c r="X134" s="17">
        <v>1.55</v>
      </c>
      <c r="Y134" s="17">
        <v>1.55</v>
      </c>
      <c r="Z134" s="17">
        <v>1.56</v>
      </c>
      <c r="AA134" s="17">
        <v>1.56</v>
      </c>
      <c r="AB134" s="17">
        <v>1.57</v>
      </c>
      <c r="AC134" s="17">
        <v>1.58</v>
      </c>
      <c r="AD134" s="17">
        <v>1.58</v>
      </c>
      <c r="AE134" s="17">
        <v>1.59</v>
      </c>
      <c r="AF134" s="17">
        <v>1.6</v>
      </c>
      <c r="AG134" s="17">
        <v>1.61</v>
      </c>
      <c r="AH134" s="17">
        <v>1.61</v>
      </c>
      <c r="AI134" s="17">
        <v>1.6</v>
      </c>
      <c r="AJ134" s="76">
        <v>1.6</v>
      </c>
      <c r="AK134" s="76">
        <v>1.6</v>
      </c>
      <c r="AL134" s="76">
        <v>1.61</v>
      </c>
      <c r="AM134" s="17">
        <v>1.61</v>
      </c>
      <c r="AN134" s="17">
        <v>1.6</v>
      </c>
      <c r="AO134" s="17">
        <v>1.59</v>
      </c>
      <c r="AP134" s="17">
        <v>1.58</v>
      </c>
      <c r="AQ134" s="17">
        <v>1.58</v>
      </c>
      <c r="AR134" s="17">
        <v>1.59</v>
      </c>
      <c r="AS134" s="17">
        <v>1.59</v>
      </c>
      <c r="AT134" s="17">
        <v>1.59</v>
      </c>
      <c r="AU134" s="17">
        <v>1.6</v>
      </c>
      <c r="AV134" s="17">
        <v>1.62</v>
      </c>
      <c r="AW134" s="17">
        <v>1.6</v>
      </c>
      <c r="AX134" s="17">
        <v>1.61</v>
      </c>
      <c r="AY134" s="17">
        <v>1.62</v>
      </c>
      <c r="AZ134" s="17">
        <v>1.64</v>
      </c>
      <c r="BA134" s="17">
        <v>1.63</v>
      </c>
      <c r="BB134" s="17">
        <v>1.63</v>
      </c>
      <c r="BC134" s="17">
        <v>1.63</v>
      </c>
      <c r="BD134" s="17">
        <v>1.64</v>
      </c>
      <c r="BE134" s="17"/>
    </row>
    <row r="135" spans="3:57" x14ac:dyDescent="0.2">
      <c r="C135" s="16" t="s">
        <v>95</v>
      </c>
      <c r="D135" s="6" t="s">
        <v>58</v>
      </c>
      <c r="E135" s="17">
        <v>1.56</v>
      </c>
      <c r="F135" s="17">
        <v>1.57</v>
      </c>
      <c r="G135" s="17">
        <v>1.6</v>
      </c>
      <c r="H135" s="17">
        <v>1.61</v>
      </c>
      <c r="I135" s="17">
        <v>1.6</v>
      </c>
      <c r="J135" s="17">
        <v>1.57</v>
      </c>
      <c r="K135" s="17">
        <v>1.6</v>
      </c>
      <c r="L135" s="17">
        <v>1.59</v>
      </c>
      <c r="M135" s="17">
        <v>1.58</v>
      </c>
      <c r="N135" s="17">
        <v>1.57</v>
      </c>
      <c r="O135" s="17">
        <v>1.58</v>
      </c>
      <c r="P135" s="17">
        <v>1.6</v>
      </c>
      <c r="Q135" s="17">
        <v>1.59</v>
      </c>
      <c r="R135" s="17">
        <v>1.6</v>
      </c>
      <c r="S135" s="17">
        <v>1.59</v>
      </c>
      <c r="T135" s="17">
        <v>1.62</v>
      </c>
      <c r="U135" s="17">
        <v>1.62</v>
      </c>
      <c r="V135" s="17">
        <v>1.64</v>
      </c>
      <c r="W135" s="17">
        <v>1.63</v>
      </c>
      <c r="X135" s="17">
        <v>1.62</v>
      </c>
      <c r="Y135" s="17">
        <v>1.63</v>
      </c>
      <c r="Z135" s="17">
        <v>1.51</v>
      </c>
      <c r="AA135" s="17">
        <v>1.61</v>
      </c>
      <c r="AB135" s="17">
        <v>1.64</v>
      </c>
      <c r="AC135" s="17">
        <v>1.62</v>
      </c>
      <c r="AD135" s="17">
        <v>1.64</v>
      </c>
      <c r="AE135" s="17">
        <v>1.64</v>
      </c>
      <c r="AF135" s="17">
        <v>1.65</v>
      </c>
      <c r="AG135" s="17">
        <v>1.65</v>
      </c>
      <c r="AH135" s="17">
        <v>1.66</v>
      </c>
      <c r="AI135" s="17">
        <v>1.66</v>
      </c>
      <c r="AJ135" s="76">
        <v>1.65</v>
      </c>
      <c r="AK135" s="76">
        <v>1.64</v>
      </c>
      <c r="AL135" s="76">
        <v>1.65</v>
      </c>
      <c r="AM135" s="17">
        <v>1.64</v>
      </c>
      <c r="AN135" s="17">
        <v>1.65</v>
      </c>
      <c r="AO135" s="17">
        <v>1.64</v>
      </c>
      <c r="AP135" s="17">
        <v>1.62</v>
      </c>
      <c r="AQ135" s="17">
        <v>1.63</v>
      </c>
      <c r="AR135" s="17">
        <v>1.63</v>
      </c>
      <c r="AS135" s="17">
        <v>1.65</v>
      </c>
      <c r="AT135" s="17">
        <v>1.64</v>
      </c>
      <c r="AU135" s="17">
        <v>1.66</v>
      </c>
      <c r="AV135" s="17">
        <v>1.65</v>
      </c>
      <c r="AW135" s="17">
        <v>1.67</v>
      </c>
      <c r="AX135" s="17">
        <v>1.68</v>
      </c>
      <c r="AY135" s="17">
        <v>1.67</v>
      </c>
      <c r="AZ135" s="17">
        <v>1.66</v>
      </c>
      <c r="BA135" s="17">
        <v>1.67</v>
      </c>
      <c r="BB135" s="17">
        <v>1.67</v>
      </c>
      <c r="BC135" s="17">
        <v>1.67</v>
      </c>
      <c r="BD135" s="17">
        <v>1.67</v>
      </c>
      <c r="BE135" s="17"/>
    </row>
    <row r="136" spans="3:57" x14ac:dyDescent="0.2">
      <c r="C136" s="23" t="s">
        <v>96</v>
      </c>
      <c r="D136" s="6" t="s">
        <v>58</v>
      </c>
      <c r="E136" s="17">
        <v>1.82</v>
      </c>
      <c r="F136" s="17">
        <v>1.82</v>
      </c>
      <c r="G136" s="17">
        <v>1.81</v>
      </c>
      <c r="H136" s="17">
        <v>1.8</v>
      </c>
      <c r="I136" s="17">
        <v>1.82</v>
      </c>
      <c r="J136" s="17">
        <v>1.84</v>
      </c>
      <c r="K136" s="17">
        <v>1.83</v>
      </c>
      <c r="L136" s="17">
        <v>1.82</v>
      </c>
      <c r="M136" s="17">
        <v>1.82</v>
      </c>
      <c r="N136" s="17">
        <v>1.81</v>
      </c>
      <c r="O136" s="17">
        <v>1.82</v>
      </c>
      <c r="P136" s="17">
        <v>1.8</v>
      </c>
      <c r="Q136" s="17">
        <v>1.79</v>
      </c>
      <c r="R136" s="17">
        <v>1.77</v>
      </c>
      <c r="S136" s="17">
        <v>1.72</v>
      </c>
      <c r="T136" s="17">
        <v>1.74</v>
      </c>
      <c r="U136" s="17">
        <v>1.74</v>
      </c>
      <c r="V136" s="17">
        <v>1.75</v>
      </c>
      <c r="W136" s="17">
        <v>1.75</v>
      </c>
      <c r="X136" s="17">
        <v>1.77</v>
      </c>
      <c r="Y136" s="17">
        <v>1.8</v>
      </c>
      <c r="Z136" s="17">
        <v>1.81</v>
      </c>
      <c r="AA136" s="17">
        <v>1.77</v>
      </c>
      <c r="AB136" s="17">
        <v>1.75</v>
      </c>
      <c r="AC136" s="17">
        <v>1.7</v>
      </c>
      <c r="AD136" s="17">
        <v>1.67</v>
      </c>
      <c r="AE136" s="17">
        <v>1.65</v>
      </c>
      <c r="AF136" s="17">
        <v>1.65</v>
      </c>
      <c r="AG136" s="17">
        <v>1.64</v>
      </c>
      <c r="AH136" s="17">
        <v>1.65</v>
      </c>
      <c r="AI136" s="17">
        <v>1.65</v>
      </c>
      <c r="AJ136" s="76">
        <v>1.65</v>
      </c>
      <c r="AK136" s="76">
        <v>1.65</v>
      </c>
      <c r="AL136" s="76">
        <v>1.67</v>
      </c>
      <c r="AM136" s="17">
        <v>1.67</v>
      </c>
      <c r="AN136" s="17">
        <v>1.69</v>
      </c>
      <c r="AO136" s="17">
        <v>1.72</v>
      </c>
      <c r="AP136" s="17">
        <v>1.71</v>
      </c>
      <c r="AQ136" s="17">
        <v>1.74</v>
      </c>
      <c r="AR136" s="17">
        <v>1.75</v>
      </c>
      <c r="AS136" s="17">
        <v>1.78</v>
      </c>
      <c r="AT136" s="17">
        <v>1.83</v>
      </c>
      <c r="AU136" s="17">
        <v>1.88</v>
      </c>
      <c r="AV136" s="17">
        <v>1.91</v>
      </c>
      <c r="AW136" s="17">
        <v>1.99</v>
      </c>
      <c r="AX136" s="17">
        <v>2</v>
      </c>
      <c r="AY136" s="17">
        <v>2.0099999999999998</v>
      </c>
      <c r="AZ136" s="17">
        <v>1.99</v>
      </c>
      <c r="BA136" s="17">
        <v>1.99</v>
      </c>
      <c r="BB136" s="17">
        <v>1.99</v>
      </c>
      <c r="BC136" s="17">
        <v>1.92</v>
      </c>
      <c r="BD136" s="17">
        <v>1.92</v>
      </c>
      <c r="BE136" s="17"/>
    </row>
    <row r="137" spans="3:57" x14ac:dyDescent="0.2">
      <c r="C137" s="67"/>
    </row>
    <row r="139" spans="3:57" x14ac:dyDescent="0.2">
      <c r="C139" s="23" t="s">
        <v>106</v>
      </c>
      <c r="D139" s="6" t="s">
        <v>58</v>
      </c>
      <c r="E139" s="17">
        <v>11.34</v>
      </c>
      <c r="F139" s="17">
        <v>11.37</v>
      </c>
      <c r="G139" s="17">
        <v>11.41</v>
      </c>
      <c r="H139" s="17">
        <v>11.42</v>
      </c>
      <c r="I139" s="17">
        <v>11.41</v>
      </c>
      <c r="J139" s="17">
        <v>11.39</v>
      </c>
      <c r="K139" s="17">
        <v>11.4</v>
      </c>
      <c r="L139" s="17">
        <v>11.41</v>
      </c>
      <c r="M139" s="17">
        <v>11.42</v>
      </c>
      <c r="N139" s="17">
        <v>11.4</v>
      </c>
      <c r="O139" s="17">
        <v>11.39</v>
      </c>
      <c r="P139" s="17">
        <v>11.37</v>
      </c>
      <c r="Q139" s="17">
        <v>11.36</v>
      </c>
      <c r="R139" s="17">
        <v>11.36</v>
      </c>
      <c r="S139" s="17">
        <v>11.36</v>
      </c>
      <c r="T139" s="17">
        <v>11.35</v>
      </c>
      <c r="U139" s="17">
        <v>11.36</v>
      </c>
      <c r="V139" s="36">
        <v>11.38</v>
      </c>
      <c r="W139" s="70">
        <v>11.34</v>
      </c>
      <c r="X139" s="17">
        <v>11.27</v>
      </c>
      <c r="Y139" s="70">
        <v>11.24</v>
      </c>
      <c r="Z139" s="70">
        <v>11.23</v>
      </c>
      <c r="AA139" s="17">
        <v>11.23</v>
      </c>
      <c r="AB139" s="70">
        <v>11.2</v>
      </c>
      <c r="AC139" s="17">
        <v>11.21</v>
      </c>
      <c r="AD139" s="70">
        <v>11.22</v>
      </c>
      <c r="AE139" s="17">
        <v>11.23</v>
      </c>
      <c r="AF139" s="34">
        <v>11.22</v>
      </c>
      <c r="AG139" s="17">
        <v>11.2</v>
      </c>
      <c r="AH139" s="17">
        <v>11.17</v>
      </c>
      <c r="AI139" s="17">
        <v>11.16</v>
      </c>
      <c r="AJ139" s="17">
        <v>11.15</v>
      </c>
      <c r="AK139" s="17">
        <v>11.15</v>
      </c>
      <c r="AL139" s="17">
        <v>11.16</v>
      </c>
      <c r="AM139" s="17">
        <v>11.16</v>
      </c>
      <c r="AN139" s="17">
        <v>11.18</v>
      </c>
      <c r="AO139" s="17">
        <v>11.19</v>
      </c>
      <c r="AP139" s="17">
        <v>11.17</v>
      </c>
      <c r="AQ139" s="17">
        <v>11.16</v>
      </c>
      <c r="AR139" s="17">
        <v>11.13</v>
      </c>
      <c r="AS139" s="17">
        <v>11.15</v>
      </c>
      <c r="AT139" s="17">
        <v>11.15</v>
      </c>
      <c r="AU139" s="17">
        <v>11.17</v>
      </c>
      <c r="AV139" s="17">
        <v>11.14</v>
      </c>
      <c r="AW139" s="17">
        <v>11.11</v>
      </c>
      <c r="AX139" s="17">
        <v>11.14</v>
      </c>
      <c r="AY139" s="17">
        <v>11.15</v>
      </c>
      <c r="AZ139" s="17">
        <v>11.49</v>
      </c>
      <c r="BA139" s="17">
        <v>11.49</v>
      </c>
      <c r="BB139" s="17">
        <v>11.49</v>
      </c>
      <c r="BC139" s="17">
        <v>11.13</v>
      </c>
      <c r="BD139" s="17">
        <v>11.13</v>
      </c>
      <c r="BE139" s="23"/>
    </row>
    <row r="141" spans="3:57" x14ac:dyDescent="0.2">
      <c r="C141" s="79"/>
    </row>
    <row r="142" spans="3:57" ht="25.5" customHeight="1" x14ac:dyDescent="0.2">
      <c r="C142" s="219"/>
      <c r="D142" s="220"/>
      <c r="E142" s="220"/>
      <c r="F142" s="220"/>
      <c r="G142" s="220"/>
      <c r="H142" s="220"/>
      <c r="I142" s="220"/>
      <c r="J142" s="220"/>
      <c r="K142" s="220"/>
      <c r="L142" s="220"/>
      <c r="M142" s="220"/>
      <c r="N142" s="220"/>
    </row>
  </sheetData>
  <mergeCells count="3">
    <mergeCell ref="D4:G4"/>
    <mergeCell ref="C53:D55"/>
    <mergeCell ref="C142:N142"/>
  </mergeCells>
  <phoneticPr fontId="0" type="noConversion"/>
  <pageMargins left="0.75" right="0.75" top="0.16" bottom="1" header="0" footer="0"/>
  <pageSetup paperSize="9" orientation="landscape" horizontalDpi="300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22</vt:i4>
      </vt:variant>
      <vt:variant>
        <vt:lpstr>Rangos con nombre</vt:lpstr>
      </vt:variant>
      <vt:variant>
        <vt:i4>6</vt:i4>
      </vt:variant>
    </vt:vector>
  </HeadingPairs>
  <TitlesOfParts>
    <vt:vector size="28" baseType="lpstr">
      <vt:lpstr>2004</vt:lpstr>
      <vt:lpstr>2005</vt:lpstr>
      <vt:lpstr>2006</vt:lpstr>
      <vt:lpstr>2007</vt:lpstr>
      <vt:lpstr>2008</vt:lpstr>
      <vt:lpstr>2009</vt:lpstr>
      <vt:lpstr>2010</vt:lpstr>
      <vt:lpstr>2011</vt:lpstr>
      <vt:lpstr>2012</vt:lpstr>
      <vt:lpstr>2013</vt:lpstr>
      <vt:lpstr>2014</vt:lpstr>
      <vt:lpstr>2015</vt:lpstr>
      <vt:lpstr>2016</vt:lpstr>
      <vt:lpstr>2017</vt:lpstr>
      <vt:lpstr>2018</vt:lpstr>
      <vt:lpstr>2019</vt:lpstr>
      <vt:lpstr>2020</vt:lpstr>
      <vt:lpstr>2021</vt:lpstr>
      <vt:lpstr>2022</vt:lpstr>
      <vt:lpstr>2023</vt:lpstr>
      <vt:lpstr>2024</vt:lpstr>
      <vt:lpstr>Hoja1</vt:lpstr>
      <vt:lpstr>'2007'!Área_de_impresión</vt:lpstr>
      <vt:lpstr>'2008'!Área_de_impresión</vt:lpstr>
      <vt:lpstr>'2009'!Área_de_impresión</vt:lpstr>
      <vt:lpstr>'2010'!Área_de_impresión</vt:lpstr>
      <vt:lpstr>'2011'!Área_de_impresión</vt:lpstr>
      <vt:lpstr>'2012'!Área_de_impresión</vt:lpstr>
    </vt:vector>
  </TitlesOfParts>
  <Company>SECY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OSTALE</dc:creator>
  <cp:lastModifiedBy>Martín Rodríguez, Pascual</cp:lastModifiedBy>
  <cp:lastPrinted>2012-03-02T08:08:15Z</cp:lastPrinted>
  <dcterms:created xsi:type="dcterms:W3CDTF">2006-09-15T11:56:01Z</dcterms:created>
  <dcterms:modified xsi:type="dcterms:W3CDTF">2024-07-01T08:10:24Z</dcterms:modified>
</cp:coreProperties>
</file>